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bookmarkIdSeed="2">
  <p:sldMasterIdLst>
    <p:sldMasterId id="2147483648" r:id="rId1"/>
  </p:sldMasterIdLst>
  <p:notesMasterIdLst>
    <p:notesMasterId r:id="rId76"/>
  </p:notesMasterIdLst>
  <p:sldIdLst>
    <p:sldId id="812" r:id="rId2"/>
    <p:sldId id="914" r:id="rId3"/>
    <p:sldId id="813" r:id="rId4"/>
    <p:sldId id="941" r:id="rId5"/>
    <p:sldId id="927" r:id="rId6"/>
    <p:sldId id="728" r:id="rId7"/>
    <p:sldId id="1057" r:id="rId8"/>
    <p:sldId id="730" r:id="rId9"/>
    <p:sldId id="769" r:id="rId10"/>
    <p:sldId id="801" r:id="rId11"/>
    <p:sldId id="606" r:id="rId12"/>
    <p:sldId id="464" r:id="rId13"/>
    <p:sldId id="802" r:id="rId14"/>
    <p:sldId id="700" r:id="rId15"/>
    <p:sldId id="701" r:id="rId16"/>
    <p:sldId id="702" r:id="rId17"/>
    <p:sldId id="726" r:id="rId18"/>
    <p:sldId id="767" r:id="rId19"/>
    <p:sldId id="766" r:id="rId20"/>
    <p:sldId id="783" r:id="rId21"/>
    <p:sldId id="737" r:id="rId22"/>
    <p:sldId id="738" r:id="rId23"/>
    <p:sldId id="739" r:id="rId24"/>
    <p:sldId id="764" r:id="rId25"/>
    <p:sldId id="784" r:id="rId26"/>
    <p:sldId id="785" r:id="rId27"/>
    <p:sldId id="786" r:id="rId28"/>
    <p:sldId id="792" r:id="rId29"/>
    <p:sldId id="765" r:id="rId30"/>
    <p:sldId id="1043" r:id="rId31"/>
    <p:sldId id="1044" r:id="rId32"/>
    <p:sldId id="1045" r:id="rId33"/>
    <p:sldId id="1051" r:id="rId34"/>
    <p:sldId id="943" r:id="rId35"/>
    <p:sldId id="944" r:id="rId36"/>
    <p:sldId id="945" r:id="rId37"/>
    <p:sldId id="947" r:id="rId38"/>
    <p:sldId id="948" r:id="rId39"/>
    <p:sldId id="952" r:id="rId40"/>
    <p:sldId id="1061" r:id="rId41"/>
    <p:sldId id="1064" r:id="rId42"/>
    <p:sldId id="1065" r:id="rId43"/>
    <p:sldId id="1067" r:id="rId44"/>
    <p:sldId id="1060" r:id="rId45"/>
    <p:sldId id="961" r:id="rId46"/>
    <p:sldId id="942" r:id="rId47"/>
    <p:sldId id="1009" r:id="rId48"/>
    <p:sldId id="1010" r:id="rId49"/>
    <p:sldId id="1011" r:id="rId50"/>
    <p:sldId id="1029" r:id="rId51"/>
    <p:sldId id="1037" r:id="rId52"/>
    <p:sldId id="1040" r:id="rId53"/>
    <p:sldId id="1069" r:id="rId54"/>
    <p:sldId id="962" r:id="rId55"/>
    <p:sldId id="963" r:id="rId56"/>
    <p:sldId id="964" r:id="rId57"/>
    <p:sldId id="972" r:id="rId58"/>
    <p:sldId id="973" r:id="rId59"/>
    <p:sldId id="974" r:id="rId60"/>
    <p:sldId id="976" r:id="rId61"/>
    <p:sldId id="977" r:id="rId62"/>
    <p:sldId id="978" r:id="rId63"/>
    <p:sldId id="981" r:id="rId64"/>
    <p:sldId id="987" r:id="rId65"/>
    <p:sldId id="989" r:id="rId66"/>
    <p:sldId id="990" r:id="rId67"/>
    <p:sldId id="997" r:id="rId68"/>
    <p:sldId id="1003" r:id="rId69"/>
    <p:sldId id="1070" r:id="rId70"/>
    <p:sldId id="1008" r:id="rId71"/>
    <p:sldId id="886" r:id="rId72"/>
    <p:sldId id="887" r:id="rId73"/>
    <p:sldId id="888" r:id="rId74"/>
    <p:sldId id="898" r:id="rId75"/>
  </p:sldIdLst>
  <p:sldSz cx="9906000" cy="6858000" type="A4"/>
  <p:notesSz cx="6646863" cy="9777413"/>
  <p:defaultTextStyle>
    <a:defPPr>
      <a:defRPr lang="ja-JP"/>
    </a:defPPr>
    <a:lvl1pPr marL="0" algn="l" defTabSz="957700" rtl="0" eaLnBrk="1" latinLnBrk="0" hangingPunct="1">
      <a:defRPr kumimoji="1" sz="1900" kern="1200">
        <a:solidFill>
          <a:schemeClr val="tx1"/>
        </a:solidFill>
        <a:latin typeface="+mn-lt"/>
        <a:ea typeface="+mn-ea"/>
        <a:cs typeface="+mn-cs"/>
      </a:defRPr>
    </a:lvl1pPr>
    <a:lvl2pPr marL="478850" algn="l" defTabSz="957700" rtl="0" eaLnBrk="1" latinLnBrk="0" hangingPunct="1">
      <a:defRPr kumimoji="1" sz="1900" kern="1200">
        <a:solidFill>
          <a:schemeClr val="tx1"/>
        </a:solidFill>
        <a:latin typeface="+mn-lt"/>
        <a:ea typeface="+mn-ea"/>
        <a:cs typeface="+mn-cs"/>
      </a:defRPr>
    </a:lvl2pPr>
    <a:lvl3pPr marL="957700" algn="l" defTabSz="957700" rtl="0" eaLnBrk="1" latinLnBrk="0" hangingPunct="1">
      <a:defRPr kumimoji="1" sz="1900" kern="1200">
        <a:solidFill>
          <a:schemeClr val="tx1"/>
        </a:solidFill>
        <a:latin typeface="+mn-lt"/>
        <a:ea typeface="+mn-ea"/>
        <a:cs typeface="+mn-cs"/>
      </a:defRPr>
    </a:lvl3pPr>
    <a:lvl4pPr marL="1436551" algn="l" defTabSz="957700" rtl="0" eaLnBrk="1" latinLnBrk="0" hangingPunct="1">
      <a:defRPr kumimoji="1" sz="1900" kern="1200">
        <a:solidFill>
          <a:schemeClr val="tx1"/>
        </a:solidFill>
        <a:latin typeface="+mn-lt"/>
        <a:ea typeface="+mn-ea"/>
        <a:cs typeface="+mn-cs"/>
      </a:defRPr>
    </a:lvl4pPr>
    <a:lvl5pPr marL="1915402" algn="l" defTabSz="957700" rtl="0" eaLnBrk="1" latinLnBrk="0" hangingPunct="1">
      <a:defRPr kumimoji="1" sz="1900" kern="1200">
        <a:solidFill>
          <a:schemeClr val="tx1"/>
        </a:solidFill>
        <a:latin typeface="+mn-lt"/>
        <a:ea typeface="+mn-ea"/>
        <a:cs typeface="+mn-cs"/>
      </a:defRPr>
    </a:lvl5pPr>
    <a:lvl6pPr marL="2394252" algn="l" defTabSz="957700" rtl="0" eaLnBrk="1" latinLnBrk="0" hangingPunct="1">
      <a:defRPr kumimoji="1" sz="1900" kern="1200">
        <a:solidFill>
          <a:schemeClr val="tx1"/>
        </a:solidFill>
        <a:latin typeface="+mn-lt"/>
        <a:ea typeface="+mn-ea"/>
        <a:cs typeface="+mn-cs"/>
      </a:defRPr>
    </a:lvl6pPr>
    <a:lvl7pPr marL="2873102" algn="l" defTabSz="957700" rtl="0" eaLnBrk="1" latinLnBrk="0" hangingPunct="1">
      <a:defRPr kumimoji="1" sz="1900" kern="1200">
        <a:solidFill>
          <a:schemeClr val="tx1"/>
        </a:solidFill>
        <a:latin typeface="+mn-lt"/>
        <a:ea typeface="+mn-ea"/>
        <a:cs typeface="+mn-cs"/>
      </a:defRPr>
    </a:lvl7pPr>
    <a:lvl8pPr marL="3351952" algn="l" defTabSz="957700" rtl="0" eaLnBrk="1" latinLnBrk="0" hangingPunct="1">
      <a:defRPr kumimoji="1" sz="1900" kern="1200">
        <a:solidFill>
          <a:schemeClr val="tx1"/>
        </a:solidFill>
        <a:latin typeface="+mn-lt"/>
        <a:ea typeface="+mn-ea"/>
        <a:cs typeface="+mn-cs"/>
      </a:defRPr>
    </a:lvl8pPr>
    <a:lvl9pPr marL="3830803" algn="l" defTabSz="957700" rtl="0" eaLnBrk="1" latinLnBrk="0" hangingPunct="1">
      <a:defRPr kumimoji="1" sz="1900" kern="1200">
        <a:solidFill>
          <a:schemeClr val="tx1"/>
        </a:solidFill>
        <a:latin typeface="+mn-lt"/>
        <a:ea typeface="+mn-ea"/>
        <a:cs typeface="+mn-cs"/>
      </a:defRPr>
    </a:lvl9pPr>
  </p:defaultTextStyle>
  <p:extLst>
    <p:ext uri="{521415D9-36F7-43E2-AB2F-B90AF26B5E84}">
      <p14:sectionLst xmlns:p14="http://schemas.microsoft.com/office/powerpoint/2010/main">
        <p14:section name="既定のセクション" id="{409B0F4B-49C7-47ED-AD3A-DF7667E0D9AC}">
          <p14:sldIdLst>
            <p14:sldId id="812"/>
            <p14:sldId id="914"/>
            <p14:sldId id="813"/>
            <p14:sldId id="941"/>
            <p14:sldId id="927"/>
            <p14:sldId id="728"/>
            <p14:sldId id="1057"/>
            <p14:sldId id="730"/>
            <p14:sldId id="769"/>
            <p14:sldId id="801"/>
            <p14:sldId id="606"/>
            <p14:sldId id="464"/>
            <p14:sldId id="802"/>
            <p14:sldId id="700"/>
            <p14:sldId id="701"/>
            <p14:sldId id="702"/>
            <p14:sldId id="726"/>
            <p14:sldId id="767"/>
            <p14:sldId id="766"/>
            <p14:sldId id="783"/>
            <p14:sldId id="737"/>
            <p14:sldId id="738"/>
            <p14:sldId id="739"/>
            <p14:sldId id="764"/>
            <p14:sldId id="784"/>
            <p14:sldId id="785"/>
            <p14:sldId id="786"/>
            <p14:sldId id="792"/>
            <p14:sldId id="765"/>
            <p14:sldId id="1043"/>
            <p14:sldId id="1044"/>
            <p14:sldId id="1045"/>
            <p14:sldId id="1051"/>
            <p14:sldId id="943"/>
            <p14:sldId id="944"/>
            <p14:sldId id="945"/>
            <p14:sldId id="947"/>
            <p14:sldId id="948"/>
            <p14:sldId id="952"/>
            <p14:sldId id="1061"/>
            <p14:sldId id="1064"/>
            <p14:sldId id="1065"/>
            <p14:sldId id="1067"/>
            <p14:sldId id="1060"/>
            <p14:sldId id="961"/>
            <p14:sldId id="942"/>
            <p14:sldId id="1009"/>
            <p14:sldId id="1010"/>
            <p14:sldId id="1011"/>
            <p14:sldId id="1029"/>
            <p14:sldId id="1037"/>
            <p14:sldId id="1040"/>
            <p14:sldId id="1069"/>
            <p14:sldId id="962"/>
            <p14:sldId id="963"/>
            <p14:sldId id="964"/>
            <p14:sldId id="972"/>
            <p14:sldId id="973"/>
            <p14:sldId id="974"/>
            <p14:sldId id="976"/>
            <p14:sldId id="977"/>
            <p14:sldId id="978"/>
            <p14:sldId id="981"/>
            <p14:sldId id="987"/>
            <p14:sldId id="989"/>
            <p14:sldId id="990"/>
            <p14:sldId id="997"/>
            <p14:sldId id="1003"/>
            <p14:sldId id="1070"/>
            <p14:sldId id="1008"/>
            <p14:sldId id="886"/>
            <p14:sldId id="887"/>
            <p14:sldId id="888"/>
            <p14:sldId id="898"/>
          </p14:sldIdLst>
        </p14:section>
      </p14:section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793905"/>
    <a:srgbClr val="FF33CC"/>
    <a:srgbClr val="92D05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7E9639D4-E3E2-4D34-9284-5A2195B3D0D7}" styleName="スタイル (淡色)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6838" autoAdjust="0"/>
    <p:restoredTop sz="98390" autoAdjust="0"/>
  </p:normalViewPr>
  <p:slideViewPr>
    <p:cSldViewPr snapToGrid="0">
      <p:cViewPr>
        <p:scale>
          <a:sx n="66" d="100"/>
          <a:sy n="66" d="100"/>
        </p:scale>
        <p:origin x="-1218" y="-174"/>
      </p:cViewPr>
      <p:guideLst>
        <p:guide orient="horz" pos="2160"/>
        <p:guide pos="3120"/>
      </p:guideLst>
    </p:cSldViewPr>
  </p:slideViewPr>
  <p:outlineViewPr>
    <p:cViewPr>
      <p:scale>
        <a:sx n="33" d="100"/>
        <a:sy n="33" d="100"/>
      </p:scale>
      <p:origin x="0" y="11100"/>
    </p:cViewPr>
  </p:outlineViewPr>
  <p:notesTextViewPr>
    <p:cViewPr>
      <p:scale>
        <a:sx n="100" d="100"/>
        <a:sy n="100" d="100"/>
      </p:scale>
      <p:origin x="0" y="0"/>
    </p:cViewPr>
  </p:notesTextViewPr>
  <p:sorterViewPr>
    <p:cViewPr>
      <p:scale>
        <a:sx n="66" d="100"/>
        <a:sy n="66" d="100"/>
      </p:scale>
      <p:origin x="0" y="54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slide" Target="slides/slide67.xml"/><Relationship Id="rId76" Type="http://schemas.openxmlformats.org/officeDocument/2006/relationships/notesMaster" Target="notesMasters/notesMaster1.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theme" Target="theme/theme1.xml"/><Relationship Id="rId5" Type="http://schemas.openxmlformats.org/officeDocument/2006/relationships/slide" Target="slides/slide4.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tableStyles" Target="tableStyle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0" y="3"/>
            <a:ext cx="2880307" cy="488871"/>
          </a:xfrm>
          <a:prstGeom prst="rect">
            <a:avLst/>
          </a:prstGeom>
        </p:spPr>
        <p:txBody>
          <a:bodyPr vert="horz" lIns="93815" tIns="46908" rIns="93815" bIns="46908" rtlCol="0"/>
          <a:lstStyle>
            <a:lvl1pPr algn="l">
              <a:defRPr sz="1200"/>
            </a:lvl1pPr>
          </a:lstStyle>
          <a:p>
            <a:endParaRPr kumimoji="1" lang="ja-JP" altLang="en-US"/>
          </a:p>
        </p:txBody>
      </p:sp>
      <p:sp>
        <p:nvSpPr>
          <p:cNvPr id="3" name="日付プレースホルダ 2"/>
          <p:cNvSpPr>
            <a:spLocks noGrp="1"/>
          </p:cNvSpPr>
          <p:nvPr>
            <p:ph type="dt" idx="1"/>
          </p:nvPr>
        </p:nvSpPr>
        <p:spPr>
          <a:xfrm>
            <a:off x="3765018" y="3"/>
            <a:ext cx="2880307" cy="488871"/>
          </a:xfrm>
          <a:prstGeom prst="rect">
            <a:avLst/>
          </a:prstGeom>
        </p:spPr>
        <p:txBody>
          <a:bodyPr vert="horz" lIns="93815" tIns="46908" rIns="93815" bIns="46908" rtlCol="0"/>
          <a:lstStyle>
            <a:lvl1pPr algn="r">
              <a:defRPr sz="1200"/>
            </a:lvl1pPr>
          </a:lstStyle>
          <a:p>
            <a:fld id="{3FE87122-536F-4113-9855-49DB381A4353}" type="datetimeFigureOut">
              <a:rPr kumimoji="1" lang="ja-JP" altLang="en-US" smtClean="0"/>
              <a:pPr/>
              <a:t>2015/3/12</a:t>
            </a:fld>
            <a:endParaRPr kumimoji="1" lang="ja-JP" altLang="en-US"/>
          </a:p>
        </p:txBody>
      </p:sp>
      <p:sp>
        <p:nvSpPr>
          <p:cNvPr id="4" name="スライド イメージ プレースホルダ 3"/>
          <p:cNvSpPr>
            <a:spLocks noGrp="1" noRot="1" noChangeAspect="1"/>
          </p:cNvSpPr>
          <p:nvPr>
            <p:ph type="sldImg" idx="2"/>
          </p:nvPr>
        </p:nvSpPr>
        <p:spPr>
          <a:xfrm>
            <a:off x="677863" y="733425"/>
            <a:ext cx="5292725" cy="3665538"/>
          </a:xfrm>
          <a:prstGeom prst="rect">
            <a:avLst/>
          </a:prstGeom>
          <a:noFill/>
          <a:ln w="12700">
            <a:solidFill>
              <a:prstClr val="black"/>
            </a:solidFill>
          </a:ln>
        </p:spPr>
        <p:txBody>
          <a:bodyPr vert="horz" lIns="93815" tIns="46908" rIns="93815" bIns="46908" rtlCol="0" anchor="ctr"/>
          <a:lstStyle/>
          <a:p>
            <a:endParaRPr lang="ja-JP" altLang="en-US"/>
          </a:p>
        </p:txBody>
      </p:sp>
      <p:sp>
        <p:nvSpPr>
          <p:cNvPr id="5" name="ノート プレースホルダ 4"/>
          <p:cNvSpPr>
            <a:spLocks noGrp="1"/>
          </p:cNvSpPr>
          <p:nvPr>
            <p:ph type="body" sz="quarter" idx="3"/>
          </p:nvPr>
        </p:nvSpPr>
        <p:spPr>
          <a:xfrm>
            <a:off x="664687" y="4644272"/>
            <a:ext cx="5317490" cy="4399836"/>
          </a:xfrm>
          <a:prstGeom prst="rect">
            <a:avLst/>
          </a:prstGeom>
        </p:spPr>
        <p:txBody>
          <a:bodyPr vert="horz" lIns="93815" tIns="46908" rIns="93815" bIns="46908"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 5"/>
          <p:cNvSpPr>
            <a:spLocks noGrp="1"/>
          </p:cNvSpPr>
          <p:nvPr>
            <p:ph type="ftr" sz="quarter" idx="4"/>
          </p:nvPr>
        </p:nvSpPr>
        <p:spPr>
          <a:xfrm>
            <a:off x="0" y="9286849"/>
            <a:ext cx="2880307" cy="488871"/>
          </a:xfrm>
          <a:prstGeom prst="rect">
            <a:avLst/>
          </a:prstGeom>
        </p:spPr>
        <p:txBody>
          <a:bodyPr vert="horz" lIns="93815" tIns="46908" rIns="93815" bIns="46908" rtlCol="0" anchor="b"/>
          <a:lstStyle>
            <a:lvl1pPr algn="l">
              <a:defRPr sz="1200"/>
            </a:lvl1pPr>
          </a:lstStyle>
          <a:p>
            <a:endParaRPr kumimoji="1" lang="ja-JP" altLang="en-US"/>
          </a:p>
        </p:txBody>
      </p:sp>
      <p:sp>
        <p:nvSpPr>
          <p:cNvPr id="7" name="スライド番号プレースホルダ 6"/>
          <p:cNvSpPr>
            <a:spLocks noGrp="1"/>
          </p:cNvSpPr>
          <p:nvPr>
            <p:ph type="sldNum" sz="quarter" idx="5"/>
          </p:nvPr>
        </p:nvSpPr>
        <p:spPr>
          <a:xfrm>
            <a:off x="3765018" y="9286849"/>
            <a:ext cx="2880307" cy="488871"/>
          </a:xfrm>
          <a:prstGeom prst="rect">
            <a:avLst/>
          </a:prstGeom>
        </p:spPr>
        <p:txBody>
          <a:bodyPr vert="horz" lIns="93815" tIns="46908" rIns="93815" bIns="46908" rtlCol="0" anchor="b"/>
          <a:lstStyle>
            <a:lvl1pPr algn="r">
              <a:defRPr sz="1200"/>
            </a:lvl1pPr>
          </a:lstStyle>
          <a:p>
            <a:fld id="{5BA2E95C-A3BD-4D9C-BF79-AFA07D554CFA}" type="slidenum">
              <a:rPr kumimoji="1" lang="ja-JP" altLang="en-US" smtClean="0"/>
              <a:pPr/>
              <a:t>‹#›</a:t>
            </a:fld>
            <a:endParaRPr kumimoji="1" lang="ja-JP" altLang="en-US"/>
          </a:p>
        </p:txBody>
      </p:sp>
    </p:spTree>
    <p:extLst>
      <p:ext uri="{BB962C8B-B14F-4D97-AF65-F5344CB8AC3E}">
        <p14:creationId xmlns:p14="http://schemas.microsoft.com/office/powerpoint/2010/main" val="202785660"/>
      </p:ext>
    </p:extLst>
  </p:cSld>
  <p:clrMap bg1="lt1" tx1="dk1" bg2="lt2" tx2="dk2" accent1="accent1" accent2="accent2" accent3="accent3" accent4="accent4" accent5="accent5" accent6="accent6" hlink="hlink" folHlink="folHlink"/>
  <p:notesStyle>
    <a:lvl1pPr marL="0" algn="l" defTabSz="957700" rtl="0" eaLnBrk="1" latinLnBrk="0" hangingPunct="1">
      <a:defRPr kumimoji="1" sz="1300" kern="1200">
        <a:solidFill>
          <a:schemeClr val="tx1"/>
        </a:solidFill>
        <a:latin typeface="+mn-lt"/>
        <a:ea typeface="+mn-ea"/>
        <a:cs typeface="+mn-cs"/>
      </a:defRPr>
    </a:lvl1pPr>
    <a:lvl2pPr marL="478850" algn="l" defTabSz="957700" rtl="0" eaLnBrk="1" latinLnBrk="0" hangingPunct="1">
      <a:defRPr kumimoji="1" sz="1300" kern="1200">
        <a:solidFill>
          <a:schemeClr val="tx1"/>
        </a:solidFill>
        <a:latin typeface="+mn-lt"/>
        <a:ea typeface="+mn-ea"/>
        <a:cs typeface="+mn-cs"/>
      </a:defRPr>
    </a:lvl2pPr>
    <a:lvl3pPr marL="957700" algn="l" defTabSz="957700" rtl="0" eaLnBrk="1" latinLnBrk="0" hangingPunct="1">
      <a:defRPr kumimoji="1" sz="1300" kern="1200">
        <a:solidFill>
          <a:schemeClr val="tx1"/>
        </a:solidFill>
        <a:latin typeface="+mn-lt"/>
        <a:ea typeface="+mn-ea"/>
        <a:cs typeface="+mn-cs"/>
      </a:defRPr>
    </a:lvl3pPr>
    <a:lvl4pPr marL="1436551" algn="l" defTabSz="957700" rtl="0" eaLnBrk="1" latinLnBrk="0" hangingPunct="1">
      <a:defRPr kumimoji="1" sz="1300" kern="1200">
        <a:solidFill>
          <a:schemeClr val="tx1"/>
        </a:solidFill>
        <a:latin typeface="+mn-lt"/>
        <a:ea typeface="+mn-ea"/>
        <a:cs typeface="+mn-cs"/>
      </a:defRPr>
    </a:lvl4pPr>
    <a:lvl5pPr marL="1915402" algn="l" defTabSz="957700" rtl="0" eaLnBrk="1" latinLnBrk="0" hangingPunct="1">
      <a:defRPr kumimoji="1" sz="1300" kern="1200">
        <a:solidFill>
          <a:schemeClr val="tx1"/>
        </a:solidFill>
        <a:latin typeface="+mn-lt"/>
        <a:ea typeface="+mn-ea"/>
        <a:cs typeface="+mn-cs"/>
      </a:defRPr>
    </a:lvl5pPr>
    <a:lvl6pPr marL="2394252" algn="l" defTabSz="957700" rtl="0" eaLnBrk="1" latinLnBrk="0" hangingPunct="1">
      <a:defRPr kumimoji="1" sz="1300" kern="1200">
        <a:solidFill>
          <a:schemeClr val="tx1"/>
        </a:solidFill>
        <a:latin typeface="+mn-lt"/>
        <a:ea typeface="+mn-ea"/>
        <a:cs typeface="+mn-cs"/>
      </a:defRPr>
    </a:lvl6pPr>
    <a:lvl7pPr marL="2873102" algn="l" defTabSz="957700" rtl="0" eaLnBrk="1" latinLnBrk="0" hangingPunct="1">
      <a:defRPr kumimoji="1" sz="1300" kern="1200">
        <a:solidFill>
          <a:schemeClr val="tx1"/>
        </a:solidFill>
        <a:latin typeface="+mn-lt"/>
        <a:ea typeface="+mn-ea"/>
        <a:cs typeface="+mn-cs"/>
      </a:defRPr>
    </a:lvl7pPr>
    <a:lvl8pPr marL="3351952" algn="l" defTabSz="957700" rtl="0" eaLnBrk="1" latinLnBrk="0" hangingPunct="1">
      <a:defRPr kumimoji="1" sz="1300" kern="1200">
        <a:solidFill>
          <a:schemeClr val="tx1"/>
        </a:solidFill>
        <a:latin typeface="+mn-lt"/>
        <a:ea typeface="+mn-ea"/>
        <a:cs typeface="+mn-cs"/>
      </a:defRPr>
    </a:lvl8pPr>
    <a:lvl9pPr marL="3830803" algn="l" defTabSz="957700" rtl="0" eaLnBrk="1" latinLnBrk="0" hangingPunct="1">
      <a:defRPr kumimoji="1" sz="13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5BA2E95C-A3BD-4D9C-BF79-AFA07D554CFA}" type="slidenum">
              <a:rPr kumimoji="1" lang="ja-JP" altLang="en-US" smtClean="0"/>
              <a:pPr/>
              <a:t>1</a:t>
            </a:fld>
            <a:endParaRPr kumimoji="1" lang="ja-JP" alt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0</a:t>
            </a:fld>
            <a:endParaRPr kumimoji="1" lang="ja-JP" alt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1</a:t>
            </a:fld>
            <a:endParaRPr kumimoji="1" lang="ja-JP" alt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5</a:t>
            </a:fld>
            <a:endParaRPr kumimoji="1" lang="ja-JP" alt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6</a:t>
            </a:fld>
            <a:endParaRPr kumimoji="1" lang="ja-JP" alt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7</a:t>
            </a:fld>
            <a:endParaRPr kumimoji="1" lang="ja-JP" alt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28</a:t>
            </a:fld>
            <a:endParaRPr kumimoji="1" lang="ja-JP" alt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31</a:t>
            </a:fld>
            <a:endParaRPr kumimoji="1" lang="ja-JP" alt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32</a:t>
            </a:fld>
            <a:endParaRPr kumimoji="1" lang="ja-JP" alt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33</a:t>
            </a:fld>
            <a:endParaRPr kumimoji="1" lang="ja-JP" alt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6</a:t>
            </a:fld>
            <a:endParaRPr kumimoji="1" lang="ja-JP" alt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C045A4-C8FA-4529-A9B3-928B922D6577}" type="slidenum">
              <a:rPr kumimoji="1" lang="ja-JP" altLang="en-US" smtClean="0"/>
              <a:pPr/>
              <a:t>44</a:t>
            </a:fld>
            <a:endParaRPr kumimoji="1" lang="ja-JP" altLang="en-US"/>
          </a:p>
        </p:txBody>
      </p:sp>
    </p:spTree>
    <p:extLst>
      <p:ext uri="{BB962C8B-B14F-4D97-AF65-F5344CB8AC3E}">
        <p14:creationId xmlns:p14="http://schemas.microsoft.com/office/powerpoint/2010/main" val="54242713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C045A4-C8FA-4529-A9B3-928B922D6577}" type="slidenum">
              <a:rPr kumimoji="1" lang="ja-JP" altLang="en-US" smtClean="0"/>
              <a:pPr/>
              <a:t>45</a:t>
            </a:fld>
            <a:endParaRPr kumimoji="1" lang="ja-JP" altLang="en-US"/>
          </a:p>
        </p:txBody>
      </p:sp>
    </p:spTree>
    <p:extLst>
      <p:ext uri="{BB962C8B-B14F-4D97-AF65-F5344CB8AC3E}">
        <p14:creationId xmlns:p14="http://schemas.microsoft.com/office/powerpoint/2010/main" val="54242713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E77B2A58-34A9-4D75-91FD-222CAA55EB6E}" type="slidenum">
              <a:rPr lang="en-US" altLang="ja-JP" smtClean="0"/>
              <a:pPr>
                <a:defRPr/>
              </a:pPr>
              <a:t>49</a:t>
            </a:fld>
            <a:endParaRPr lang="en-US" altLang="ja-JP" dirty="0"/>
          </a:p>
        </p:txBody>
      </p:sp>
    </p:spTree>
    <p:extLst>
      <p:ext uri="{BB962C8B-B14F-4D97-AF65-F5344CB8AC3E}">
        <p14:creationId xmlns:p14="http://schemas.microsoft.com/office/powerpoint/2010/main" val="128955306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11C1AA7-FB06-4213-A7C0-9A489C44C962}" type="slidenum">
              <a:rPr kumimoji="1" lang="ja-JP" altLang="en-US" smtClean="0"/>
              <a:pPr/>
              <a:t>50</a:t>
            </a:fld>
            <a:endParaRPr kumimoji="1" lang="ja-JP" altLang="en-US"/>
          </a:p>
        </p:txBody>
      </p:sp>
    </p:spTree>
    <p:extLst>
      <p:ext uri="{BB962C8B-B14F-4D97-AF65-F5344CB8AC3E}">
        <p14:creationId xmlns:p14="http://schemas.microsoft.com/office/powerpoint/2010/main" val="117415441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909AAF5-10F5-40BA-99E8-E0C31DD4EED5}" type="slidenum">
              <a:rPr kumimoji="1" lang="ja-JP" altLang="en-US" smtClean="0"/>
              <a:pPr/>
              <a:t>58</a:t>
            </a:fld>
            <a:endParaRPr kumimoji="1" lang="ja-JP" altLang="en-US"/>
          </a:p>
        </p:txBody>
      </p:sp>
    </p:spTree>
    <p:extLst>
      <p:ext uri="{BB962C8B-B14F-4D97-AF65-F5344CB8AC3E}">
        <p14:creationId xmlns:p14="http://schemas.microsoft.com/office/powerpoint/2010/main" val="101327219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909AAF5-10F5-40BA-99E8-E0C31DD4EED5}" type="slidenum">
              <a:rPr kumimoji="1" lang="ja-JP" altLang="en-US" smtClean="0"/>
              <a:pPr/>
              <a:t>59</a:t>
            </a:fld>
            <a:endParaRPr kumimoji="1" lang="ja-JP" altLang="en-US"/>
          </a:p>
        </p:txBody>
      </p:sp>
    </p:spTree>
    <p:extLst>
      <p:ext uri="{BB962C8B-B14F-4D97-AF65-F5344CB8AC3E}">
        <p14:creationId xmlns:p14="http://schemas.microsoft.com/office/powerpoint/2010/main" val="1010434490"/>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1" name="スライド イメージ プレースホルダ 1"/>
          <p:cNvSpPr>
            <a:spLocks noGrp="1" noRot="1" noChangeAspect="1"/>
          </p:cNvSpPr>
          <p:nvPr>
            <p:ph type="sldImg"/>
          </p:nvPr>
        </p:nvSpPr>
        <p:spPr bwMode="auto">
          <a:noFill/>
          <a:ln>
            <a:solidFill>
              <a:srgbClr val="000000"/>
            </a:solidFill>
            <a:miter lim="800000"/>
            <a:headEnd/>
            <a:tailEnd/>
          </a:ln>
        </p:spPr>
      </p:sp>
      <p:sp>
        <p:nvSpPr>
          <p:cNvPr id="40962" name="ノート プレースホルダ 2"/>
          <p:cNvSpPr>
            <a:spLocks noGrp="1"/>
          </p:cNvSpPr>
          <p:nvPr>
            <p:ph type="body" idx="1"/>
          </p:nvPr>
        </p:nvSpPr>
        <p:spPr bwMode="auto">
          <a:noFill/>
        </p:spPr>
        <p:txBody>
          <a:bodyPr wrap="square" numCol="1" anchor="t" anchorCtr="0" compatLnSpc="1">
            <a:prstTxWarp prst="textNoShape">
              <a:avLst/>
            </a:prstTxWarp>
          </a:bodyPr>
          <a:lstStyle/>
          <a:p>
            <a:pPr>
              <a:spcBef>
                <a:spcPct val="0"/>
              </a:spcBef>
            </a:pPr>
            <a:endParaRPr lang="en-US" altLang="ja-JP" dirty="0" smtClean="0"/>
          </a:p>
        </p:txBody>
      </p:sp>
      <p:sp>
        <p:nvSpPr>
          <p:cNvPr id="40963" name="スライド番号プレースホルダ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2497E558-FD6D-4601-9C37-6BEBF53DFD13}" type="slidenum">
              <a:rPr lang="ja-JP" altLang="en-US"/>
              <a:pPr fontAlgn="base">
                <a:spcBef>
                  <a:spcPct val="0"/>
                </a:spcBef>
                <a:spcAft>
                  <a:spcPct val="0"/>
                </a:spcAft>
              </a:pPr>
              <a:t>68</a:t>
            </a:fld>
            <a:endParaRPr lang="en-US" altLang="ja-JP"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lang="ja-JP" altLang="en-US" smtClean="0">
                <a:solidFill>
                  <a:prstClr val="black"/>
                </a:solidFill>
              </a:rPr>
              <a:pPr/>
              <a:t>71</a:t>
            </a:fld>
            <a:endParaRPr lang="ja-JP" altLang="en-US">
              <a:solidFill>
                <a:prstClr val="black"/>
              </a:solidFill>
            </a:endParaRP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676275" y="733425"/>
            <a:ext cx="5294313" cy="3665538"/>
          </a:xfrm>
        </p:spPr>
      </p:sp>
      <p:sp>
        <p:nvSpPr>
          <p:cNvPr id="3" name="ノート プレースホルダー 2"/>
          <p:cNvSpPr>
            <a:spLocks noGrp="1"/>
          </p:cNvSpPr>
          <p:nvPr>
            <p:ph type="body" idx="1"/>
          </p:nvPr>
        </p:nvSpPr>
        <p:spPr/>
        <p:txBody>
          <a:bodyPr/>
          <a:lstStyle/>
          <a:p>
            <a:endParaRPr kumimoji="1" lang="ja-JP" altLang="en-US" dirty="0"/>
          </a:p>
        </p:txBody>
      </p:sp>
    </p:spTree>
    <p:extLst>
      <p:ext uri="{BB962C8B-B14F-4D97-AF65-F5344CB8AC3E}">
        <p14:creationId xmlns:p14="http://schemas.microsoft.com/office/powerpoint/2010/main" val="350099830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7</a:t>
            </a:fld>
            <a:endParaRPr kumimoji="1" lang="ja-JP" alt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8</a:t>
            </a:fld>
            <a:endParaRPr kumimoji="1" lang="ja-JP" alt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0</a:t>
            </a:fld>
            <a:endParaRPr kumimoji="1" lang="ja-JP" alt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1</a:t>
            </a:fld>
            <a:endParaRPr kumimoji="1" lang="ja-JP" alt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2</a:t>
            </a:fld>
            <a:endParaRPr kumimoji="1" lang="ja-JP" alt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4</a:t>
            </a:fld>
            <a:endParaRPr kumimoji="1" lang="ja-JP" alt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a:xfrm>
            <a:off x="677863" y="733425"/>
            <a:ext cx="5292725" cy="3665538"/>
          </a:xfrm>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12C045A4-C8FA-4529-A9B3-928B922D6577}" type="slidenum">
              <a:rPr kumimoji="1" lang="ja-JP" altLang="en-US" smtClean="0"/>
              <a:pPr/>
              <a:t>15</a:t>
            </a:fld>
            <a:endParaRPr kumimoji="1" lang="ja-JP" alt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539"/>
            <a:ext cx="84201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78850" indent="0" algn="ctr">
              <a:buNone/>
              <a:defRPr>
                <a:solidFill>
                  <a:schemeClr val="tx1">
                    <a:tint val="75000"/>
                  </a:schemeClr>
                </a:solidFill>
              </a:defRPr>
            </a:lvl2pPr>
            <a:lvl3pPr marL="957700" indent="0" algn="ctr">
              <a:buNone/>
              <a:defRPr>
                <a:solidFill>
                  <a:schemeClr val="tx1">
                    <a:tint val="75000"/>
                  </a:schemeClr>
                </a:solidFill>
              </a:defRPr>
            </a:lvl3pPr>
            <a:lvl4pPr marL="1436551" indent="0" algn="ctr">
              <a:buNone/>
              <a:defRPr>
                <a:solidFill>
                  <a:schemeClr val="tx1">
                    <a:tint val="75000"/>
                  </a:schemeClr>
                </a:solidFill>
              </a:defRPr>
            </a:lvl4pPr>
            <a:lvl5pPr marL="1915402" indent="0" algn="ctr">
              <a:buNone/>
              <a:defRPr>
                <a:solidFill>
                  <a:schemeClr val="tx1">
                    <a:tint val="75000"/>
                  </a:schemeClr>
                </a:solidFill>
              </a:defRPr>
            </a:lvl5pPr>
            <a:lvl6pPr marL="2394252" indent="0" algn="ctr">
              <a:buNone/>
              <a:defRPr>
                <a:solidFill>
                  <a:schemeClr val="tx1">
                    <a:tint val="75000"/>
                  </a:schemeClr>
                </a:solidFill>
              </a:defRPr>
            </a:lvl6pPr>
            <a:lvl7pPr marL="2873102" indent="0" algn="ctr">
              <a:buNone/>
              <a:defRPr>
                <a:solidFill>
                  <a:schemeClr val="tx1">
                    <a:tint val="75000"/>
                  </a:schemeClr>
                </a:solidFill>
              </a:defRPr>
            </a:lvl7pPr>
            <a:lvl8pPr marL="3351952" indent="0" algn="ctr">
              <a:buNone/>
              <a:defRPr>
                <a:solidFill>
                  <a:schemeClr val="tx1">
                    <a:tint val="75000"/>
                  </a:schemeClr>
                </a:solidFill>
              </a:defRPr>
            </a:lvl8pPr>
            <a:lvl9pPr marL="3830803"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a:xfrm>
            <a:off x="7594600" y="6633029"/>
            <a:ext cx="2311400" cy="225055"/>
          </a:xfrm>
        </p:spPr>
        <p:txBody>
          <a:bodyPr/>
          <a:lstStyle/>
          <a:p>
            <a:fld id="{37EF5067-3AB7-4642-9103-42CBD40CC6D9}" type="slidenum">
              <a:rPr kumimoji="1" lang="ja-JP" altLang="en-US" smtClean="0"/>
              <a:pPr/>
              <a:t>‹#›</a:t>
            </a:fld>
            <a:endParaRPr kumimoji="1" lang="ja-JP" alt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37EF5067-3AB7-4642-9103-42CBD40CC6D9}" type="slidenum">
              <a:rPr kumimoji="1" lang="ja-JP" altLang="en-US" smtClean="0"/>
              <a:pPr/>
              <a:t>‹#›</a:t>
            </a:fld>
            <a:endParaRPr kumimoji="1" lang="ja-JP" alt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a:xfrm>
            <a:off x="7594600" y="6618513"/>
            <a:ext cx="2311400" cy="219187"/>
          </a:xfrm>
        </p:spPr>
        <p:txBody>
          <a:bodyPr/>
          <a:lstStyle/>
          <a:p>
            <a:fld id="{37EF5067-3AB7-4642-9103-42CBD40CC6D9}" type="slidenum">
              <a:rPr kumimoji="1" lang="ja-JP" altLang="en-US" smtClean="0"/>
              <a:pPr/>
              <a:t>‹#›</a:t>
            </a:fld>
            <a:endParaRPr kumimoji="1"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vertTx">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37EF5067-3AB7-4642-9103-42CBD40CC6D9}" type="slidenum">
              <a:rPr kumimoji="1" lang="ja-JP" altLang="en-US" smtClean="0"/>
              <a:pPr/>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itleOnly">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0E11F6A3-377A-49CC-B8AD-407C227BB939}" type="slidenum">
              <a:rPr kumimoji="1" lang="ja-JP" altLang="en-US" smtClean="0"/>
              <a:pPr/>
              <a:t>‹#›</a:t>
            </a:fld>
            <a:endParaRPr kumimoji="1" lang="ja-JP" altLang="en-US"/>
          </a:p>
        </p:txBody>
      </p:sp>
    </p:spTree>
    <p:extLst>
      <p:ext uri="{BB962C8B-B14F-4D97-AF65-F5344CB8AC3E}">
        <p14:creationId xmlns:p14="http://schemas.microsoft.com/office/powerpoint/2010/main" val="288610136"/>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theme" Target="../theme/theme1.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95300" y="274638"/>
            <a:ext cx="8915400" cy="1143000"/>
          </a:xfrm>
          <a:prstGeom prst="rect">
            <a:avLst/>
          </a:prstGeom>
        </p:spPr>
        <p:txBody>
          <a:bodyPr vert="horz" lIns="95770" tIns="47886" rIns="95770" bIns="47886"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95300" y="1600206"/>
            <a:ext cx="8915400" cy="4525963"/>
          </a:xfrm>
          <a:prstGeom prst="rect">
            <a:avLst/>
          </a:prstGeom>
        </p:spPr>
        <p:txBody>
          <a:bodyPr vert="horz" lIns="95770" tIns="47886" rIns="95770" bIns="47886"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95300" y="6356464"/>
            <a:ext cx="2311400" cy="365125"/>
          </a:xfrm>
          <a:prstGeom prst="rect">
            <a:avLst/>
          </a:prstGeom>
        </p:spPr>
        <p:txBody>
          <a:bodyPr vert="horz" lIns="95770" tIns="47886" rIns="95770" bIns="47886" rtlCol="0" anchor="ctr"/>
          <a:lstStyle>
            <a:lvl1pPr algn="l">
              <a:defRPr sz="1300">
                <a:solidFill>
                  <a:schemeClr val="tx1">
                    <a:tint val="75000"/>
                  </a:schemeClr>
                </a:solidFill>
              </a:defRPr>
            </a:lvl1pPr>
          </a:lstStyle>
          <a:p>
            <a:endParaRPr kumimoji="1" lang="ja-JP" altLang="en-US"/>
          </a:p>
        </p:txBody>
      </p:sp>
      <p:sp>
        <p:nvSpPr>
          <p:cNvPr id="5" name="フッター プレースホルダ 4"/>
          <p:cNvSpPr>
            <a:spLocks noGrp="1"/>
          </p:cNvSpPr>
          <p:nvPr>
            <p:ph type="ftr" sz="quarter" idx="3"/>
          </p:nvPr>
        </p:nvSpPr>
        <p:spPr>
          <a:xfrm>
            <a:off x="3384550" y="6356464"/>
            <a:ext cx="3136900" cy="365125"/>
          </a:xfrm>
          <a:prstGeom prst="rect">
            <a:avLst/>
          </a:prstGeom>
        </p:spPr>
        <p:txBody>
          <a:bodyPr vert="horz" lIns="95770" tIns="47886" rIns="95770" bIns="47886" rtlCol="0" anchor="ctr"/>
          <a:lstStyle>
            <a:lvl1pPr algn="ctr">
              <a:defRPr sz="13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7594600" y="6472576"/>
            <a:ext cx="2311400" cy="365125"/>
          </a:xfrm>
          <a:prstGeom prst="rect">
            <a:avLst/>
          </a:prstGeom>
        </p:spPr>
        <p:txBody>
          <a:bodyPr vert="horz" lIns="95770" tIns="47886" rIns="95770" bIns="47886" rtlCol="0" anchor="ctr"/>
          <a:lstStyle>
            <a:lvl1pPr algn="r">
              <a:defRPr sz="1300">
                <a:solidFill>
                  <a:schemeClr val="tx1">
                    <a:tint val="75000"/>
                  </a:schemeClr>
                </a:solidFill>
              </a:defRPr>
            </a:lvl1pPr>
          </a:lstStyle>
          <a:p>
            <a:fld id="{37EF5067-3AB7-4642-9103-42CBD40CC6D9}" type="slidenum">
              <a:rPr kumimoji="1" lang="ja-JP" altLang="en-US" smtClean="0"/>
              <a:pPr/>
              <a:t>‹#›</a:t>
            </a:fld>
            <a:endParaRPr kumimoji="1"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5" r:id="rId3"/>
    <p:sldLayoutId id="2147483656" r:id="rId4"/>
    <p:sldLayoutId id="2147483657" r:id="rId5"/>
  </p:sldLayoutIdLst>
  <p:hf hdr="0" ftr="0" dt="0"/>
  <p:txStyles>
    <p:titleStyle>
      <a:lvl1pPr algn="ctr" defTabSz="957700" rtl="0" eaLnBrk="1" latinLnBrk="0" hangingPunct="1">
        <a:spcBef>
          <a:spcPct val="0"/>
        </a:spcBef>
        <a:buNone/>
        <a:defRPr kumimoji="1" sz="4600" kern="1200">
          <a:solidFill>
            <a:schemeClr val="tx1"/>
          </a:solidFill>
          <a:latin typeface="+mj-lt"/>
          <a:ea typeface="+mj-ea"/>
          <a:cs typeface="+mj-cs"/>
        </a:defRPr>
      </a:lvl1pPr>
    </p:titleStyle>
    <p:bodyStyle>
      <a:lvl1pPr marL="359138" indent="-359138" algn="l" defTabSz="957700" rtl="0" eaLnBrk="1" latinLnBrk="0" hangingPunct="1">
        <a:spcBef>
          <a:spcPct val="20000"/>
        </a:spcBef>
        <a:buFont typeface="Arial" pitchFamily="34" charset="0"/>
        <a:buChar char="•"/>
        <a:defRPr kumimoji="1" sz="3400" kern="1200">
          <a:solidFill>
            <a:schemeClr val="tx1"/>
          </a:solidFill>
          <a:latin typeface="+mn-lt"/>
          <a:ea typeface="+mn-ea"/>
          <a:cs typeface="+mn-cs"/>
        </a:defRPr>
      </a:lvl1pPr>
      <a:lvl2pPr marL="778132" indent="-299281" algn="l" defTabSz="957700" rtl="0" eaLnBrk="1" latinLnBrk="0" hangingPunct="1">
        <a:spcBef>
          <a:spcPct val="20000"/>
        </a:spcBef>
        <a:buFont typeface="Arial" pitchFamily="34" charset="0"/>
        <a:buChar char="–"/>
        <a:defRPr kumimoji="1" sz="2900" kern="1200">
          <a:solidFill>
            <a:schemeClr val="tx1"/>
          </a:solidFill>
          <a:latin typeface="+mn-lt"/>
          <a:ea typeface="+mn-ea"/>
          <a:cs typeface="+mn-cs"/>
        </a:defRPr>
      </a:lvl2pPr>
      <a:lvl3pPr marL="1197126" indent="-239425" algn="l" defTabSz="957700" rtl="0" eaLnBrk="1" latinLnBrk="0" hangingPunct="1">
        <a:spcBef>
          <a:spcPct val="20000"/>
        </a:spcBef>
        <a:buFont typeface="Arial" pitchFamily="34" charset="0"/>
        <a:buChar char="•"/>
        <a:defRPr kumimoji="1" sz="2500" kern="1200">
          <a:solidFill>
            <a:schemeClr val="tx1"/>
          </a:solidFill>
          <a:latin typeface="+mn-lt"/>
          <a:ea typeface="+mn-ea"/>
          <a:cs typeface="+mn-cs"/>
        </a:defRPr>
      </a:lvl3pPr>
      <a:lvl4pPr marL="1675976" indent="-239425" algn="l" defTabSz="957700" rtl="0" eaLnBrk="1" latinLnBrk="0" hangingPunct="1">
        <a:spcBef>
          <a:spcPct val="20000"/>
        </a:spcBef>
        <a:buFont typeface="Arial" pitchFamily="34" charset="0"/>
        <a:buChar char="–"/>
        <a:defRPr kumimoji="1" sz="2100" kern="1200">
          <a:solidFill>
            <a:schemeClr val="tx1"/>
          </a:solidFill>
          <a:latin typeface="+mn-lt"/>
          <a:ea typeface="+mn-ea"/>
          <a:cs typeface="+mn-cs"/>
        </a:defRPr>
      </a:lvl4pPr>
      <a:lvl5pPr marL="2154826" indent="-239425" algn="l" defTabSz="957700" rtl="0" eaLnBrk="1" latinLnBrk="0" hangingPunct="1">
        <a:spcBef>
          <a:spcPct val="20000"/>
        </a:spcBef>
        <a:buFont typeface="Arial" pitchFamily="34" charset="0"/>
        <a:buChar char="»"/>
        <a:defRPr kumimoji="1" sz="2100" kern="1200">
          <a:solidFill>
            <a:schemeClr val="tx1"/>
          </a:solidFill>
          <a:latin typeface="+mn-lt"/>
          <a:ea typeface="+mn-ea"/>
          <a:cs typeface="+mn-cs"/>
        </a:defRPr>
      </a:lvl5pPr>
      <a:lvl6pPr marL="2633677" indent="-239425" algn="l" defTabSz="957700" rtl="0" eaLnBrk="1" latinLnBrk="0" hangingPunct="1">
        <a:spcBef>
          <a:spcPct val="20000"/>
        </a:spcBef>
        <a:buFont typeface="Arial" pitchFamily="34" charset="0"/>
        <a:buChar char="•"/>
        <a:defRPr kumimoji="1" sz="2100" kern="1200">
          <a:solidFill>
            <a:schemeClr val="tx1"/>
          </a:solidFill>
          <a:latin typeface="+mn-lt"/>
          <a:ea typeface="+mn-ea"/>
          <a:cs typeface="+mn-cs"/>
        </a:defRPr>
      </a:lvl6pPr>
      <a:lvl7pPr marL="3112527" indent="-239425" algn="l" defTabSz="957700" rtl="0" eaLnBrk="1" latinLnBrk="0" hangingPunct="1">
        <a:spcBef>
          <a:spcPct val="20000"/>
        </a:spcBef>
        <a:buFont typeface="Arial" pitchFamily="34" charset="0"/>
        <a:buChar char="•"/>
        <a:defRPr kumimoji="1" sz="2100" kern="1200">
          <a:solidFill>
            <a:schemeClr val="tx1"/>
          </a:solidFill>
          <a:latin typeface="+mn-lt"/>
          <a:ea typeface="+mn-ea"/>
          <a:cs typeface="+mn-cs"/>
        </a:defRPr>
      </a:lvl7pPr>
      <a:lvl8pPr marL="3591379" indent="-239425" algn="l" defTabSz="957700" rtl="0" eaLnBrk="1" latinLnBrk="0" hangingPunct="1">
        <a:spcBef>
          <a:spcPct val="20000"/>
        </a:spcBef>
        <a:buFont typeface="Arial" pitchFamily="34" charset="0"/>
        <a:buChar char="•"/>
        <a:defRPr kumimoji="1" sz="2100" kern="1200">
          <a:solidFill>
            <a:schemeClr val="tx1"/>
          </a:solidFill>
          <a:latin typeface="+mn-lt"/>
          <a:ea typeface="+mn-ea"/>
          <a:cs typeface="+mn-cs"/>
        </a:defRPr>
      </a:lvl8pPr>
      <a:lvl9pPr marL="4070229" indent="-239425" algn="l" defTabSz="957700" rtl="0" eaLnBrk="1" latinLnBrk="0" hangingPunct="1">
        <a:spcBef>
          <a:spcPct val="20000"/>
        </a:spcBef>
        <a:buFont typeface="Arial" pitchFamily="34" charset="0"/>
        <a:buChar char="•"/>
        <a:defRPr kumimoji="1" sz="2100" kern="1200">
          <a:solidFill>
            <a:schemeClr val="tx1"/>
          </a:solidFill>
          <a:latin typeface="+mn-lt"/>
          <a:ea typeface="+mn-ea"/>
          <a:cs typeface="+mn-cs"/>
        </a:defRPr>
      </a:lvl9pPr>
    </p:bodyStyle>
    <p:otherStyle>
      <a:defPPr>
        <a:defRPr lang="ja-JP"/>
      </a:defPPr>
      <a:lvl1pPr marL="0" algn="l" defTabSz="957700" rtl="0" eaLnBrk="1" latinLnBrk="0" hangingPunct="1">
        <a:defRPr kumimoji="1" sz="1900" kern="1200">
          <a:solidFill>
            <a:schemeClr val="tx1"/>
          </a:solidFill>
          <a:latin typeface="+mn-lt"/>
          <a:ea typeface="+mn-ea"/>
          <a:cs typeface="+mn-cs"/>
        </a:defRPr>
      </a:lvl1pPr>
      <a:lvl2pPr marL="478850" algn="l" defTabSz="957700" rtl="0" eaLnBrk="1" latinLnBrk="0" hangingPunct="1">
        <a:defRPr kumimoji="1" sz="1900" kern="1200">
          <a:solidFill>
            <a:schemeClr val="tx1"/>
          </a:solidFill>
          <a:latin typeface="+mn-lt"/>
          <a:ea typeface="+mn-ea"/>
          <a:cs typeface="+mn-cs"/>
        </a:defRPr>
      </a:lvl2pPr>
      <a:lvl3pPr marL="957700" algn="l" defTabSz="957700" rtl="0" eaLnBrk="1" latinLnBrk="0" hangingPunct="1">
        <a:defRPr kumimoji="1" sz="1900" kern="1200">
          <a:solidFill>
            <a:schemeClr val="tx1"/>
          </a:solidFill>
          <a:latin typeface="+mn-lt"/>
          <a:ea typeface="+mn-ea"/>
          <a:cs typeface="+mn-cs"/>
        </a:defRPr>
      </a:lvl3pPr>
      <a:lvl4pPr marL="1436551" algn="l" defTabSz="957700" rtl="0" eaLnBrk="1" latinLnBrk="0" hangingPunct="1">
        <a:defRPr kumimoji="1" sz="1900" kern="1200">
          <a:solidFill>
            <a:schemeClr val="tx1"/>
          </a:solidFill>
          <a:latin typeface="+mn-lt"/>
          <a:ea typeface="+mn-ea"/>
          <a:cs typeface="+mn-cs"/>
        </a:defRPr>
      </a:lvl4pPr>
      <a:lvl5pPr marL="1915402" algn="l" defTabSz="957700" rtl="0" eaLnBrk="1" latinLnBrk="0" hangingPunct="1">
        <a:defRPr kumimoji="1" sz="1900" kern="1200">
          <a:solidFill>
            <a:schemeClr val="tx1"/>
          </a:solidFill>
          <a:latin typeface="+mn-lt"/>
          <a:ea typeface="+mn-ea"/>
          <a:cs typeface="+mn-cs"/>
        </a:defRPr>
      </a:lvl5pPr>
      <a:lvl6pPr marL="2394252" algn="l" defTabSz="957700" rtl="0" eaLnBrk="1" latinLnBrk="0" hangingPunct="1">
        <a:defRPr kumimoji="1" sz="1900" kern="1200">
          <a:solidFill>
            <a:schemeClr val="tx1"/>
          </a:solidFill>
          <a:latin typeface="+mn-lt"/>
          <a:ea typeface="+mn-ea"/>
          <a:cs typeface="+mn-cs"/>
        </a:defRPr>
      </a:lvl6pPr>
      <a:lvl7pPr marL="2873102" algn="l" defTabSz="957700" rtl="0" eaLnBrk="1" latinLnBrk="0" hangingPunct="1">
        <a:defRPr kumimoji="1" sz="1900" kern="1200">
          <a:solidFill>
            <a:schemeClr val="tx1"/>
          </a:solidFill>
          <a:latin typeface="+mn-lt"/>
          <a:ea typeface="+mn-ea"/>
          <a:cs typeface="+mn-cs"/>
        </a:defRPr>
      </a:lvl7pPr>
      <a:lvl8pPr marL="3351952" algn="l" defTabSz="957700" rtl="0" eaLnBrk="1" latinLnBrk="0" hangingPunct="1">
        <a:defRPr kumimoji="1" sz="1900" kern="1200">
          <a:solidFill>
            <a:schemeClr val="tx1"/>
          </a:solidFill>
          <a:latin typeface="+mn-lt"/>
          <a:ea typeface="+mn-ea"/>
          <a:cs typeface="+mn-cs"/>
        </a:defRPr>
      </a:lvl8pPr>
      <a:lvl9pPr marL="3830803" algn="l" defTabSz="957700" rtl="0" eaLnBrk="1" latinLnBrk="0" hangingPunct="1">
        <a:defRPr kumimoji="1" sz="19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3.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6.xml"/><Relationship Id="rId1" Type="http://schemas.openxmlformats.org/officeDocument/2006/relationships/slideLayout" Target="../slideLayouts/slideLayout1.xml"/><Relationship Id="rId4" Type="http://schemas.openxmlformats.org/officeDocument/2006/relationships/image" Target="../media/image7.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image" Target="../media/image8.emf"/><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9.xml"/><Relationship Id="rId1" Type="http://schemas.openxmlformats.org/officeDocument/2006/relationships/slideLayout" Target="../slideLayouts/slideLayout1.xml"/><Relationship Id="rId5" Type="http://schemas.openxmlformats.org/officeDocument/2006/relationships/image" Target="../media/image11.emf"/><Relationship Id="rId4" Type="http://schemas.openxmlformats.org/officeDocument/2006/relationships/image" Target="../media/image10.jpeg"/></Relationships>
</file>

<file path=ppt/slides/_rels/slide16.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jpeg"/><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image" Target="../media/image14.emf"/><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9.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jpeg"/><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jpeg"/><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image" Target="../media/image19.emf"/><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3" Type="http://schemas.openxmlformats.org/officeDocument/2006/relationships/image" Target="../media/image20.jpeg"/><Relationship Id="rId2" Type="http://schemas.openxmlformats.org/officeDocument/2006/relationships/notesSlide" Target="../notesSlides/notesSlide14.xml"/><Relationship Id="rId1" Type="http://schemas.openxmlformats.org/officeDocument/2006/relationships/slideLayout" Target="../slideLayouts/slideLayout1.xml"/><Relationship Id="rId4" Type="http://schemas.openxmlformats.org/officeDocument/2006/relationships/image" Target="../media/image21.png"/></Relationships>
</file>

<file path=ppt/slides/_rels/slide27.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15.xml"/><Relationship Id="rId1" Type="http://schemas.openxmlformats.org/officeDocument/2006/relationships/slideLayout" Target="../slideLayouts/slideLayout1.xml"/><Relationship Id="rId5" Type="http://schemas.openxmlformats.org/officeDocument/2006/relationships/image" Target="../media/image24.png"/><Relationship Id="rId4" Type="http://schemas.openxmlformats.org/officeDocument/2006/relationships/image" Target="../media/image23.png"/></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2" Type="http://schemas.openxmlformats.org/officeDocument/2006/relationships/image" Target="../media/image25.emf"/><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8" Type="http://schemas.openxmlformats.org/officeDocument/2006/relationships/image" Target="../media/image31.jpeg"/><Relationship Id="rId13" Type="http://schemas.openxmlformats.org/officeDocument/2006/relationships/image" Target="../media/image36.png"/><Relationship Id="rId18" Type="http://schemas.openxmlformats.org/officeDocument/2006/relationships/image" Target="../media/image41.png"/><Relationship Id="rId3" Type="http://schemas.openxmlformats.org/officeDocument/2006/relationships/image" Target="../media/image26.png"/><Relationship Id="rId21" Type="http://schemas.openxmlformats.org/officeDocument/2006/relationships/image" Target="../media/image44.wmf"/><Relationship Id="rId7" Type="http://schemas.openxmlformats.org/officeDocument/2006/relationships/image" Target="../media/image30.png"/><Relationship Id="rId12" Type="http://schemas.openxmlformats.org/officeDocument/2006/relationships/image" Target="../media/image35.png"/><Relationship Id="rId17" Type="http://schemas.openxmlformats.org/officeDocument/2006/relationships/image" Target="../media/image40.png"/><Relationship Id="rId2" Type="http://schemas.openxmlformats.org/officeDocument/2006/relationships/notesSlide" Target="../notesSlides/notesSlide17.xml"/><Relationship Id="rId16" Type="http://schemas.openxmlformats.org/officeDocument/2006/relationships/image" Target="../media/image39.png"/><Relationship Id="rId20" Type="http://schemas.openxmlformats.org/officeDocument/2006/relationships/image" Target="../media/image43.png"/><Relationship Id="rId1" Type="http://schemas.openxmlformats.org/officeDocument/2006/relationships/slideLayout" Target="../slideLayouts/slideLayout1.xml"/><Relationship Id="rId6" Type="http://schemas.openxmlformats.org/officeDocument/2006/relationships/image" Target="../media/image29.png"/><Relationship Id="rId11" Type="http://schemas.openxmlformats.org/officeDocument/2006/relationships/image" Target="../media/image34.png"/><Relationship Id="rId5" Type="http://schemas.openxmlformats.org/officeDocument/2006/relationships/image" Target="../media/image28.png"/><Relationship Id="rId15" Type="http://schemas.openxmlformats.org/officeDocument/2006/relationships/image" Target="../media/image38.jpeg"/><Relationship Id="rId10" Type="http://schemas.openxmlformats.org/officeDocument/2006/relationships/image" Target="../media/image33.jpeg"/><Relationship Id="rId19" Type="http://schemas.openxmlformats.org/officeDocument/2006/relationships/image" Target="../media/image42.png"/><Relationship Id="rId4" Type="http://schemas.openxmlformats.org/officeDocument/2006/relationships/image" Target="../media/image27.jpeg"/><Relationship Id="rId9" Type="http://schemas.openxmlformats.org/officeDocument/2006/relationships/image" Target="../media/image32.png"/><Relationship Id="rId14" Type="http://schemas.openxmlformats.org/officeDocument/2006/relationships/image" Target="../media/image37.png"/></Relationships>
</file>

<file path=ppt/slides/_rels/slide32.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18.xml"/><Relationship Id="rId1" Type="http://schemas.openxmlformats.org/officeDocument/2006/relationships/slideLayout" Target="../slideLayouts/slideLayout1.xml"/><Relationship Id="rId4" Type="http://schemas.openxmlformats.org/officeDocument/2006/relationships/image" Target="../media/image46.png"/></Relationships>
</file>

<file path=ppt/slides/_rels/slide33.xml.rels><?xml version="1.0" encoding="UTF-8" standalone="yes"?>
<Relationships xmlns="http://schemas.openxmlformats.org/package/2006/relationships"><Relationship Id="rId3" Type="http://schemas.openxmlformats.org/officeDocument/2006/relationships/image" Target="../media/image47.emf"/><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5.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3.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7.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3.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9.xml.rels><?xml version="1.0" encoding="UTF-8" standalone="yes"?>
<Relationships xmlns="http://schemas.openxmlformats.org/package/2006/relationships"><Relationship Id="rId2" Type="http://schemas.openxmlformats.org/officeDocument/2006/relationships/image" Target="../media/image50.emf"/><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2.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3.xml"/></Relationships>
</file>

<file path=ppt/slides/_rels/slide43.xml.rels><?xml version="1.0" encoding="UTF-8" standalone="yes"?>
<Relationships xmlns="http://schemas.openxmlformats.org/package/2006/relationships"><Relationship Id="rId2" Type="http://schemas.openxmlformats.org/officeDocument/2006/relationships/image" Target="../media/image52.emf"/><Relationship Id="rId1" Type="http://schemas.openxmlformats.org/officeDocument/2006/relationships/slideLayout" Target="../slideLayouts/slideLayout3.xml"/></Relationships>
</file>

<file path=ppt/slides/_rels/slide44.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20.xml"/><Relationship Id="rId1" Type="http://schemas.openxmlformats.org/officeDocument/2006/relationships/slideLayout" Target="../slideLayouts/slideLayout3.xml"/><Relationship Id="rId4" Type="http://schemas.openxmlformats.org/officeDocument/2006/relationships/image" Target="../media/image54.png"/></Relationships>
</file>

<file path=ppt/slides/_rels/slide45.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notesSlide" Target="../notesSlides/notesSlide21.xml"/><Relationship Id="rId1" Type="http://schemas.openxmlformats.org/officeDocument/2006/relationships/slideLayout" Target="../slideLayouts/slideLayout3.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3.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3.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8.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24.xml"/><Relationship Id="rId1" Type="http://schemas.openxmlformats.org/officeDocument/2006/relationships/slideLayout" Target="../slideLayouts/slideLayout1.xml"/></Relationships>
</file>

<file path=ppt/slides/_rels/slide59.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1.xml.rels><?xml version="1.0" encoding="UTF-8" standalone="yes"?>
<Relationships xmlns="http://schemas.openxmlformats.org/package/2006/relationships"><Relationship Id="rId2" Type="http://schemas.openxmlformats.org/officeDocument/2006/relationships/image" Target="../media/image58.png"/><Relationship Id="rId1" Type="http://schemas.openxmlformats.org/officeDocument/2006/relationships/slideLayout" Target="../slideLayouts/slideLayout1.xml"/></Relationships>
</file>

<file path=ppt/slides/_rels/slide62.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slideLayout" Target="../slideLayouts/slideLayout1.xml"/></Relationships>
</file>

<file path=ppt/slides/_rels/slide63.xml.rels><?xml version="1.0" encoding="UTF-8" standalone="yes"?>
<Relationships xmlns="http://schemas.openxmlformats.org/package/2006/relationships"><Relationship Id="rId3" Type="http://schemas.openxmlformats.org/officeDocument/2006/relationships/image" Target="../media/image61.jpeg"/><Relationship Id="rId2" Type="http://schemas.openxmlformats.org/officeDocument/2006/relationships/image" Target="../media/image60.png"/><Relationship Id="rId1" Type="http://schemas.openxmlformats.org/officeDocument/2006/relationships/slideLayout" Target="../slideLayouts/slideLayout1.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66.xml.rels><?xml version="1.0" encoding="UTF-8" standalone="yes"?>
<Relationships xmlns="http://schemas.openxmlformats.org/package/2006/relationships"><Relationship Id="rId2" Type="http://schemas.openxmlformats.org/officeDocument/2006/relationships/image" Target="../media/image62.wmf"/><Relationship Id="rId1" Type="http://schemas.openxmlformats.org/officeDocument/2006/relationships/slideLayout" Target="../slideLayouts/slideLayout3.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68.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2" Type="http://schemas.openxmlformats.org/officeDocument/2006/relationships/image" Target="../media/image64.png"/><Relationship Id="rId1" Type="http://schemas.openxmlformats.org/officeDocument/2006/relationships/slideLayout" Target="../slideLayouts/slideLayout3.xml"/></Relationships>
</file>

<file path=ppt/slides/_rels/slide7.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3.xml"/><Relationship Id="rId1" Type="http://schemas.openxmlformats.org/officeDocument/2006/relationships/slideLayout" Target="../slideLayouts/slideLayout1.xml"/><Relationship Id="rId4" Type="http://schemas.openxmlformats.org/officeDocument/2006/relationships/image" Target="../media/image4.png"/></Relationships>
</file>

<file path=ppt/slides/_rels/slide70.xml.rels><?xml version="1.0" encoding="UTF-8" standalone="yes"?>
<Relationships xmlns="http://schemas.openxmlformats.org/package/2006/relationships"><Relationship Id="rId3" Type="http://schemas.openxmlformats.org/officeDocument/2006/relationships/image" Target="../media/image66.jpeg"/><Relationship Id="rId2" Type="http://schemas.openxmlformats.org/officeDocument/2006/relationships/image" Target="../media/image65.jpeg"/><Relationship Id="rId1" Type="http://schemas.openxmlformats.org/officeDocument/2006/relationships/slideLayout" Target="../slideLayouts/slideLayout5.xml"/></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73.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gif"/><Relationship Id="rId1" Type="http://schemas.openxmlformats.org/officeDocument/2006/relationships/slideLayout" Target="../slideLayouts/slideLayout3.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1"/>
          <p:cNvSpPr txBox="1">
            <a:spLocks/>
          </p:cNvSpPr>
          <p:nvPr/>
        </p:nvSpPr>
        <p:spPr>
          <a:xfrm>
            <a:off x="740532" y="1524001"/>
            <a:ext cx="8420100" cy="1790920"/>
          </a:xfrm>
          <a:prstGeom prst="rect">
            <a:avLst/>
          </a:prstGeom>
        </p:spPr>
        <p:txBody>
          <a:bodyPr>
            <a:norm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ja-JP" altLang="en-US" sz="4000" dirty="0" smtClean="0">
                <a:solidFill>
                  <a:prstClr val="black"/>
                </a:solidFill>
              </a:rPr>
              <a:t>１０年後の大阪を見すえて</a:t>
            </a:r>
            <a:endParaRPr lang="en-US" altLang="ja-JP" sz="4000" dirty="0" smtClean="0"/>
          </a:p>
          <a:p>
            <a:r>
              <a:rPr lang="ja-JP" altLang="en-US" sz="4000" dirty="0" smtClean="0"/>
              <a:t>＜ダイジェスト版＞　</a:t>
            </a:r>
            <a:endParaRPr lang="ja-JP" altLang="en-US" sz="2800" dirty="0"/>
          </a:p>
        </p:txBody>
      </p:sp>
      <p:sp>
        <p:nvSpPr>
          <p:cNvPr id="5" name="タイトル 1"/>
          <p:cNvSpPr txBox="1">
            <a:spLocks/>
          </p:cNvSpPr>
          <p:nvPr/>
        </p:nvSpPr>
        <p:spPr>
          <a:xfrm>
            <a:off x="2454311" y="4365175"/>
            <a:ext cx="4992555" cy="504055"/>
          </a:xfrm>
          <a:prstGeom prst="rect">
            <a:avLst/>
          </a:prstGeom>
        </p:spPr>
        <p:txBody>
          <a:bodyPr vert="horz" lIns="91440" tIns="45720" rIns="91440" bIns="45720" rtlCol="0" anchor="ctr">
            <a:normAutofit fontScale="77500" lnSpcReduction="20000"/>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en-US" altLang="ja-JP" sz="4000" dirty="0" smtClean="0">
                <a:solidFill>
                  <a:prstClr val="black"/>
                </a:solidFill>
              </a:rPr>
              <a:t>2014</a:t>
            </a:r>
            <a:r>
              <a:rPr lang="ja-JP" altLang="en-US" sz="4000" dirty="0" smtClean="0">
                <a:solidFill>
                  <a:prstClr val="black"/>
                </a:solidFill>
              </a:rPr>
              <a:t>年</a:t>
            </a:r>
            <a:r>
              <a:rPr lang="en-US" altLang="ja-JP" sz="4000" dirty="0" smtClean="0">
                <a:solidFill>
                  <a:prstClr val="black"/>
                </a:solidFill>
              </a:rPr>
              <a:t>12</a:t>
            </a:r>
            <a:r>
              <a:rPr lang="ja-JP" altLang="en-US" sz="4000" dirty="0">
                <a:solidFill>
                  <a:prstClr val="black"/>
                </a:solidFill>
              </a:rPr>
              <a:t>月</a:t>
            </a:r>
            <a:endParaRPr lang="en-US" altLang="ja-JP" sz="4000" dirty="0" smtClean="0">
              <a:solidFill>
                <a:prstClr val="black"/>
              </a:solidFill>
            </a:endParaRPr>
          </a:p>
        </p:txBody>
      </p:sp>
      <p:sp>
        <p:nvSpPr>
          <p:cNvPr id="9" name="タイトル 1"/>
          <p:cNvSpPr txBox="1">
            <a:spLocks/>
          </p:cNvSpPr>
          <p:nvPr/>
        </p:nvSpPr>
        <p:spPr>
          <a:xfrm>
            <a:off x="3311191" y="5301279"/>
            <a:ext cx="3278782" cy="946887"/>
          </a:xfrm>
          <a:prstGeom prst="rect">
            <a:avLst/>
          </a:prstGeom>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spcBef>
                <a:spcPts val="600"/>
              </a:spcBef>
            </a:pPr>
            <a:r>
              <a:rPr lang="ja-JP" altLang="en-US" sz="3200" dirty="0" smtClean="0">
                <a:solidFill>
                  <a:prstClr val="black"/>
                </a:solidFill>
              </a:rPr>
              <a:t>大阪府・大阪市</a:t>
            </a:r>
            <a:endParaRPr lang="ja-JP" altLang="en-US" sz="2000" dirty="0">
              <a:solidFill>
                <a:prstClr val="black"/>
              </a:solidFill>
            </a:endParaRPr>
          </a:p>
        </p:txBody>
      </p:sp>
      <p:cxnSp>
        <p:nvCxnSpPr>
          <p:cNvPr id="10" name="直線コネクタ 9"/>
          <p:cNvCxnSpPr/>
          <p:nvPr/>
        </p:nvCxnSpPr>
        <p:spPr>
          <a:xfrm>
            <a:off x="428497" y="3285778"/>
            <a:ext cx="8970997"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sp>
        <p:nvSpPr>
          <p:cNvPr id="12" name="スライド番号プレースホルダ 11"/>
          <p:cNvSpPr>
            <a:spLocks noGrp="1"/>
          </p:cNvSpPr>
          <p:nvPr>
            <p:ph type="sldNum" sz="quarter" idx="12"/>
          </p:nvPr>
        </p:nvSpPr>
        <p:spPr/>
        <p:txBody>
          <a:bodyPr/>
          <a:lstStyle/>
          <a:p>
            <a:fld id="{37EF5067-3AB7-4642-9103-42CBD40CC6D9}" type="slidenum">
              <a:rPr kumimoji="1" lang="ja-JP" altLang="en-US" smtClean="0"/>
              <a:pPr/>
              <a:t>1</a:t>
            </a:fld>
            <a:endParaRPr kumimoji="1" lang="ja-JP" altLang="en-US" dirty="0"/>
          </a:p>
        </p:txBody>
      </p:sp>
    </p:spTree>
    <p:extLst>
      <p:ext uri="{BB962C8B-B14F-4D97-AF65-F5344CB8AC3E}">
        <p14:creationId xmlns:p14="http://schemas.microsoft.com/office/powerpoint/2010/main" val="373847971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1600" y="469900"/>
            <a:ext cx="9652000" cy="62103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4" name="Rectangle 2"/>
          <p:cNvSpPr txBox="1">
            <a:spLocks noChangeArrowheads="1"/>
          </p:cNvSpPr>
          <p:nvPr/>
        </p:nvSpPr>
        <p:spPr bwMode="auto">
          <a:xfrm>
            <a:off x="0" y="2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２．中之島</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8464" y="431321"/>
            <a:ext cx="9649072" cy="6370975"/>
          </a:xfrm>
          <a:prstGeom prst="rect">
            <a:avLst/>
          </a:prstGeom>
          <a:noFill/>
          <a:ln>
            <a:noFill/>
            <a:prstDash val="sysDash"/>
          </a:ln>
        </p:spPr>
        <p:txBody>
          <a:bodyPr wrap="square" rtlCol="0">
            <a:spAutoFit/>
          </a:bodyPr>
          <a:lstStyle/>
          <a:p>
            <a:endParaRPr lang="en-US" altLang="ja-JP" sz="1200" dirty="0" smtClean="0"/>
          </a:p>
          <a:p>
            <a:endParaRPr lang="en-US" altLang="ja-JP" sz="1200" dirty="0" smtClean="0"/>
          </a:p>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sp>
        <p:nvSpPr>
          <p:cNvPr id="2050" name="Rectangle 2"/>
          <p:cNvSpPr>
            <a:spLocks noChangeArrowheads="1"/>
          </p:cNvSpPr>
          <p:nvPr/>
        </p:nvSpPr>
        <p:spPr bwMode="auto">
          <a:xfrm>
            <a:off x="135085" y="500545"/>
            <a:ext cx="9542315" cy="6249197"/>
          </a:xfrm>
          <a:prstGeom prst="rect">
            <a:avLst/>
          </a:prstGeom>
          <a:noFill/>
          <a:ln w="9525">
            <a:noFill/>
            <a:miter lim="800000"/>
            <a:headEnd/>
            <a:tailEnd/>
          </a:ln>
          <a:effectLst/>
        </p:spPr>
        <p:txBody>
          <a:bodyPr vert="horz" wrap="square" lIns="54000" tIns="54000" rIns="54000" bIns="54000" numCol="1" anchor="t"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sz="1400" b="1" i="0" u="none" strike="noStrike" cap="none" normalizeH="0" baseline="0" dirty="0" smtClean="0">
                <a:ln>
                  <a:noFill/>
                </a:ln>
                <a:solidFill>
                  <a:schemeClr val="tx1"/>
                </a:solidFill>
                <a:effectLst/>
                <a:latin typeface="+mn-ea"/>
                <a:cs typeface="メイリオ" pitchFamily="50" charset="-128"/>
              </a:rPr>
              <a:t>１．エリアの</a:t>
            </a:r>
            <a:r>
              <a:rPr lang="ja-JP" altLang="en-US" sz="1400" b="1" dirty="0" smtClean="0">
                <a:latin typeface="+mn-ea"/>
                <a:cs typeface="メイリオ" pitchFamily="50" charset="-128"/>
              </a:rPr>
              <a:t>現状</a:t>
            </a:r>
            <a:endParaRPr lang="en-US" altLang="ja-JP" sz="1400" dirty="0" smtClean="0">
              <a:latin typeface="+mn-ea"/>
              <a:cs typeface="メイリオ" pitchFamily="50" charset="-128"/>
            </a:endParaRPr>
          </a:p>
          <a:p>
            <a:pPr marL="266700" indent="-266700" defTabSz="914400" fontAlgn="base">
              <a:spcBef>
                <a:spcPct val="0"/>
              </a:spcBef>
              <a:spcAft>
                <a:spcPct val="0"/>
              </a:spcAft>
            </a:pP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　・</a:t>
            </a:r>
            <a:r>
              <a:rPr lang="ja-JP" altLang="en-US" sz="1300" dirty="0" smtClean="0">
                <a:latin typeface="ＭＳ Ｐ明朝" pitchFamily="18" charset="-128"/>
                <a:ea typeface="ＭＳ Ｐ明朝" pitchFamily="18" charset="-128"/>
              </a:rPr>
              <a:t> 古くから大阪の経済・文化・行政の中心であり、現在でも業務の中枢機能などが集積し、芸術・文化の発信拠点としての役割も担い、大阪の中心業務地区を形成している。また、堂島川と土佐堀川に挟まれ、水都大阪のシンボルアイランドとなっている。</a:t>
            </a:r>
            <a:endParaRPr lang="en-US" altLang="ja-JP" sz="1300" dirty="0" smtClean="0">
              <a:latin typeface="ＭＳ Ｐ明朝" pitchFamily="18" charset="-128"/>
              <a:ea typeface="ＭＳ Ｐ明朝" pitchFamily="18" charset="-128"/>
              <a:cs typeface="Times New Roman" pitchFamily="18" charset="0"/>
            </a:endParaRPr>
          </a:p>
          <a:p>
            <a:pPr marL="266700" marR="0" lvl="0" indent="-266700" algn="l" defTabSz="914400" rtl="0" eaLnBrk="1" fontAlgn="base" latinLnBrk="0" hangingPunct="1">
              <a:lnSpc>
                <a:spcPct val="100000"/>
              </a:lnSpc>
              <a:spcBef>
                <a:spcPct val="0"/>
              </a:spcBef>
              <a:spcAft>
                <a:spcPct val="0"/>
              </a:spcAft>
              <a:buClrTx/>
              <a:buSzTx/>
              <a:buFontTx/>
              <a:buNone/>
              <a:tabLst/>
            </a:pPr>
            <a:r>
              <a:rPr kumimoji="1" lang="ja-JP" altLang="en-US" sz="1300" b="1" i="0" u="none" strike="noStrike" cap="none" normalizeH="0" baseline="0" dirty="0" smtClean="0">
                <a:ln>
                  <a:noFill/>
                </a:ln>
                <a:solidFill>
                  <a:schemeClr val="tx1"/>
                </a:solidFill>
                <a:effectLst/>
                <a:latin typeface="Arial" pitchFamily="34" charset="0"/>
                <a:ea typeface="ＭＳ Ｐゴシック" pitchFamily="50" charset="-128"/>
                <a:cs typeface="Times New Roman" pitchFamily="18" charset="0"/>
              </a:rPr>
              <a:t>　　　</a:t>
            </a:r>
            <a:r>
              <a:rPr kumimoji="1" lang="ja-JP" sz="1300" b="1"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①東部</a:t>
            </a:r>
            <a:r>
              <a:rPr kumimoji="1" lang="en-US" altLang="ja-JP" sz="1300" b="1"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 </a:t>
            </a:r>
            <a:r>
              <a:rPr kumimoji="1" lang="ja-JP" sz="1300" b="1"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行政機関や文化施設、公園などの</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公共施設</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が</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集積し</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市民の交流や歴史文化の拠点として位置づけられる。</a:t>
            </a:r>
            <a:endPar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ＭＳ Ｐゴシック" pitchFamily="50" charset="-128"/>
            </a:endParaRPr>
          </a:p>
          <a:p>
            <a:pPr marL="1073150" marR="0" lvl="0" indent="-1073150" algn="l" defTabSz="914400" rtl="0" eaLnBrk="0" fontAlgn="base" latinLnBrk="0" hangingPunct="0">
              <a:lnSpc>
                <a:spcPct val="100000"/>
              </a:lnSpc>
              <a:spcBef>
                <a:spcPct val="0"/>
              </a:spcBef>
              <a:spcAft>
                <a:spcPct val="0"/>
              </a:spcAft>
              <a:buClrTx/>
              <a:buSzTx/>
              <a:buFontTx/>
              <a:buNone/>
              <a:tabLst/>
            </a:pPr>
            <a:r>
              <a:rPr kumimoji="1" lang="ja-JP" altLang="en-US" sz="1300" b="1"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　　　</a:t>
            </a:r>
            <a:r>
              <a:rPr kumimoji="1" lang="ja-JP" sz="1300" b="1"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②西部</a:t>
            </a:r>
            <a:r>
              <a:rPr kumimoji="1" lang="en-US" altLang="ja-JP" sz="1300" b="1"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 </a:t>
            </a:r>
            <a:r>
              <a:rPr kumimoji="1" lang="ja-JP" sz="1300" b="1"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a:t>
            </a:r>
            <a:r>
              <a:rPr kumimoji="1" lang="ja-JP" altLang="en-US" sz="130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中之島</a:t>
            </a:r>
            <a:r>
              <a:rPr kumimoji="1" lang="en-US" altLang="ja-JP" sz="130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3</a:t>
            </a:r>
            <a:r>
              <a:rPr kumimoji="1" lang="ja-JP" altLang="en-US" sz="130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丁目付近は</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オフィスビルを中心に民間開発が進</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んで</a:t>
            </a:r>
            <a:r>
              <a:rPr lang="ja-JP" altLang="en-US" sz="1300" dirty="0" smtClean="0">
                <a:latin typeface="ＭＳ Ｐ明朝" pitchFamily="18" charset="-128"/>
                <a:ea typeface="ＭＳ Ｐ明朝" pitchFamily="18" charset="-128"/>
                <a:cs typeface="メイリオ" pitchFamily="50" charset="-128"/>
              </a:rPr>
              <a:t>おり</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a:t>
            </a:r>
            <a:r>
              <a:rPr kumimoji="1" lang="en-US" alt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4</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丁目･</a:t>
            </a:r>
            <a:r>
              <a:rPr kumimoji="1" lang="en-US" alt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5</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丁目では</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a:t>
            </a:r>
            <a:r>
              <a:rPr lang="ja-JP" altLang="en-US" sz="1300" dirty="0" smtClean="0">
                <a:latin typeface="ＭＳ Ｐ明朝" pitchFamily="18" charset="-128"/>
                <a:ea typeface="ＭＳ Ｐ明朝" pitchFamily="18" charset="-128"/>
                <a:cs typeface="メイリオ" pitchFamily="50" charset="-128"/>
              </a:rPr>
              <a:t>大阪</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国際会議場や大規模ホテルなどの</a:t>
            </a:r>
            <a:r>
              <a:rPr lang="ja-JP" altLang="en-US" sz="1300" dirty="0" smtClean="0">
                <a:latin typeface="ＭＳ Ｐ明朝" pitchFamily="18" charset="-128"/>
                <a:ea typeface="ＭＳ Ｐ明朝" pitchFamily="18" charset="-128"/>
                <a:cs typeface="メイリオ" pitchFamily="50" charset="-128"/>
              </a:rPr>
              <a:t>ＭＩＣＥ機能、　国立</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国際美術館や市立科学館など</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の</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文化・芸術機能</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が</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集積している</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a:t>
            </a:r>
            <a:endParaRPr lang="en-US" altLang="ja-JP" sz="1300" dirty="0" smtClean="0">
              <a:latin typeface="ＭＳ Ｐ明朝" pitchFamily="18" charset="-128"/>
              <a:ea typeface="ＭＳ Ｐ明朝" pitchFamily="18" charset="-128"/>
              <a:cs typeface="メイリオ"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endParaRPr kumimoji="1" lang="en-US" altLang="ja-JP" sz="1000" b="1" i="0" u="none" strike="noStrike" cap="none" normalizeH="0" baseline="0" dirty="0" smtClean="0">
              <a:ln>
                <a:noFill/>
              </a:ln>
              <a:solidFill>
                <a:schemeClr val="tx1"/>
              </a:solidFill>
              <a:effectLst/>
              <a:latin typeface="Arial" pitchFamily="34" charset="0"/>
              <a:ea typeface="ＭＳ Ｐゴシック" pitchFamily="50" charset="-128"/>
              <a:cs typeface="メイリオ"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sz="1400" b="1" i="0" u="none" strike="noStrike" cap="none" normalizeH="0" baseline="0" dirty="0" smtClean="0">
                <a:ln>
                  <a:noFill/>
                </a:ln>
                <a:solidFill>
                  <a:schemeClr val="tx1"/>
                </a:solidFill>
                <a:effectLst/>
                <a:latin typeface="+mn-ea"/>
                <a:cs typeface="Times New Roman" pitchFamily="18" charset="0"/>
              </a:rPr>
              <a:t>２．エリアの課題</a:t>
            </a:r>
            <a:endParaRPr kumimoji="1" lang="ja-JP" sz="1400" b="0" i="0" u="none" strike="noStrike" cap="none" normalizeH="0" baseline="0" dirty="0" smtClean="0">
              <a:ln>
                <a:noFill/>
              </a:ln>
              <a:solidFill>
                <a:schemeClr val="tx1"/>
              </a:solidFill>
              <a:effectLst/>
              <a:latin typeface="+mn-ea"/>
              <a:cs typeface="ＭＳ Ｐゴシック"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chemeClr val="tx1"/>
                </a:solidFill>
                <a:effectLst/>
                <a:latin typeface="Century" pitchFamily="18" charset="0"/>
                <a:ea typeface="ＭＳ 明朝" pitchFamily="17" charset="-128"/>
                <a:cs typeface="Times New Roman" pitchFamily="18" charset="0"/>
              </a:rPr>
              <a:t>　</a:t>
            </a:r>
            <a:r>
              <a:rPr kumimoji="1" lang="ja-JP" sz="1300" b="1" i="0" u="none" strike="noStrike" cap="none" normalizeH="0" baseline="0" dirty="0" smtClean="0">
                <a:ln>
                  <a:noFill/>
                </a:ln>
                <a:solidFill>
                  <a:schemeClr val="tx1"/>
                </a:solidFill>
                <a:effectLst/>
                <a:latin typeface="Century" pitchFamily="18" charset="0"/>
                <a:ea typeface="ＭＳ 明朝" pitchFamily="17" charset="-128"/>
                <a:cs typeface="Times New Roman" pitchFamily="18" charset="0"/>
              </a:rPr>
              <a:t>①東部</a:t>
            </a:r>
            <a:endParaRPr kumimoji="1" lang="ja-JP" sz="13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a:p>
            <a:pPr marL="628650" marR="0" lvl="0" indent="-628650" algn="l" defTabSz="914400" rtl="0" eaLnBrk="0" fontAlgn="base" latinLnBrk="0" hangingPunct="0">
              <a:lnSpc>
                <a:spcPct val="100000"/>
              </a:lnSpc>
              <a:spcBef>
                <a:spcPct val="0"/>
              </a:spcBef>
              <a:spcAft>
                <a:spcPct val="0"/>
              </a:spcAft>
              <a:buClrTx/>
              <a:buSzTx/>
              <a:tabLst/>
            </a:pPr>
            <a:r>
              <a:rPr lang="ja-JP" altLang="en-US" sz="1300" dirty="0" smtClean="0">
                <a:latin typeface="Century" pitchFamily="18" charset="0"/>
                <a:ea typeface="ＭＳ 明朝" pitchFamily="17" charset="-128"/>
                <a:cs typeface="メイリオ" pitchFamily="50" charset="-128"/>
              </a:rPr>
              <a:t>　　</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重要文化財の中央公会堂や中之島図書館など</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の</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優れた近代建築物の魅力</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を活用</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しきれて</a:t>
            </a:r>
            <a:r>
              <a:rPr lang="ja-JP" altLang="en-US" sz="1300" dirty="0" smtClean="0">
                <a:latin typeface="ＭＳ Ｐ明朝" pitchFamily="18" charset="-128"/>
                <a:ea typeface="ＭＳ Ｐ明朝" pitchFamily="18" charset="-128"/>
                <a:cs typeface="Times New Roman" pitchFamily="18" charset="0"/>
              </a:rPr>
              <a:t>いない</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a:t>
            </a:r>
            <a:endPar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ＭＳ Ｐゴシック"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en-US" sz="1300" b="1" i="0" u="none" strike="noStrike" cap="none" normalizeH="0" baseline="0" dirty="0" smtClean="0">
                <a:ln>
                  <a:noFill/>
                </a:ln>
                <a:solidFill>
                  <a:schemeClr val="tx1"/>
                </a:solidFill>
                <a:effectLst/>
                <a:latin typeface="Century" pitchFamily="18" charset="0"/>
                <a:ea typeface="ＭＳ 明朝" pitchFamily="17" charset="-128"/>
                <a:cs typeface="Times New Roman" pitchFamily="18" charset="0"/>
              </a:rPr>
              <a:t>　</a:t>
            </a:r>
            <a:r>
              <a:rPr kumimoji="1" lang="ja-JP" sz="1300" b="1" i="0" u="none" strike="noStrike" cap="none" normalizeH="0" baseline="0" dirty="0" smtClean="0">
                <a:ln>
                  <a:noFill/>
                </a:ln>
                <a:solidFill>
                  <a:schemeClr val="tx1"/>
                </a:solidFill>
                <a:effectLst/>
                <a:latin typeface="Century" pitchFamily="18" charset="0"/>
                <a:ea typeface="ＭＳ 明朝" pitchFamily="17" charset="-128"/>
                <a:cs typeface="Times New Roman" pitchFamily="18" charset="0"/>
              </a:rPr>
              <a:t>②西部</a:t>
            </a:r>
            <a:endParaRPr kumimoji="1" lang="ja-JP" sz="13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a:p>
            <a:pPr marL="627063" marR="0" lvl="0" indent="-627063" algn="l" defTabSz="914400" rtl="0" eaLnBrk="0" fontAlgn="base" latinLnBrk="0" hangingPunct="0">
              <a:lnSpc>
                <a:spcPct val="100000"/>
              </a:lnSpc>
              <a:spcBef>
                <a:spcPct val="0"/>
              </a:spcBef>
              <a:spcAft>
                <a:spcPct val="0"/>
              </a:spcAft>
              <a:buClrTx/>
              <a:buSzTx/>
              <a:tabLst/>
            </a:pP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　　　・</a:t>
            </a:r>
            <a:r>
              <a:rPr kumimoji="1" 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業務機能の集まる西部エリアには低未利用地が多く</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大部分が駐車場等の暫定利用となっており、まちづくりが進んでいない。</a:t>
            </a:r>
            <a:endParaRPr kumimoji="1" lang="en-US" alt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endParaRPr>
          </a:p>
          <a:p>
            <a:pPr marL="627063" marR="0" lvl="0" indent="-627063" algn="l" defTabSz="914400" rtl="0" eaLnBrk="0" fontAlgn="base" latinLnBrk="0" hangingPunct="0">
              <a:lnSpc>
                <a:spcPct val="100000"/>
              </a:lnSpc>
              <a:spcBef>
                <a:spcPct val="0"/>
              </a:spcBef>
              <a:spcAft>
                <a:spcPct val="0"/>
              </a:spcAft>
              <a:buClrTx/>
              <a:buSzTx/>
              <a:tabLst/>
            </a:pPr>
            <a:endParaRPr kumimoji="1" lang="ja-JP" altLang="en-US" sz="105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en-US" sz="1400" b="1" i="0" u="none" strike="noStrike" cap="none" normalizeH="0" baseline="0" dirty="0" smtClean="0">
                <a:ln>
                  <a:noFill/>
                </a:ln>
                <a:solidFill>
                  <a:schemeClr val="tx1"/>
                </a:solidFill>
                <a:effectLst/>
                <a:latin typeface="+mn-ea"/>
                <a:cs typeface="メイリオ" pitchFamily="50" charset="-128"/>
              </a:rPr>
              <a:t>３．近年の動向</a:t>
            </a:r>
            <a:endParaRPr kumimoji="1" lang="ja-JP" altLang="en-US" sz="1400" b="0" i="0" u="none" strike="noStrike" cap="none" normalizeH="0" baseline="0" dirty="0" smtClean="0">
              <a:ln>
                <a:noFill/>
              </a:ln>
              <a:solidFill>
                <a:schemeClr val="tx1"/>
              </a:solidFill>
              <a:effectLst/>
              <a:latin typeface="+mn-ea"/>
              <a:cs typeface="ＭＳ Ｐゴシック"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en-US" sz="1300" b="1" i="0" u="none" strike="noStrike" cap="none" normalizeH="0" baseline="0" dirty="0" smtClean="0">
                <a:ln>
                  <a:noFill/>
                </a:ln>
                <a:solidFill>
                  <a:schemeClr val="tx1"/>
                </a:solidFill>
                <a:effectLst/>
                <a:latin typeface="Century" pitchFamily="18" charset="0"/>
                <a:ea typeface="ＭＳ 明朝" pitchFamily="17" charset="-128"/>
                <a:cs typeface="メイリオ" pitchFamily="50" charset="-128"/>
              </a:rPr>
              <a:t>　①東部</a:t>
            </a:r>
            <a:endParaRPr kumimoji="1" lang="ja-JP" altLang="en-US" sz="13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a:p>
            <a:pPr marL="361950" marR="0" lvl="0" indent="-361950" algn="l" defTabSz="914400" rtl="0" eaLnBrk="0" fontAlgn="base" latinLnBrk="0" hangingPunct="0">
              <a:lnSpc>
                <a:spcPct val="100000"/>
              </a:lnSpc>
              <a:spcBef>
                <a:spcPct val="0"/>
              </a:spcBef>
              <a:spcAft>
                <a:spcPct val="0"/>
              </a:spcAft>
              <a:buClrTx/>
              <a:buSzTx/>
              <a:tabLst/>
            </a:pPr>
            <a:r>
              <a:rPr lang="ja-JP" altLang="en-US" sz="1300" dirty="0" smtClean="0">
                <a:latin typeface="ＭＳ Ｐ明朝" pitchFamily="18" charset="-128"/>
                <a:ea typeface="ＭＳ Ｐ明朝" pitchFamily="18" charset="-128"/>
                <a:cs typeface="メイリオ" pitchFamily="50" charset="-128"/>
              </a:rPr>
              <a:t>　　　</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市中央公会堂と府中之島図書館が連携し、相互のコンテンツを生かした共同事業の展開やサービス改善、魅力的なレストラン</a:t>
            </a:r>
            <a:r>
              <a:rPr lang="ja-JP" altLang="en-US" sz="1300" dirty="0" smtClean="0">
                <a:latin typeface="ＭＳ Ｐ明朝" pitchFamily="18" charset="-128"/>
                <a:ea typeface="ＭＳ Ｐ明朝" pitchFamily="18" charset="-128"/>
                <a:cs typeface="メイリオ" pitchFamily="50" charset="-128"/>
              </a:rPr>
              <a:t>の誘致</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カフェの</a:t>
            </a:r>
            <a:r>
              <a:rPr lang="ja-JP" altLang="en-US" sz="1300" dirty="0" smtClean="0">
                <a:latin typeface="ＭＳ Ｐ明朝" pitchFamily="18" charset="-128"/>
                <a:ea typeface="ＭＳ Ｐ明朝" pitchFamily="18" charset="-128"/>
                <a:cs typeface="メイリオ" pitchFamily="50" charset="-128"/>
              </a:rPr>
              <a:t>導入を</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進めている。</a:t>
            </a:r>
            <a:endPar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ＭＳ Ｐゴシック"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en-US" sz="1300" b="1" i="0" u="none" strike="noStrike" cap="none" normalizeH="0" baseline="0" dirty="0" smtClean="0">
                <a:ln>
                  <a:noFill/>
                </a:ln>
                <a:solidFill>
                  <a:schemeClr val="tx1"/>
                </a:solidFill>
                <a:effectLst/>
                <a:latin typeface="Century" pitchFamily="18" charset="0"/>
                <a:ea typeface="ＭＳ 明朝" pitchFamily="17" charset="-128"/>
                <a:cs typeface="メイリオ" pitchFamily="50" charset="-128"/>
              </a:rPr>
              <a:t>　②西部</a:t>
            </a:r>
            <a:endParaRPr kumimoji="1" lang="ja-JP" altLang="en-US" sz="13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a:p>
            <a:pPr lvl="0" defTabSz="914400" eaLnBrk="0" fontAlgn="base" hangingPunct="0">
              <a:spcBef>
                <a:spcPct val="0"/>
              </a:spcBef>
              <a:spcAft>
                <a:spcPct val="0"/>
              </a:spcAft>
            </a:pPr>
            <a:r>
              <a:rPr kumimoji="1" lang="ja-JP" altLang="en-US" sz="1300" b="0" i="0" u="none" strike="noStrike" cap="none" normalizeH="0" baseline="0" dirty="0" smtClean="0">
                <a:ln>
                  <a:noFill/>
                </a:ln>
                <a:solidFill>
                  <a:schemeClr val="tx1"/>
                </a:solidFill>
                <a:effectLst/>
                <a:latin typeface="Century" pitchFamily="18" charset="0"/>
                <a:ea typeface="ＭＳ 明朝" pitchFamily="17" charset="-128"/>
                <a:cs typeface="メイリオ" pitchFamily="50" charset="-128"/>
              </a:rPr>
              <a:t>　</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　</a:t>
            </a:r>
            <a:r>
              <a:rPr lang="ja-JP" altLang="en-US" sz="1300" dirty="0" smtClean="0">
                <a:latin typeface="ＭＳ Ｐ明朝" pitchFamily="18" charset="-128"/>
                <a:ea typeface="ＭＳ Ｐ明朝" pitchFamily="18" charset="-128"/>
                <a:cs typeface="メイリオ" pitchFamily="50" charset="-128"/>
              </a:rPr>
              <a:t> ・京阪中之島新線の開通により東西方向の交通の流れが改善されてきている。</a:t>
            </a:r>
            <a:endParaRPr lang="en-US" altLang="ja-JP" sz="1300" dirty="0" smtClean="0">
              <a:latin typeface="ＭＳ Ｐ明朝" pitchFamily="18" charset="-128"/>
              <a:ea typeface="ＭＳ Ｐ明朝" pitchFamily="18" charset="-128"/>
              <a:cs typeface="メイリオ" pitchFamily="50" charset="-128"/>
            </a:endParaRPr>
          </a:p>
          <a:p>
            <a:pPr marL="361950" lvl="0" indent="-361950" defTabSz="914400" eaLnBrk="0" fontAlgn="base" hangingPunct="0">
              <a:spcBef>
                <a:spcPct val="0"/>
              </a:spcBef>
              <a:spcAft>
                <a:spcPct val="0"/>
              </a:spcAft>
            </a:pPr>
            <a:r>
              <a:rPr lang="ja-JP" altLang="en-US" sz="1300" dirty="0" smtClean="0">
                <a:latin typeface="ＭＳ Ｐ明朝" pitchFamily="18" charset="-128"/>
                <a:ea typeface="ＭＳ Ｐ明朝" pitchFamily="18" charset="-128"/>
                <a:cs typeface="メイリオ" pitchFamily="50" charset="-128"/>
              </a:rPr>
              <a:t>　　  </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a:t>
            </a:r>
            <a:r>
              <a:rPr lang="ja-JP" altLang="en-US" sz="1300" dirty="0" smtClean="0">
                <a:latin typeface="ＭＳ Ｐ明朝" pitchFamily="18" charset="-128"/>
                <a:ea typeface="ＭＳ Ｐ明朝" pitchFamily="18" charset="-128"/>
                <a:cs typeface="メイリオ" pitchFamily="50" charset="-128"/>
              </a:rPr>
              <a:t>大阪新</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美術館（仮称）の整備計画が決まり、隣接する市有地でも、大学等の高等教育関連施設や業務・商業施設等による複合</a:t>
            </a:r>
            <a:r>
              <a:rPr lang="ja-JP" altLang="en-US" sz="1300" dirty="0" smtClean="0">
                <a:latin typeface="ＭＳ Ｐ明朝" pitchFamily="18" charset="-128"/>
                <a:ea typeface="ＭＳ Ｐ明朝" pitchFamily="18" charset="-128"/>
                <a:cs typeface="メイリオ" pitchFamily="50" charset="-128"/>
              </a:rPr>
              <a:t>開発に向けて</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動き出している。</a:t>
            </a:r>
            <a:endPar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ＭＳ Ｐゴシック" pitchFamily="50" charset="-128"/>
            </a:endParaRPr>
          </a:p>
          <a:p>
            <a:pPr marL="0" marR="0" lvl="0" indent="0" algn="l" defTabSz="914400" rtl="0" eaLnBrk="0" fontAlgn="base" latinLnBrk="0" hangingPunct="0">
              <a:lnSpc>
                <a:spcPct val="100000"/>
              </a:lnSpc>
              <a:spcBef>
                <a:spcPct val="0"/>
              </a:spcBef>
              <a:spcAft>
                <a:spcPct val="0"/>
              </a:spcAft>
              <a:buClrTx/>
              <a:buSzTx/>
              <a:tabLst/>
            </a:pPr>
            <a:r>
              <a:rPr kumimoji="1" lang="ja-JP" altLang="en-US" sz="1050" b="0" i="0" u="none" strike="noStrike" cap="none" normalizeH="0" baseline="0" dirty="0" smtClean="0">
                <a:ln>
                  <a:noFill/>
                </a:ln>
                <a:solidFill>
                  <a:schemeClr val="tx1"/>
                </a:solidFill>
                <a:effectLst/>
                <a:latin typeface="+mn-ea"/>
                <a:cs typeface="メイリオ" pitchFamily="50" charset="-128"/>
              </a:rPr>
              <a:t>　　</a:t>
            </a:r>
            <a:endParaRPr kumimoji="1" lang="en-US" altLang="ja-JP" sz="1050" b="1" i="0" u="none" strike="noStrike" cap="none" normalizeH="0" baseline="0" dirty="0" smtClean="0">
              <a:ln>
                <a:noFill/>
              </a:ln>
              <a:solidFill>
                <a:schemeClr val="tx1"/>
              </a:solidFill>
              <a:effectLst/>
              <a:latin typeface="+mn-ea"/>
              <a:cs typeface="メイリオ"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en-US" sz="1400" b="1" i="0" u="none" strike="noStrike" cap="none" normalizeH="0" baseline="0" dirty="0" smtClean="0">
                <a:ln>
                  <a:noFill/>
                </a:ln>
                <a:solidFill>
                  <a:schemeClr val="tx1"/>
                </a:solidFill>
                <a:effectLst/>
                <a:latin typeface="+mn-ea"/>
                <a:cs typeface="メイリオ" pitchFamily="50" charset="-128"/>
              </a:rPr>
              <a:t>４．将来像</a:t>
            </a:r>
            <a:endParaRPr kumimoji="1" lang="ja-JP" altLang="en-US" sz="1400" b="0" i="0" u="none" strike="noStrike" cap="none" normalizeH="0" baseline="0" dirty="0" smtClean="0">
              <a:ln>
                <a:noFill/>
              </a:ln>
              <a:solidFill>
                <a:schemeClr val="tx1"/>
              </a:solidFill>
              <a:effectLst/>
              <a:latin typeface="+mn-ea"/>
              <a:cs typeface="ＭＳ Ｐゴシック"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en-US" sz="1300" b="1" i="0" u="none" strike="noStrike" cap="none" normalizeH="0" baseline="0" dirty="0" smtClean="0">
                <a:ln>
                  <a:noFill/>
                </a:ln>
                <a:solidFill>
                  <a:schemeClr val="tx1"/>
                </a:solidFill>
                <a:effectLst/>
                <a:latin typeface="Century" pitchFamily="18" charset="0"/>
                <a:ea typeface="ＭＳ 明朝" pitchFamily="17" charset="-128"/>
                <a:cs typeface="メイリオ" pitchFamily="50" charset="-128"/>
              </a:rPr>
              <a:t>　①東部　</a:t>
            </a:r>
            <a:endParaRPr kumimoji="1" lang="ja-JP" altLang="en-US" sz="13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a:p>
            <a:pPr marL="447675" lvl="0" indent="-447675" defTabSz="914400" eaLnBrk="0" fontAlgn="base" hangingPunct="0">
              <a:spcBef>
                <a:spcPct val="0"/>
              </a:spcBef>
              <a:spcAft>
                <a:spcPct val="0"/>
              </a:spcAft>
            </a:pPr>
            <a:r>
              <a:rPr lang="ja-JP" altLang="en-US" sz="1300" dirty="0" smtClean="0">
                <a:latin typeface="Century" pitchFamily="18" charset="0"/>
                <a:ea typeface="ＭＳ 明朝" pitchFamily="17" charset="-128"/>
                <a:cs typeface="メイリオ" pitchFamily="50" charset="-128"/>
              </a:rPr>
              <a:t>　　</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a:t>
            </a:r>
            <a:r>
              <a:rPr kumimoji="1" lang="en-US" alt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2015</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年に、中之島図書館</a:t>
            </a:r>
            <a:r>
              <a:rPr lang="ja-JP" altLang="en-US" sz="1300" dirty="0" smtClean="0">
                <a:latin typeface="ＭＳ Ｐ明朝" pitchFamily="18" charset="-128"/>
                <a:ea typeface="ＭＳ Ｐ明朝" pitchFamily="18" charset="-128"/>
                <a:cs typeface="メイリオ" pitchFamily="50" charset="-128"/>
              </a:rPr>
              <a:t>の正面玄関を常時開放する</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とともに、中央公会堂</a:t>
            </a:r>
            <a:r>
              <a:rPr lang="ja-JP" altLang="en-US" sz="1300" dirty="0" smtClean="0">
                <a:latin typeface="ＭＳ Ｐ明朝" pitchFamily="18" charset="-128"/>
                <a:ea typeface="ＭＳ Ｐ明朝" pitchFamily="18" charset="-128"/>
                <a:cs typeface="メイリオ" pitchFamily="50" charset="-128"/>
              </a:rPr>
              <a:t>では新しい</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レストランを導入するなど、近代建築の魅力を活用した中之島エリアの集客増・活性化につなげていく。</a:t>
            </a:r>
            <a:endPar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ＭＳ Ｐゴシック" pitchFamily="50" charset="-128"/>
            </a:endParaRPr>
          </a:p>
          <a:p>
            <a:pPr marL="0" marR="0" lvl="0" indent="0" algn="l" defTabSz="914400" rtl="0" eaLnBrk="0" fontAlgn="base" latinLnBrk="0" hangingPunct="0">
              <a:lnSpc>
                <a:spcPct val="100000"/>
              </a:lnSpc>
              <a:spcBef>
                <a:spcPct val="0"/>
              </a:spcBef>
              <a:spcAft>
                <a:spcPct val="0"/>
              </a:spcAft>
              <a:buClrTx/>
              <a:buSzTx/>
              <a:buFontTx/>
              <a:buNone/>
              <a:tabLst/>
            </a:pPr>
            <a:r>
              <a:rPr kumimoji="1" lang="ja-JP" altLang="en-US" sz="1300" b="1" i="0" u="none" strike="noStrike" cap="none" normalizeH="0" baseline="0" dirty="0" smtClean="0">
                <a:ln>
                  <a:noFill/>
                </a:ln>
                <a:solidFill>
                  <a:schemeClr val="tx1"/>
                </a:solidFill>
                <a:effectLst/>
                <a:latin typeface="Century" pitchFamily="18" charset="0"/>
                <a:ea typeface="ＭＳ 明朝" pitchFamily="17" charset="-128"/>
                <a:cs typeface="メイリオ" pitchFamily="50" charset="-128"/>
              </a:rPr>
              <a:t>　②西部</a:t>
            </a:r>
            <a:endParaRPr kumimoji="1" lang="ja-JP" altLang="en-US" sz="13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a:p>
            <a:pPr marL="446088" marR="0" lvl="0" indent="-446088" algn="l" defTabSz="914400" rtl="0" eaLnBrk="0" fontAlgn="base" latinLnBrk="0" hangingPunct="0">
              <a:lnSpc>
                <a:spcPct val="100000"/>
              </a:lnSpc>
              <a:spcBef>
                <a:spcPct val="0"/>
              </a:spcBef>
              <a:spcAft>
                <a:spcPct val="0"/>
              </a:spcAft>
              <a:buClrTx/>
              <a:buSzTx/>
              <a:tabLst/>
            </a:pP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　　　・</a:t>
            </a:r>
            <a:r>
              <a:rPr kumimoji="1" lang="en-US" alt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2020</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年</a:t>
            </a:r>
            <a:r>
              <a:rPr lang="ja-JP" altLang="en-US" sz="1300" dirty="0" smtClean="0">
                <a:latin typeface="ＭＳ Ｐ明朝" pitchFamily="18" charset="-128"/>
                <a:ea typeface="ＭＳ Ｐ明朝" pitchFamily="18" charset="-128"/>
                <a:cs typeface="メイリオ" pitchFamily="50" charset="-128"/>
              </a:rPr>
              <a:t>度</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の新美術館オープン</a:t>
            </a:r>
            <a:r>
              <a:rPr lang="ja-JP" altLang="en-US" sz="1300" dirty="0" smtClean="0">
                <a:latin typeface="ＭＳ Ｐ明朝" pitchFamily="18" charset="-128"/>
                <a:ea typeface="ＭＳ Ｐ明朝" pitchFamily="18" charset="-128"/>
                <a:cs typeface="メイリオ" pitchFamily="50" charset="-128"/>
              </a:rPr>
              <a:t>をめざすことにより</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国立国際美術館や市立科学館とともに、</a:t>
            </a:r>
            <a:r>
              <a:rPr lang="ja-JP" altLang="en-US" sz="1300" dirty="0" smtClean="0">
                <a:latin typeface="ＭＳ Ｐ明朝" pitchFamily="18" charset="-128"/>
                <a:ea typeface="ＭＳ Ｐ明朝" pitchFamily="18" charset="-128"/>
                <a:cs typeface="メイリオ" pitchFamily="50" charset="-128"/>
              </a:rPr>
              <a:t>日本を代表する</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ミュージアムゾーンを形成するとともに、隣接地では、美術館と連携・調和した一体的な開発を実現し、大阪の文化・芸術の中心的な拠点へ。</a:t>
            </a:r>
            <a:endPar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ＭＳ Ｐゴシック" pitchFamily="50" charset="-128"/>
            </a:endParaRPr>
          </a:p>
          <a:p>
            <a:pPr marL="446088" marR="0" lvl="0" indent="-446088" algn="l" defTabSz="914400" rtl="0" eaLnBrk="0" fontAlgn="base" latinLnBrk="0" hangingPunct="0">
              <a:lnSpc>
                <a:spcPct val="100000"/>
              </a:lnSpc>
              <a:spcBef>
                <a:spcPct val="0"/>
              </a:spcBef>
              <a:spcAft>
                <a:spcPct val="0"/>
              </a:spcAft>
              <a:buClrTx/>
              <a:buSzTx/>
              <a:tabLst/>
            </a:pP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　　　・さらに西部（</a:t>
            </a:r>
            <a:r>
              <a:rPr kumimoji="1" lang="en-US" alt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5</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メイリオ" pitchFamily="50" charset="-128"/>
              </a:rPr>
              <a:t>丁目）では、</a:t>
            </a:r>
            <a:r>
              <a:rPr lang="en-US" altLang="ja-JP" sz="1300" dirty="0" smtClean="0">
                <a:latin typeface="ＭＳ Ｐ明朝" pitchFamily="18" charset="-128"/>
                <a:ea typeface="ＭＳ Ｐ明朝" pitchFamily="18" charset="-128"/>
                <a:cs typeface="Times New Roman" pitchFamily="18" charset="0"/>
              </a:rPr>
              <a:t>MICE</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機能の拡充や国際学校等の誘致</a:t>
            </a:r>
            <a:r>
              <a:rPr lang="ja-JP" altLang="en-US" sz="1300" dirty="0" smtClean="0">
                <a:latin typeface="ＭＳ Ｐ明朝" pitchFamily="18" charset="-128"/>
                <a:ea typeface="ＭＳ Ｐ明朝" pitchFamily="18" charset="-128"/>
                <a:cs typeface="Times New Roman" pitchFamily="18" charset="0"/>
              </a:rPr>
              <a:t>により</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国際ゾーンとして民間開発を誘導。</a:t>
            </a:r>
            <a:r>
              <a:rPr kumimoji="1" lang="en-US" alt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4</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丁目・</a:t>
            </a:r>
            <a:r>
              <a:rPr kumimoji="1" lang="en-US" altLang="ja-JP"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5</a:t>
            </a:r>
            <a:r>
              <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Times New Roman" pitchFamily="18" charset="0"/>
              </a:rPr>
              <a:t>丁目が一体となり、大阪の文化・芸術・国際交流のセンターへ。</a:t>
            </a:r>
            <a:endParaRPr kumimoji="1" lang="ja-JP" altLang="en-US" sz="1300" b="0" i="0" u="none" strike="noStrike" cap="none" normalizeH="0" baseline="0" dirty="0" smtClean="0">
              <a:ln>
                <a:noFill/>
              </a:ln>
              <a:solidFill>
                <a:schemeClr val="tx1"/>
              </a:solidFill>
              <a:effectLst/>
              <a:latin typeface="ＭＳ Ｐ明朝" pitchFamily="18" charset="-128"/>
              <a:ea typeface="ＭＳ Ｐ明朝" pitchFamily="18" charset="-128"/>
              <a:cs typeface="ＭＳ Ｐゴシック" pitchFamily="50"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10</a:t>
            </a:fld>
            <a:endParaRPr kumimoji="1" lang="ja-JP" altLang="en-US" dirty="0"/>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4" name="図 113" descr="中之島.jpg"/>
          <p:cNvPicPr>
            <a:picLocks noChangeAspect="1"/>
          </p:cNvPicPr>
          <p:nvPr/>
        </p:nvPicPr>
        <p:blipFill>
          <a:blip r:embed="rId3" cstate="email"/>
          <a:srcRect l="14334" t="20600" b="25850"/>
          <a:stretch>
            <a:fillRect/>
          </a:stretch>
        </p:blipFill>
        <p:spPr>
          <a:xfrm>
            <a:off x="962631" y="2813189"/>
            <a:ext cx="8728363" cy="3861048"/>
          </a:xfrm>
          <a:prstGeom prst="rect">
            <a:avLst/>
          </a:prstGeom>
        </p:spPr>
      </p:pic>
      <p:sp>
        <p:nvSpPr>
          <p:cNvPr id="115" name="フリーフォーム 114"/>
          <p:cNvSpPr/>
          <p:nvPr/>
        </p:nvSpPr>
        <p:spPr>
          <a:xfrm>
            <a:off x="720128" y="2348880"/>
            <a:ext cx="9165265" cy="4093534"/>
          </a:xfrm>
          <a:custGeom>
            <a:avLst/>
            <a:gdLst>
              <a:gd name="connsiteX0" fmla="*/ 0 w 9165265"/>
              <a:gd name="connsiteY0" fmla="*/ 0 h 4093534"/>
              <a:gd name="connsiteX1" fmla="*/ 85060 w 9165265"/>
              <a:gd name="connsiteY1" fmla="*/ 4093534 h 4093534"/>
              <a:gd name="connsiteX2" fmla="*/ 478465 w 9165265"/>
              <a:gd name="connsiteY2" fmla="*/ 3955311 h 4093534"/>
              <a:gd name="connsiteX3" fmla="*/ 691116 w 9165265"/>
              <a:gd name="connsiteY3" fmla="*/ 3540641 h 4093534"/>
              <a:gd name="connsiteX4" fmla="*/ 1350335 w 9165265"/>
              <a:gd name="connsiteY4" fmla="*/ 2551814 h 4093534"/>
              <a:gd name="connsiteX5" fmla="*/ 2062716 w 9165265"/>
              <a:gd name="connsiteY5" fmla="*/ 1594883 h 4093534"/>
              <a:gd name="connsiteX6" fmla="*/ 2955851 w 9165265"/>
              <a:gd name="connsiteY6" fmla="*/ 1105786 h 4093534"/>
              <a:gd name="connsiteX7" fmla="*/ 4157330 w 9165265"/>
              <a:gd name="connsiteY7" fmla="*/ 925032 h 4093534"/>
              <a:gd name="connsiteX8" fmla="*/ 5486400 w 9165265"/>
              <a:gd name="connsiteY8" fmla="*/ 850604 h 4093534"/>
              <a:gd name="connsiteX9" fmla="*/ 6985590 w 9165265"/>
              <a:gd name="connsiteY9" fmla="*/ 1392865 h 4093534"/>
              <a:gd name="connsiteX10" fmla="*/ 7899990 w 9165265"/>
              <a:gd name="connsiteY10" fmla="*/ 1701209 h 4093534"/>
              <a:gd name="connsiteX11" fmla="*/ 9165265 w 9165265"/>
              <a:gd name="connsiteY11" fmla="*/ 1765004 h 4093534"/>
              <a:gd name="connsiteX12" fmla="*/ 9144000 w 9165265"/>
              <a:gd name="connsiteY12" fmla="*/ 191386 h 4093534"/>
              <a:gd name="connsiteX13" fmla="*/ 0 w 9165265"/>
              <a:gd name="connsiteY13" fmla="*/ 0 h 40935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9165265" h="4093534">
                <a:moveTo>
                  <a:pt x="0" y="0"/>
                </a:moveTo>
                <a:lnTo>
                  <a:pt x="85060" y="4093534"/>
                </a:lnTo>
                <a:lnTo>
                  <a:pt x="478465" y="3955311"/>
                </a:lnTo>
                <a:lnTo>
                  <a:pt x="691116" y="3540641"/>
                </a:lnTo>
                <a:lnTo>
                  <a:pt x="1350335" y="2551814"/>
                </a:lnTo>
                <a:lnTo>
                  <a:pt x="2062716" y="1594883"/>
                </a:lnTo>
                <a:lnTo>
                  <a:pt x="2955851" y="1105786"/>
                </a:lnTo>
                <a:lnTo>
                  <a:pt x="4157330" y="925032"/>
                </a:lnTo>
                <a:lnTo>
                  <a:pt x="5486400" y="850604"/>
                </a:lnTo>
                <a:lnTo>
                  <a:pt x="6985590" y="1392865"/>
                </a:lnTo>
                <a:lnTo>
                  <a:pt x="7899990" y="1701209"/>
                </a:lnTo>
                <a:lnTo>
                  <a:pt x="9165265" y="1765004"/>
                </a:lnTo>
                <a:lnTo>
                  <a:pt x="9144000" y="191386"/>
                </a:lnTo>
                <a:lnTo>
                  <a:pt x="0" y="0"/>
                </a:ln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16" name="フリーフォーム 115"/>
          <p:cNvSpPr/>
          <p:nvPr/>
        </p:nvSpPr>
        <p:spPr>
          <a:xfrm>
            <a:off x="360041" y="3789040"/>
            <a:ext cx="9577064" cy="3096344"/>
          </a:xfrm>
          <a:custGeom>
            <a:avLst/>
            <a:gdLst>
              <a:gd name="connsiteX0" fmla="*/ 0 w 8176437"/>
              <a:gd name="connsiteY0" fmla="*/ 2700670 h 2700670"/>
              <a:gd name="connsiteX1" fmla="*/ 180754 w 8176437"/>
              <a:gd name="connsiteY1" fmla="*/ 2200940 h 2700670"/>
              <a:gd name="connsiteX2" fmla="*/ 691117 w 8176437"/>
              <a:gd name="connsiteY2" fmla="*/ 1871330 h 2700670"/>
              <a:gd name="connsiteX3" fmla="*/ 903768 w 8176437"/>
              <a:gd name="connsiteY3" fmla="*/ 1562986 h 2700670"/>
              <a:gd name="connsiteX4" fmla="*/ 2222205 w 8176437"/>
              <a:gd name="connsiteY4" fmla="*/ 850605 h 2700670"/>
              <a:gd name="connsiteX5" fmla="*/ 2721935 w 8176437"/>
              <a:gd name="connsiteY5" fmla="*/ 425303 h 2700670"/>
              <a:gd name="connsiteX6" fmla="*/ 3104707 w 8176437"/>
              <a:gd name="connsiteY6" fmla="*/ 0 h 2700670"/>
              <a:gd name="connsiteX7" fmla="*/ 4316819 w 8176437"/>
              <a:gd name="connsiteY7" fmla="*/ 21265 h 2700670"/>
              <a:gd name="connsiteX8" fmla="*/ 5050465 w 8176437"/>
              <a:gd name="connsiteY8" fmla="*/ 74428 h 2700670"/>
              <a:gd name="connsiteX9" fmla="*/ 5677786 w 8176437"/>
              <a:gd name="connsiteY9" fmla="*/ 212651 h 2700670"/>
              <a:gd name="connsiteX10" fmla="*/ 6241312 w 8176437"/>
              <a:gd name="connsiteY10" fmla="*/ 531628 h 2700670"/>
              <a:gd name="connsiteX11" fmla="*/ 6507126 w 8176437"/>
              <a:gd name="connsiteY11" fmla="*/ 669851 h 2700670"/>
              <a:gd name="connsiteX12" fmla="*/ 7123814 w 8176437"/>
              <a:gd name="connsiteY12" fmla="*/ 691117 h 2700670"/>
              <a:gd name="connsiteX13" fmla="*/ 7687340 w 8176437"/>
              <a:gd name="connsiteY13" fmla="*/ 744279 h 2700670"/>
              <a:gd name="connsiteX14" fmla="*/ 8165805 w 8176437"/>
              <a:gd name="connsiteY14" fmla="*/ 797442 h 2700670"/>
              <a:gd name="connsiteX15" fmla="*/ 8176437 w 8176437"/>
              <a:gd name="connsiteY15" fmla="*/ 2636875 h 2700670"/>
              <a:gd name="connsiteX16" fmla="*/ 0 w 8176437"/>
              <a:gd name="connsiteY16" fmla="*/ 2700670 h 2700670"/>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7786 w 8176437"/>
              <a:gd name="connsiteY9" fmla="*/ 244586 h 2732605"/>
              <a:gd name="connsiteX10" fmla="*/ 6241312 w 8176437"/>
              <a:gd name="connsiteY10" fmla="*/ 563563 h 2732605"/>
              <a:gd name="connsiteX11" fmla="*/ 6507126 w 8176437"/>
              <a:gd name="connsiteY11" fmla="*/ 701786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41312 w 8176437"/>
              <a:gd name="connsiteY10" fmla="*/ 563563 h 2732605"/>
              <a:gd name="connsiteX11" fmla="*/ 6507126 w 8176437"/>
              <a:gd name="connsiteY11" fmla="*/ 701786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507126 w 8176437"/>
              <a:gd name="connsiteY11" fmla="*/ 701786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12996 w 8176437"/>
              <a:gd name="connsiteY11" fmla="*/ 576065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85004 w 8176437"/>
              <a:gd name="connsiteY11" fmla="*/ 648073 h 2732605"/>
              <a:gd name="connsiteX12" fmla="*/ 7123814 w 8176437"/>
              <a:gd name="connsiteY12" fmla="*/ 723052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85004 w 8176437"/>
              <a:gd name="connsiteY11" fmla="*/ 648073 h 2732605"/>
              <a:gd name="connsiteX12" fmla="*/ 7117052 w 8176437"/>
              <a:gd name="connsiteY12" fmla="*/ 576065 h 2732605"/>
              <a:gd name="connsiteX13" fmla="*/ 7687340 w 8176437"/>
              <a:gd name="connsiteY13" fmla="*/ 776214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76437"/>
              <a:gd name="connsiteY0" fmla="*/ 2732605 h 2732605"/>
              <a:gd name="connsiteX1" fmla="*/ 180754 w 8176437"/>
              <a:gd name="connsiteY1" fmla="*/ 2232875 h 2732605"/>
              <a:gd name="connsiteX2" fmla="*/ 691117 w 8176437"/>
              <a:gd name="connsiteY2" fmla="*/ 1903265 h 2732605"/>
              <a:gd name="connsiteX3" fmla="*/ 903768 w 8176437"/>
              <a:gd name="connsiteY3" fmla="*/ 1594921 h 2732605"/>
              <a:gd name="connsiteX4" fmla="*/ 2222205 w 8176437"/>
              <a:gd name="connsiteY4" fmla="*/ 882540 h 2732605"/>
              <a:gd name="connsiteX5" fmla="*/ 2721935 w 8176437"/>
              <a:gd name="connsiteY5" fmla="*/ 457238 h 2732605"/>
              <a:gd name="connsiteX6" fmla="*/ 3104707 w 8176437"/>
              <a:gd name="connsiteY6" fmla="*/ 31935 h 2732605"/>
              <a:gd name="connsiteX7" fmla="*/ 4308740 w 8176437"/>
              <a:gd name="connsiteY7" fmla="*/ 0 h 2732605"/>
              <a:gd name="connsiteX8" fmla="*/ 5050465 w 8176437"/>
              <a:gd name="connsiteY8" fmla="*/ 106363 h 2732605"/>
              <a:gd name="connsiteX9" fmla="*/ 5676892 w 8176437"/>
              <a:gd name="connsiteY9" fmla="*/ 144017 h 2732605"/>
              <a:gd name="connsiteX10" fmla="*/ 6252956 w 8176437"/>
              <a:gd name="connsiteY10" fmla="*/ 432049 h 2732605"/>
              <a:gd name="connsiteX11" fmla="*/ 6685004 w 8176437"/>
              <a:gd name="connsiteY11" fmla="*/ 648073 h 2732605"/>
              <a:gd name="connsiteX12" fmla="*/ 7117052 w 8176437"/>
              <a:gd name="connsiteY12" fmla="*/ 576065 h 2732605"/>
              <a:gd name="connsiteX13" fmla="*/ 7693116 w 8176437"/>
              <a:gd name="connsiteY13" fmla="*/ 648073 h 2732605"/>
              <a:gd name="connsiteX14" fmla="*/ 8165805 w 8176437"/>
              <a:gd name="connsiteY14" fmla="*/ 829377 h 2732605"/>
              <a:gd name="connsiteX15" fmla="*/ 8176437 w 8176437"/>
              <a:gd name="connsiteY15" fmla="*/ 2668810 h 2732605"/>
              <a:gd name="connsiteX16" fmla="*/ 0 w 8176437"/>
              <a:gd name="connsiteY16" fmla="*/ 2732605 h 2732605"/>
              <a:gd name="connsiteX0" fmla="*/ 0 w 8197172"/>
              <a:gd name="connsiteY0" fmla="*/ 2732605 h 2732605"/>
              <a:gd name="connsiteX1" fmla="*/ 180754 w 8197172"/>
              <a:gd name="connsiteY1" fmla="*/ 2232875 h 2732605"/>
              <a:gd name="connsiteX2" fmla="*/ 691117 w 8197172"/>
              <a:gd name="connsiteY2" fmla="*/ 1903265 h 2732605"/>
              <a:gd name="connsiteX3" fmla="*/ 903768 w 8197172"/>
              <a:gd name="connsiteY3" fmla="*/ 1594921 h 2732605"/>
              <a:gd name="connsiteX4" fmla="*/ 2222205 w 8197172"/>
              <a:gd name="connsiteY4" fmla="*/ 882540 h 2732605"/>
              <a:gd name="connsiteX5" fmla="*/ 2721935 w 8197172"/>
              <a:gd name="connsiteY5" fmla="*/ 457238 h 2732605"/>
              <a:gd name="connsiteX6" fmla="*/ 3104707 w 8197172"/>
              <a:gd name="connsiteY6" fmla="*/ 31935 h 2732605"/>
              <a:gd name="connsiteX7" fmla="*/ 4308740 w 8197172"/>
              <a:gd name="connsiteY7" fmla="*/ 0 h 2732605"/>
              <a:gd name="connsiteX8" fmla="*/ 5050465 w 8197172"/>
              <a:gd name="connsiteY8" fmla="*/ 106363 h 2732605"/>
              <a:gd name="connsiteX9" fmla="*/ 5676892 w 8197172"/>
              <a:gd name="connsiteY9" fmla="*/ 144017 h 2732605"/>
              <a:gd name="connsiteX10" fmla="*/ 6252956 w 8197172"/>
              <a:gd name="connsiteY10" fmla="*/ 432049 h 2732605"/>
              <a:gd name="connsiteX11" fmla="*/ 6685004 w 8197172"/>
              <a:gd name="connsiteY11" fmla="*/ 648073 h 2732605"/>
              <a:gd name="connsiteX12" fmla="*/ 7117052 w 8197172"/>
              <a:gd name="connsiteY12" fmla="*/ 576065 h 2732605"/>
              <a:gd name="connsiteX13" fmla="*/ 7693116 w 8197172"/>
              <a:gd name="connsiteY13" fmla="*/ 648073 h 2732605"/>
              <a:gd name="connsiteX14" fmla="*/ 8197172 w 8197172"/>
              <a:gd name="connsiteY14" fmla="*/ 648073 h 2732605"/>
              <a:gd name="connsiteX15" fmla="*/ 8176437 w 8197172"/>
              <a:gd name="connsiteY15" fmla="*/ 2668810 h 2732605"/>
              <a:gd name="connsiteX16" fmla="*/ 0 w 8197172"/>
              <a:gd name="connsiteY16" fmla="*/ 2732605 h 2732605"/>
              <a:gd name="connsiteX0" fmla="*/ 0 w 8197172"/>
              <a:gd name="connsiteY0" fmla="*/ 2732605 h 2732605"/>
              <a:gd name="connsiteX1" fmla="*/ 180754 w 8197172"/>
              <a:gd name="connsiteY1" fmla="*/ 2232875 h 2732605"/>
              <a:gd name="connsiteX2" fmla="*/ 691117 w 8197172"/>
              <a:gd name="connsiteY2" fmla="*/ 1903265 h 2732605"/>
              <a:gd name="connsiteX3" fmla="*/ 903768 w 8197172"/>
              <a:gd name="connsiteY3" fmla="*/ 1594921 h 2732605"/>
              <a:gd name="connsiteX4" fmla="*/ 2222205 w 8197172"/>
              <a:gd name="connsiteY4" fmla="*/ 882540 h 2732605"/>
              <a:gd name="connsiteX5" fmla="*/ 2721935 w 8197172"/>
              <a:gd name="connsiteY5" fmla="*/ 457238 h 2732605"/>
              <a:gd name="connsiteX6" fmla="*/ 3104707 w 8197172"/>
              <a:gd name="connsiteY6" fmla="*/ 31935 h 2732605"/>
              <a:gd name="connsiteX7" fmla="*/ 4308740 w 8197172"/>
              <a:gd name="connsiteY7" fmla="*/ 0 h 2732605"/>
              <a:gd name="connsiteX8" fmla="*/ 5050465 w 8197172"/>
              <a:gd name="connsiteY8" fmla="*/ 106363 h 2732605"/>
              <a:gd name="connsiteX9" fmla="*/ 5676892 w 8197172"/>
              <a:gd name="connsiteY9" fmla="*/ 144017 h 2732605"/>
              <a:gd name="connsiteX10" fmla="*/ 6252956 w 8197172"/>
              <a:gd name="connsiteY10" fmla="*/ 432049 h 2732605"/>
              <a:gd name="connsiteX11" fmla="*/ 6612995 w 8197172"/>
              <a:gd name="connsiteY11" fmla="*/ 576065 h 2732605"/>
              <a:gd name="connsiteX12" fmla="*/ 7117052 w 8197172"/>
              <a:gd name="connsiteY12" fmla="*/ 576065 h 2732605"/>
              <a:gd name="connsiteX13" fmla="*/ 7693116 w 8197172"/>
              <a:gd name="connsiteY13" fmla="*/ 648073 h 2732605"/>
              <a:gd name="connsiteX14" fmla="*/ 8197172 w 8197172"/>
              <a:gd name="connsiteY14" fmla="*/ 648073 h 2732605"/>
              <a:gd name="connsiteX15" fmla="*/ 8176437 w 8197172"/>
              <a:gd name="connsiteY15" fmla="*/ 2668810 h 2732605"/>
              <a:gd name="connsiteX16" fmla="*/ 0 w 8197172"/>
              <a:gd name="connsiteY16" fmla="*/ 2732605 h 2732605"/>
              <a:gd name="connsiteX0" fmla="*/ 83749 w 8280921"/>
              <a:gd name="connsiteY0" fmla="*/ 2732605 h 2732605"/>
              <a:gd name="connsiteX1" fmla="*/ 0 w 8280921"/>
              <a:gd name="connsiteY1" fmla="*/ 2304257 h 2732605"/>
              <a:gd name="connsiteX2" fmla="*/ 774866 w 8280921"/>
              <a:gd name="connsiteY2" fmla="*/ 1903265 h 2732605"/>
              <a:gd name="connsiteX3" fmla="*/ 987517 w 8280921"/>
              <a:gd name="connsiteY3" fmla="*/ 1594921 h 2732605"/>
              <a:gd name="connsiteX4" fmla="*/ 2305954 w 8280921"/>
              <a:gd name="connsiteY4" fmla="*/ 882540 h 2732605"/>
              <a:gd name="connsiteX5" fmla="*/ 2805684 w 8280921"/>
              <a:gd name="connsiteY5" fmla="*/ 457238 h 2732605"/>
              <a:gd name="connsiteX6" fmla="*/ 3188456 w 8280921"/>
              <a:gd name="connsiteY6" fmla="*/ 31935 h 2732605"/>
              <a:gd name="connsiteX7" fmla="*/ 4392489 w 8280921"/>
              <a:gd name="connsiteY7" fmla="*/ 0 h 2732605"/>
              <a:gd name="connsiteX8" fmla="*/ 5134214 w 8280921"/>
              <a:gd name="connsiteY8" fmla="*/ 106363 h 2732605"/>
              <a:gd name="connsiteX9" fmla="*/ 5760641 w 8280921"/>
              <a:gd name="connsiteY9" fmla="*/ 144017 h 2732605"/>
              <a:gd name="connsiteX10" fmla="*/ 6336705 w 8280921"/>
              <a:gd name="connsiteY10" fmla="*/ 432049 h 2732605"/>
              <a:gd name="connsiteX11" fmla="*/ 6696744 w 8280921"/>
              <a:gd name="connsiteY11" fmla="*/ 576065 h 2732605"/>
              <a:gd name="connsiteX12" fmla="*/ 7200801 w 8280921"/>
              <a:gd name="connsiteY12" fmla="*/ 576065 h 2732605"/>
              <a:gd name="connsiteX13" fmla="*/ 7776865 w 8280921"/>
              <a:gd name="connsiteY13" fmla="*/ 648073 h 2732605"/>
              <a:gd name="connsiteX14" fmla="*/ 8280921 w 8280921"/>
              <a:gd name="connsiteY14" fmla="*/ 648073 h 2732605"/>
              <a:gd name="connsiteX15" fmla="*/ 8260186 w 8280921"/>
              <a:gd name="connsiteY15" fmla="*/ 2668810 h 2732605"/>
              <a:gd name="connsiteX16" fmla="*/ 83749 w 8280921"/>
              <a:gd name="connsiteY16" fmla="*/ 2732605 h 2732605"/>
              <a:gd name="connsiteX0" fmla="*/ 0 w 9073008"/>
              <a:gd name="connsiteY0" fmla="*/ 2808313 h 2808313"/>
              <a:gd name="connsiteX1" fmla="*/ 792087 w 9073008"/>
              <a:gd name="connsiteY1" fmla="*/ 2304257 h 2808313"/>
              <a:gd name="connsiteX2" fmla="*/ 1566953 w 9073008"/>
              <a:gd name="connsiteY2" fmla="*/ 1903265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073008"/>
              <a:gd name="connsiteY0" fmla="*/ 2808313 h 2808313"/>
              <a:gd name="connsiteX1" fmla="*/ 504056 w 9073008"/>
              <a:gd name="connsiteY1" fmla="*/ 2232249 h 2808313"/>
              <a:gd name="connsiteX2" fmla="*/ 1566953 w 9073008"/>
              <a:gd name="connsiteY2" fmla="*/ 1903265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073008"/>
              <a:gd name="connsiteY0" fmla="*/ 2808313 h 2808313"/>
              <a:gd name="connsiteX1" fmla="*/ 504056 w 9073008"/>
              <a:gd name="connsiteY1" fmla="*/ 2232249 h 2808313"/>
              <a:gd name="connsiteX2" fmla="*/ 1440160 w 9073008"/>
              <a:gd name="connsiteY2" fmla="*/ 1944217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073008"/>
              <a:gd name="connsiteY0" fmla="*/ 2808313 h 2808313"/>
              <a:gd name="connsiteX1" fmla="*/ 432048 w 9073008"/>
              <a:gd name="connsiteY1" fmla="*/ 2304257 h 2808313"/>
              <a:gd name="connsiteX2" fmla="*/ 1440160 w 9073008"/>
              <a:gd name="connsiteY2" fmla="*/ 1944217 h 2808313"/>
              <a:gd name="connsiteX3" fmla="*/ 1779604 w 9073008"/>
              <a:gd name="connsiteY3" fmla="*/ 1594921 h 2808313"/>
              <a:gd name="connsiteX4" fmla="*/ 3098041 w 9073008"/>
              <a:gd name="connsiteY4" fmla="*/ 882540 h 2808313"/>
              <a:gd name="connsiteX5" fmla="*/ 3597771 w 9073008"/>
              <a:gd name="connsiteY5" fmla="*/ 457238 h 2808313"/>
              <a:gd name="connsiteX6" fmla="*/ 3980543 w 9073008"/>
              <a:gd name="connsiteY6" fmla="*/ 31935 h 2808313"/>
              <a:gd name="connsiteX7" fmla="*/ 5184576 w 9073008"/>
              <a:gd name="connsiteY7" fmla="*/ 0 h 2808313"/>
              <a:gd name="connsiteX8" fmla="*/ 5926301 w 9073008"/>
              <a:gd name="connsiteY8" fmla="*/ 106363 h 2808313"/>
              <a:gd name="connsiteX9" fmla="*/ 6552728 w 9073008"/>
              <a:gd name="connsiteY9" fmla="*/ 144017 h 2808313"/>
              <a:gd name="connsiteX10" fmla="*/ 7128792 w 9073008"/>
              <a:gd name="connsiteY10" fmla="*/ 432049 h 2808313"/>
              <a:gd name="connsiteX11" fmla="*/ 7488831 w 9073008"/>
              <a:gd name="connsiteY11" fmla="*/ 576065 h 2808313"/>
              <a:gd name="connsiteX12" fmla="*/ 7992888 w 9073008"/>
              <a:gd name="connsiteY12" fmla="*/ 576065 h 2808313"/>
              <a:gd name="connsiteX13" fmla="*/ 8568952 w 9073008"/>
              <a:gd name="connsiteY13" fmla="*/ 648073 h 2808313"/>
              <a:gd name="connsiteX14" fmla="*/ 9073008 w 9073008"/>
              <a:gd name="connsiteY14" fmla="*/ 648073 h 2808313"/>
              <a:gd name="connsiteX15" fmla="*/ 9052273 w 9073008"/>
              <a:gd name="connsiteY15" fmla="*/ 2668810 h 2808313"/>
              <a:gd name="connsiteX16" fmla="*/ 0 w 9073008"/>
              <a:gd name="connsiteY16" fmla="*/ 2808313 h 2808313"/>
              <a:gd name="connsiteX0" fmla="*/ 0 w 9217024"/>
              <a:gd name="connsiteY0" fmla="*/ 2636913 h 2668810"/>
              <a:gd name="connsiteX1" fmla="*/ 576064 w 9217024"/>
              <a:gd name="connsiteY1" fmla="*/ 2304257 h 2668810"/>
              <a:gd name="connsiteX2" fmla="*/ 1584176 w 9217024"/>
              <a:gd name="connsiteY2" fmla="*/ 1944217 h 2668810"/>
              <a:gd name="connsiteX3" fmla="*/ 1923620 w 9217024"/>
              <a:gd name="connsiteY3" fmla="*/ 1594921 h 2668810"/>
              <a:gd name="connsiteX4" fmla="*/ 3242057 w 9217024"/>
              <a:gd name="connsiteY4" fmla="*/ 882540 h 2668810"/>
              <a:gd name="connsiteX5" fmla="*/ 3741787 w 9217024"/>
              <a:gd name="connsiteY5" fmla="*/ 457238 h 2668810"/>
              <a:gd name="connsiteX6" fmla="*/ 4124559 w 9217024"/>
              <a:gd name="connsiteY6" fmla="*/ 31935 h 2668810"/>
              <a:gd name="connsiteX7" fmla="*/ 5328592 w 9217024"/>
              <a:gd name="connsiteY7" fmla="*/ 0 h 2668810"/>
              <a:gd name="connsiteX8" fmla="*/ 6070317 w 9217024"/>
              <a:gd name="connsiteY8" fmla="*/ 106363 h 2668810"/>
              <a:gd name="connsiteX9" fmla="*/ 6696744 w 9217024"/>
              <a:gd name="connsiteY9" fmla="*/ 144017 h 2668810"/>
              <a:gd name="connsiteX10" fmla="*/ 7272808 w 9217024"/>
              <a:gd name="connsiteY10" fmla="*/ 432049 h 2668810"/>
              <a:gd name="connsiteX11" fmla="*/ 7632847 w 9217024"/>
              <a:gd name="connsiteY11" fmla="*/ 576065 h 2668810"/>
              <a:gd name="connsiteX12" fmla="*/ 8136904 w 9217024"/>
              <a:gd name="connsiteY12" fmla="*/ 576065 h 2668810"/>
              <a:gd name="connsiteX13" fmla="*/ 8712968 w 9217024"/>
              <a:gd name="connsiteY13" fmla="*/ 648073 h 2668810"/>
              <a:gd name="connsiteX14" fmla="*/ 9217024 w 9217024"/>
              <a:gd name="connsiteY14" fmla="*/ 648073 h 2668810"/>
              <a:gd name="connsiteX15" fmla="*/ 9196289 w 9217024"/>
              <a:gd name="connsiteY15" fmla="*/ 2668810 h 2668810"/>
              <a:gd name="connsiteX16" fmla="*/ 0 w 9217024"/>
              <a:gd name="connsiteY16" fmla="*/ 2636913 h 2668810"/>
              <a:gd name="connsiteX0" fmla="*/ 0 w 9289032"/>
              <a:gd name="connsiteY0" fmla="*/ 2708920 h 2708920"/>
              <a:gd name="connsiteX1" fmla="*/ 648072 w 9289032"/>
              <a:gd name="connsiteY1" fmla="*/ 2304257 h 2708920"/>
              <a:gd name="connsiteX2" fmla="*/ 1656184 w 9289032"/>
              <a:gd name="connsiteY2" fmla="*/ 1944217 h 2708920"/>
              <a:gd name="connsiteX3" fmla="*/ 1995628 w 9289032"/>
              <a:gd name="connsiteY3" fmla="*/ 1594921 h 2708920"/>
              <a:gd name="connsiteX4" fmla="*/ 3314065 w 9289032"/>
              <a:gd name="connsiteY4" fmla="*/ 882540 h 2708920"/>
              <a:gd name="connsiteX5" fmla="*/ 3813795 w 9289032"/>
              <a:gd name="connsiteY5" fmla="*/ 457238 h 2708920"/>
              <a:gd name="connsiteX6" fmla="*/ 4196567 w 9289032"/>
              <a:gd name="connsiteY6" fmla="*/ 31935 h 2708920"/>
              <a:gd name="connsiteX7" fmla="*/ 5400600 w 9289032"/>
              <a:gd name="connsiteY7" fmla="*/ 0 h 2708920"/>
              <a:gd name="connsiteX8" fmla="*/ 6142325 w 9289032"/>
              <a:gd name="connsiteY8" fmla="*/ 106363 h 2708920"/>
              <a:gd name="connsiteX9" fmla="*/ 6768752 w 9289032"/>
              <a:gd name="connsiteY9" fmla="*/ 144017 h 2708920"/>
              <a:gd name="connsiteX10" fmla="*/ 7344816 w 9289032"/>
              <a:gd name="connsiteY10" fmla="*/ 432049 h 2708920"/>
              <a:gd name="connsiteX11" fmla="*/ 7704855 w 9289032"/>
              <a:gd name="connsiteY11" fmla="*/ 576065 h 2708920"/>
              <a:gd name="connsiteX12" fmla="*/ 8208912 w 9289032"/>
              <a:gd name="connsiteY12" fmla="*/ 576065 h 2708920"/>
              <a:gd name="connsiteX13" fmla="*/ 8784976 w 9289032"/>
              <a:gd name="connsiteY13" fmla="*/ 648073 h 2708920"/>
              <a:gd name="connsiteX14" fmla="*/ 9289032 w 9289032"/>
              <a:gd name="connsiteY14" fmla="*/ 648073 h 2708920"/>
              <a:gd name="connsiteX15" fmla="*/ 9268297 w 9289032"/>
              <a:gd name="connsiteY15" fmla="*/ 2668810 h 2708920"/>
              <a:gd name="connsiteX16" fmla="*/ 0 w 9289032"/>
              <a:gd name="connsiteY16" fmla="*/ 2708920 h 2708920"/>
              <a:gd name="connsiteX0" fmla="*/ 0 w 9577064"/>
              <a:gd name="connsiteY0" fmla="*/ 2708920 h 2880320"/>
              <a:gd name="connsiteX1" fmla="*/ 648072 w 9577064"/>
              <a:gd name="connsiteY1" fmla="*/ 2304257 h 2880320"/>
              <a:gd name="connsiteX2" fmla="*/ 1656184 w 9577064"/>
              <a:gd name="connsiteY2" fmla="*/ 1944217 h 2880320"/>
              <a:gd name="connsiteX3" fmla="*/ 1995628 w 9577064"/>
              <a:gd name="connsiteY3" fmla="*/ 1594921 h 2880320"/>
              <a:gd name="connsiteX4" fmla="*/ 3314065 w 9577064"/>
              <a:gd name="connsiteY4" fmla="*/ 882540 h 2880320"/>
              <a:gd name="connsiteX5" fmla="*/ 3813795 w 9577064"/>
              <a:gd name="connsiteY5" fmla="*/ 457238 h 2880320"/>
              <a:gd name="connsiteX6" fmla="*/ 4196567 w 9577064"/>
              <a:gd name="connsiteY6" fmla="*/ 31935 h 2880320"/>
              <a:gd name="connsiteX7" fmla="*/ 5400600 w 9577064"/>
              <a:gd name="connsiteY7" fmla="*/ 0 h 2880320"/>
              <a:gd name="connsiteX8" fmla="*/ 6142325 w 9577064"/>
              <a:gd name="connsiteY8" fmla="*/ 106363 h 2880320"/>
              <a:gd name="connsiteX9" fmla="*/ 6768752 w 9577064"/>
              <a:gd name="connsiteY9" fmla="*/ 144017 h 2880320"/>
              <a:gd name="connsiteX10" fmla="*/ 7344816 w 9577064"/>
              <a:gd name="connsiteY10" fmla="*/ 432049 h 2880320"/>
              <a:gd name="connsiteX11" fmla="*/ 7704855 w 9577064"/>
              <a:gd name="connsiteY11" fmla="*/ 576065 h 2880320"/>
              <a:gd name="connsiteX12" fmla="*/ 8208912 w 9577064"/>
              <a:gd name="connsiteY12" fmla="*/ 576065 h 2880320"/>
              <a:gd name="connsiteX13" fmla="*/ 8784976 w 9577064"/>
              <a:gd name="connsiteY13" fmla="*/ 648073 h 2880320"/>
              <a:gd name="connsiteX14" fmla="*/ 9289032 w 9577064"/>
              <a:gd name="connsiteY14" fmla="*/ 648073 h 2880320"/>
              <a:gd name="connsiteX15" fmla="*/ 9577064 w 9577064"/>
              <a:gd name="connsiteY15" fmla="*/ 2880320 h 2880320"/>
              <a:gd name="connsiteX16" fmla="*/ 0 w 9577064"/>
              <a:gd name="connsiteY16" fmla="*/ 2708920 h 2880320"/>
              <a:gd name="connsiteX0" fmla="*/ 0 w 9721080"/>
              <a:gd name="connsiteY0" fmla="*/ 2708920 h 2880320"/>
              <a:gd name="connsiteX1" fmla="*/ 648072 w 9721080"/>
              <a:gd name="connsiteY1" fmla="*/ 2304257 h 2880320"/>
              <a:gd name="connsiteX2" fmla="*/ 1656184 w 9721080"/>
              <a:gd name="connsiteY2" fmla="*/ 1944217 h 2880320"/>
              <a:gd name="connsiteX3" fmla="*/ 1995628 w 9721080"/>
              <a:gd name="connsiteY3" fmla="*/ 1594921 h 2880320"/>
              <a:gd name="connsiteX4" fmla="*/ 3314065 w 9721080"/>
              <a:gd name="connsiteY4" fmla="*/ 882540 h 2880320"/>
              <a:gd name="connsiteX5" fmla="*/ 3813795 w 9721080"/>
              <a:gd name="connsiteY5" fmla="*/ 457238 h 2880320"/>
              <a:gd name="connsiteX6" fmla="*/ 4196567 w 9721080"/>
              <a:gd name="connsiteY6" fmla="*/ 31935 h 2880320"/>
              <a:gd name="connsiteX7" fmla="*/ 5400600 w 9721080"/>
              <a:gd name="connsiteY7" fmla="*/ 0 h 2880320"/>
              <a:gd name="connsiteX8" fmla="*/ 6142325 w 9721080"/>
              <a:gd name="connsiteY8" fmla="*/ 106363 h 2880320"/>
              <a:gd name="connsiteX9" fmla="*/ 6768752 w 9721080"/>
              <a:gd name="connsiteY9" fmla="*/ 144017 h 2880320"/>
              <a:gd name="connsiteX10" fmla="*/ 7344816 w 9721080"/>
              <a:gd name="connsiteY10" fmla="*/ 432049 h 2880320"/>
              <a:gd name="connsiteX11" fmla="*/ 7704855 w 9721080"/>
              <a:gd name="connsiteY11" fmla="*/ 576065 h 2880320"/>
              <a:gd name="connsiteX12" fmla="*/ 8208912 w 9721080"/>
              <a:gd name="connsiteY12" fmla="*/ 576065 h 2880320"/>
              <a:gd name="connsiteX13" fmla="*/ 8784976 w 9721080"/>
              <a:gd name="connsiteY13" fmla="*/ 648073 h 2880320"/>
              <a:gd name="connsiteX14" fmla="*/ 9721080 w 9721080"/>
              <a:gd name="connsiteY14" fmla="*/ 576064 h 2880320"/>
              <a:gd name="connsiteX15" fmla="*/ 9577064 w 9721080"/>
              <a:gd name="connsiteY15" fmla="*/ 2880320 h 2880320"/>
              <a:gd name="connsiteX16" fmla="*/ 0 w 9721080"/>
              <a:gd name="connsiteY16" fmla="*/ 2708920 h 2880320"/>
              <a:gd name="connsiteX0" fmla="*/ 0 w 9721080"/>
              <a:gd name="connsiteY0" fmla="*/ 2708920 h 2880320"/>
              <a:gd name="connsiteX1" fmla="*/ 648072 w 9721080"/>
              <a:gd name="connsiteY1" fmla="*/ 2304257 h 2880320"/>
              <a:gd name="connsiteX2" fmla="*/ 1656184 w 9721080"/>
              <a:gd name="connsiteY2" fmla="*/ 1944217 h 2880320"/>
              <a:gd name="connsiteX3" fmla="*/ 1995628 w 9721080"/>
              <a:gd name="connsiteY3" fmla="*/ 1594921 h 2880320"/>
              <a:gd name="connsiteX4" fmla="*/ 3314065 w 9721080"/>
              <a:gd name="connsiteY4" fmla="*/ 882540 h 2880320"/>
              <a:gd name="connsiteX5" fmla="*/ 3813795 w 9721080"/>
              <a:gd name="connsiteY5" fmla="*/ 457238 h 2880320"/>
              <a:gd name="connsiteX6" fmla="*/ 4196567 w 9721080"/>
              <a:gd name="connsiteY6" fmla="*/ 31935 h 2880320"/>
              <a:gd name="connsiteX7" fmla="*/ 5400600 w 9721080"/>
              <a:gd name="connsiteY7" fmla="*/ 0 h 2880320"/>
              <a:gd name="connsiteX8" fmla="*/ 6142325 w 9721080"/>
              <a:gd name="connsiteY8" fmla="*/ 106363 h 2880320"/>
              <a:gd name="connsiteX9" fmla="*/ 6768752 w 9721080"/>
              <a:gd name="connsiteY9" fmla="*/ 144017 h 2880320"/>
              <a:gd name="connsiteX10" fmla="*/ 7344816 w 9721080"/>
              <a:gd name="connsiteY10" fmla="*/ 432049 h 2880320"/>
              <a:gd name="connsiteX11" fmla="*/ 7704855 w 9721080"/>
              <a:gd name="connsiteY11" fmla="*/ 576065 h 2880320"/>
              <a:gd name="connsiteX12" fmla="*/ 8208912 w 9721080"/>
              <a:gd name="connsiteY12" fmla="*/ 576065 h 2880320"/>
              <a:gd name="connsiteX13" fmla="*/ 8784976 w 9721080"/>
              <a:gd name="connsiteY13" fmla="*/ 648073 h 2880320"/>
              <a:gd name="connsiteX14" fmla="*/ 9326220 w 9721080"/>
              <a:gd name="connsiteY14" fmla="*/ 609466 h 2880320"/>
              <a:gd name="connsiteX15" fmla="*/ 9721080 w 9721080"/>
              <a:gd name="connsiteY15" fmla="*/ 576064 h 2880320"/>
              <a:gd name="connsiteX16" fmla="*/ 9577064 w 9721080"/>
              <a:gd name="connsiteY16" fmla="*/ 2880320 h 2880320"/>
              <a:gd name="connsiteX17" fmla="*/ 0 w 9721080"/>
              <a:gd name="connsiteY17" fmla="*/ 2708920 h 2880320"/>
              <a:gd name="connsiteX0" fmla="*/ 0 w 9577064"/>
              <a:gd name="connsiteY0" fmla="*/ 2852936 h 3024336"/>
              <a:gd name="connsiteX1" fmla="*/ 648072 w 9577064"/>
              <a:gd name="connsiteY1" fmla="*/ 2448273 h 3024336"/>
              <a:gd name="connsiteX2" fmla="*/ 1656184 w 9577064"/>
              <a:gd name="connsiteY2" fmla="*/ 2088233 h 3024336"/>
              <a:gd name="connsiteX3" fmla="*/ 1995628 w 9577064"/>
              <a:gd name="connsiteY3" fmla="*/ 1738937 h 3024336"/>
              <a:gd name="connsiteX4" fmla="*/ 3314065 w 9577064"/>
              <a:gd name="connsiteY4" fmla="*/ 1026556 h 3024336"/>
              <a:gd name="connsiteX5" fmla="*/ 3813795 w 9577064"/>
              <a:gd name="connsiteY5" fmla="*/ 601254 h 3024336"/>
              <a:gd name="connsiteX6" fmla="*/ 4196567 w 9577064"/>
              <a:gd name="connsiteY6" fmla="*/ 175951 h 3024336"/>
              <a:gd name="connsiteX7" fmla="*/ 5400600 w 9577064"/>
              <a:gd name="connsiteY7" fmla="*/ 144016 h 3024336"/>
              <a:gd name="connsiteX8" fmla="*/ 6142325 w 9577064"/>
              <a:gd name="connsiteY8" fmla="*/ 250379 h 3024336"/>
              <a:gd name="connsiteX9" fmla="*/ 6768752 w 9577064"/>
              <a:gd name="connsiteY9" fmla="*/ 288033 h 3024336"/>
              <a:gd name="connsiteX10" fmla="*/ 7344816 w 9577064"/>
              <a:gd name="connsiteY10" fmla="*/ 576065 h 3024336"/>
              <a:gd name="connsiteX11" fmla="*/ 7704855 w 9577064"/>
              <a:gd name="connsiteY11" fmla="*/ 720081 h 3024336"/>
              <a:gd name="connsiteX12" fmla="*/ 8208912 w 9577064"/>
              <a:gd name="connsiteY12" fmla="*/ 720081 h 3024336"/>
              <a:gd name="connsiteX13" fmla="*/ 8784976 w 9577064"/>
              <a:gd name="connsiteY13" fmla="*/ 792089 h 3024336"/>
              <a:gd name="connsiteX14" fmla="*/ 9326220 w 9577064"/>
              <a:gd name="connsiteY14" fmla="*/ 753482 h 3024336"/>
              <a:gd name="connsiteX15" fmla="*/ 9545960 w 9577064"/>
              <a:gd name="connsiteY15" fmla="*/ 0 h 3024336"/>
              <a:gd name="connsiteX16" fmla="*/ 9577064 w 9577064"/>
              <a:gd name="connsiteY16" fmla="*/ 3024336 h 3024336"/>
              <a:gd name="connsiteX17" fmla="*/ 0 w 9577064"/>
              <a:gd name="connsiteY17" fmla="*/ 2852936 h 3024336"/>
              <a:gd name="connsiteX0" fmla="*/ 0 w 9577064"/>
              <a:gd name="connsiteY0" fmla="*/ 2852936 h 3024336"/>
              <a:gd name="connsiteX1" fmla="*/ 648072 w 9577064"/>
              <a:gd name="connsiteY1" fmla="*/ 2448273 h 3024336"/>
              <a:gd name="connsiteX2" fmla="*/ 1656184 w 9577064"/>
              <a:gd name="connsiteY2" fmla="*/ 2088233 h 3024336"/>
              <a:gd name="connsiteX3" fmla="*/ 1995628 w 9577064"/>
              <a:gd name="connsiteY3" fmla="*/ 1738937 h 3024336"/>
              <a:gd name="connsiteX4" fmla="*/ 3314065 w 9577064"/>
              <a:gd name="connsiteY4" fmla="*/ 1026556 h 3024336"/>
              <a:gd name="connsiteX5" fmla="*/ 3813795 w 9577064"/>
              <a:gd name="connsiteY5" fmla="*/ 601254 h 3024336"/>
              <a:gd name="connsiteX6" fmla="*/ 4196567 w 9577064"/>
              <a:gd name="connsiteY6" fmla="*/ 175951 h 3024336"/>
              <a:gd name="connsiteX7" fmla="*/ 5400600 w 9577064"/>
              <a:gd name="connsiteY7" fmla="*/ 144016 h 3024336"/>
              <a:gd name="connsiteX8" fmla="*/ 6142325 w 9577064"/>
              <a:gd name="connsiteY8" fmla="*/ 250379 h 3024336"/>
              <a:gd name="connsiteX9" fmla="*/ 6768752 w 9577064"/>
              <a:gd name="connsiteY9" fmla="*/ 288033 h 3024336"/>
              <a:gd name="connsiteX10" fmla="*/ 7344816 w 9577064"/>
              <a:gd name="connsiteY10" fmla="*/ 576065 h 3024336"/>
              <a:gd name="connsiteX11" fmla="*/ 7704855 w 9577064"/>
              <a:gd name="connsiteY11" fmla="*/ 720081 h 3024336"/>
              <a:gd name="connsiteX12" fmla="*/ 8208912 w 9577064"/>
              <a:gd name="connsiteY12" fmla="*/ 720081 h 3024336"/>
              <a:gd name="connsiteX13" fmla="*/ 8784976 w 9577064"/>
              <a:gd name="connsiteY13" fmla="*/ 792089 h 3024336"/>
              <a:gd name="connsiteX14" fmla="*/ 9201472 w 9577064"/>
              <a:gd name="connsiteY14" fmla="*/ 792088 h 3024336"/>
              <a:gd name="connsiteX15" fmla="*/ 9545960 w 9577064"/>
              <a:gd name="connsiteY15" fmla="*/ 0 h 3024336"/>
              <a:gd name="connsiteX16" fmla="*/ 9577064 w 9577064"/>
              <a:gd name="connsiteY16" fmla="*/ 3024336 h 3024336"/>
              <a:gd name="connsiteX17" fmla="*/ 0 w 9577064"/>
              <a:gd name="connsiteY17" fmla="*/ 2852936 h 3024336"/>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864096 h 3096344"/>
              <a:gd name="connsiteX15" fmla="*/ 9201472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86409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8769424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8784976 w 9577064"/>
              <a:gd name="connsiteY13" fmla="*/ 864097 h 3096344"/>
              <a:gd name="connsiteX14" fmla="*/ 9201472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 name="connsiteX0" fmla="*/ 0 w 9577064"/>
              <a:gd name="connsiteY0" fmla="*/ 2924944 h 3096344"/>
              <a:gd name="connsiteX1" fmla="*/ 648072 w 9577064"/>
              <a:gd name="connsiteY1" fmla="*/ 2520281 h 3096344"/>
              <a:gd name="connsiteX2" fmla="*/ 1656184 w 9577064"/>
              <a:gd name="connsiteY2" fmla="*/ 2160241 h 3096344"/>
              <a:gd name="connsiteX3" fmla="*/ 1995628 w 9577064"/>
              <a:gd name="connsiteY3" fmla="*/ 1810945 h 3096344"/>
              <a:gd name="connsiteX4" fmla="*/ 3314065 w 9577064"/>
              <a:gd name="connsiteY4" fmla="*/ 1098564 h 3096344"/>
              <a:gd name="connsiteX5" fmla="*/ 3813795 w 9577064"/>
              <a:gd name="connsiteY5" fmla="*/ 673262 h 3096344"/>
              <a:gd name="connsiteX6" fmla="*/ 4196567 w 9577064"/>
              <a:gd name="connsiteY6" fmla="*/ 247959 h 3096344"/>
              <a:gd name="connsiteX7" fmla="*/ 5400600 w 9577064"/>
              <a:gd name="connsiteY7" fmla="*/ 216024 h 3096344"/>
              <a:gd name="connsiteX8" fmla="*/ 6142325 w 9577064"/>
              <a:gd name="connsiteY8" fmla="*/ 322387 h 3096344"/>
              <a:gd name="connsiteX9" fmla="*/ 6768752 w 9577064"/>
              <a:gd name="connsiteY9" fmla="*/ 360041 h 3096344"/>
              <a:gd name="connsiteX10" fmla="*/ 7344816 w 9577064"/>
              <a:gd name="connsiteY10" fmla="*/ 648073 h 3096344"/>
              <a:gd name="connsiteX11" fmla="*/ 7704855 w 9577064"/>
              <a:gd name="connsiteY11" fmla="*/ 792089 h 3096344"/>
              <a:gd name="connsiteX12" fmla="*/ 8208912 w 9577064"/>
              <a:gd name="connsiteY12" fmla="*/ 792089 h 3096344"/>
              <a:gd name="connsiteX13" fmla="*/ 9201472 w 9577064"/>
              <a:gd name="connsiteY13" fmla="*/ 864096 h 3096344"/>
              <a:gd name="connsiteX14" fmla="*/ 9201472 w 9577064"/>
              <a:gd name="connsiteY14" fmla="*/ 144016 h 3096344"/>
              <a:gd name="connsiteX15" fmla="*/ 9417496 w 9577064"/>
              <a:gd name="connsiteY15" fmla="*/ 0 h 3096344"/>
              <a:gd name="connsiteX16" fmla="*/ 9577064 w 9577064"/>
              <a:gd name="connsiteY16" fmla="*/ 3096344 h 3096344"/>
              <a:gd name="connsiteX17" fmla="*/ 0 w 9577064"/>
              <a:gd name="connsiteY17" fmla="*/ 2924944 h 30963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9577064" h="3096344">
                <a:moveTo>
                  <a:pt x="0" y="2924944"/>
                </a:moveTo>
                <a:lnTo>
                  <a:pt x="648072" y="2520281"/>
                </a:lnTo>
                <a:lnTo>
                  <a:pt x="1656184" y="2160241"/>
                </a:lnTo>
                <a:lnTo>
                  <a:pt x="1995628" y="1810945"/>
                </a:lnTo>
                <a:lnTo>
                  <a:pt x="3314065" y="1098564"/>
                </a:lnTo>
                <a:lnTo>
                  <a:pt x="3813795" y="673262"/>
                </a:lnTo>
                <a:lnTo>
                  <a:pt x="4196567" y="247959"/>
                </a:lnTo>
                <a:lnTo>
                  <a:pt x="5400600" y="216024"/>
                </a:lnTo>
                <a:lnTo>
                  <a:pt x="6142325" y="322387"/>
                </a:lnTo>
                <a:lnTo>
                  <a:pt x="6768752" y="360041"/>
                </a:lnTo>
                <a:lnTo>
                  <a:pt x="7344816" y="648073"/>
                </a:lnTo>
                <a:lnTo>
                  <a:pt x="7704855" y="792089"/>
                </a:lnTo>
                <a:lnTo>
                  <a:pt x="8208912" y="792089"/>
                </a:lnTo>
                <a:lnTo>
                  <a:pt x="9201472" y="864096"/>
                </a:lnTo>
                <a:lnTo>
                  <a:pt x="9201472" y="144016"/>
                </a:lnTo>
                <a:lnTo>
                  <a:pt x="9417496" y="0"/>
                </a:lnTo>
                <a:lnTo>
                  <a:pt x="9577064" y="3096344"/>
                </a:lnTo>
                <a:lnTo>
                  <a:pt x="0" y="2924944"/>
                </a:ln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 name="Rectangle 2"/>
          <p:cNvSpPr txBox="1">
            <a:spLocks noChangeArrowheads="1"/>
          </p:cNvSpPr>
          <p:nvPr/>
        </p:nvSpPr>
        <p:spPr bwMode="auto">
          <a:xfrm>
            <a:off x="0" y="2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２． 中之島</a:t>
            </a:r>
            <a:endParaRPr lang="en-US" altLang="ja-JP" sz="2000" b="1" dirty="0" smtClean="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128464" y="2924944"/>
            <a:ext cx="9649072" cy="3890526"/>
          </a:xfrm>
          <a:prstGeom prst="rect">
            <a:avLst/>
          </a:prstGeom>
          <a:noFill/>
          <a:ln>
            <a:solidFill>
              <a:schemeClr val="tx1"/>
            </a:solidFill>
            <a:prstDash val="sysDash"/>
          </a:ln>
        </p:spPr>
        <p:txBody>
          <a:bodyPr wrap="square" rtlCol="0">
            <a:spAutoFit/>
          </a:bodyPr>
          <a:lstStyle/>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p:txBody>
      </p:sp>
      <p:sp>
        <p:nvSpPr>
          <p:cNvPr id="8" name="テキスト ボックス 7"/>
          <p:cNvSpPr txBox="1"/>
          <p:nvPr/>
        </p:nvSpPr>
        <p:spPr>
          <a:xfrm>
            <a:off x="128464" y="452289"/>
            <a:ext cx="9649072" cy="2400657"/>
          </a:xfrm>
          <a:prstGeom prst="rect">
            <a:avLst/>
          </a:prstGeom>
          <a:noFill/>
          <a:ln>
            <a:solidFill>
              <a:schemeClr val="tx1"/>
            </a:solidFill>
            <a:prstDash val="sysDash"/>
          </a:ln>
        </p:spPr>
        <p:txBody>
          <a:bodyPr wrap="square" rtlCol="0">
            <a:spAutoFit/>
          </a:bodyPr>
          <a:lstStyle/>
          <a:p>
            <a:pPr>
              <a:lnSpc>
                <a:spcPts val="1220"/>
              </a:lnSpc>
            </a:pPr>
            <a:r>
              <a:rPr lang="en-US" altLang="ja-JP" sz="1200" dirty="0" smtClean="0"/>
              <a:t>【</a:t>
            </a:r>
            <a:r>
              <a:rPr lang="ja-JP" altLang="en-US" sz="1200" dirty="0" smtClean="0"/>
              <a:t>地区の位置づけ</a:t>
            </a:r>
            <a:r>
              <a:rPr lang="en-US" altLang="ja-JP" sz="1200" dirty="0" smtClean="0"/>
              <a:t>】</a:t>
            </a:r>
          </a:p>
          <a:p>
            <a:pPr marL="180975" indent="-180975">
              <a:lnSpc>
                <a:spcPts val="1220"/>
              </a:lnSpc>
            </a:pPr>
            <a:r>
              <a:rPr lang="ja-JP" altLang="en-US" sz="1200" dirty="0" smtClean="0">
                <a:latin typeface="ＭＳ Ｐ明朝" pitchFamily="18" charset="-128"/>
                <a:ea typeface="ＭＳ Ｐ明朝" pitchFamily="18" charset="-128"/>
              </a:rPr>
              <a:t>　・当地区は古くから大阪の経済・文化・行政の中心であり、現在でも大手企業の中枢機能が集積するとともに、芸術・文化の発信拠点としての役割も担っている。大阪駅から御堂筋を経て難波にいたるエリアとともに、大阪の中心業務地区を形成している。</a:t>
            </a:r>
            <a:endParaRPr lang="en-US" altLang="ja-JP" sz="1200" dirty="0" smtClean="0">
              <a:latin typeface="ＭＳ Ｐ明朝" pitchFamily="18" charset="-128"/>
              <a:ea typeface="ＭＳ Ｐ明朝" pitchFamily="18" charset="-128"/>
            </a:endParaRPr>
          </a:p>
          <a:p>
            <a:pPr marL="180975" indent="-180975">
              <a:lnSpc>
                <a:spcPts val="1220"/>
              </a:lnSpc>
            </a:pPr>
            <a:r>
              <a:rPr lang="ja-JP" altLang="en-US" sz="1200" dirty="0" smtClean="0">
                <a:latin typeface="ＭＳ Ｐ明朝" pitchFamily="18" charset="-128"/>
                <a:ea typeface="ＭＳ Ｐ明朝" pitchFamily="18" charset="-128"/>
              </a:rPr>
              <a:t>　・大阪駅から南へ約</a:t>
            </a:r>
            <a:r>
              <a:rPr lang="en-US" altLang="ja-JP" sz="1200" dirty="0" smtClean="0">
                <a:latin typeface="ＭＳ Ｐ明朝" pitchFamily="18" charset="-128"/>
                <a:ea typeface="ＭＳ Ｐ明朝" pitchFamily="18" charset="-128"/>
              </a:rPr>
              <a:t>1km</a:t>
            </a:r>
            <a:r>
              <a:rPr lang="ja-JP" altLang="en-US" sz="1200" dirty="0" smtClean="0">
                <a:latin typeface="ＭＳ Ｐ明朝" pitchFamily="18" charset="-128"/>
                <a:ea typeface="ＭＳ Ｐ明朝" pitchFamily="18" charset="-128"/>
              </a:rPr>
              <a:t>の距離に立地。東西約</a:t>
            </a:r>
            <a:r>
              <a:rPr lang="en-US" altLang="ja-JP" sz="1200" dirty="0" smtClean="0">
                <a:latin typeface="ＭＳ Ｐ明朝" pitchFamily="18" charset="-128"/>
                <a:ea typeface="ＭＳ Ｐ明朝" pitchFamily="18" charset="-128"/>
              </a:rPr>
              <a:t>3km</a:t>
            </a:r>
            <a:r>
              <a:rPr lang="ja-JP" altLang="en-US" sz="1200" dirty="0" err="1"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面積約</a:t>
            </a:r>
            <a:r>
              <a:rPr lang="en-US" altLang="ja-JP" sz="1200" dirty="0" smtClean="0">
                <a:latin typeface="ＭＳ Ｐ明朝" pitchFamily="18" charset="-128"/>
                <a:ea typeface="ＭＳ Ｐ明朝" pitchFamily="18" charset="-128"/>
              </a:rPr>
              <a:t>72ha</a:t>
            </a:r>
            <a:r>
              <a:rPr lang="ja-JP" altLang="en-US" sz="1200" dirty="0" err="1"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堂島川と土佐堀川に挟まれ、水都大阪を代表する景観を形成しており、大阪のシンボルアイランドとなっている。</a:t>
            </a:r>
            <a:endParaRPr lang="en-US" altLang="ja-JP" sz="1200" dirty="0" smtClean="0">
              <a:latin typeface="ＭＳ Ｐ明朝" pitchFamily="18" charset="-128"/>
              <a:ea typeface="ＭＳ Ｐ明朝" pitchFamily="18" charset="-128"/>
            </a:endParaRPr>
          </a:p>
          <a:p>
            <a:pPr>
              <a:lnSpc>
                <a:spcPts val="1220"/>
              </a:lnSpc>
            </a:pPr>
            <a:r>
              <a:rPr lang="en-US" altLang="ja-JP" sz="1200" dirty="0" smtClean="0"/>
              <a:t>【</a:t>
            </a:r>
            <a:r>
              <a:rPr lang="ja-JP" altLang="en-US" sz="1200" dirty="0" smtClean="0"/>
              <a:t>中之島東部の概要</a:t>
            </a:r>
            <a:r>
              <a:rPr lang="en-US" altLang="ja-JP" sz="1200" dirty="0" smtClean="0"/>
              <a:t>】</a:t>
            </a:r>
          </a:p>
          <a:p>
            <a:pPr>
              <a:lnSpc>
                <a:spcPts val="1220"/>
              </a:lnSpc>
            </a:pPr>
            <a:r>
              <a:rPr lang="ja-JP" altLang="en-US" sz="1200" dirty="0" smtClean="0">
                <a:latin typeface="ＭＳ Ｐ明朝" pitchFamily="18" charset="-128"/>
                <a:ea typeface="ＭＳ Ｐ明朝" pitchFamily="18" charset="-128"/>
              </a:rPr>
              <a:t>　○土地利用：</a:t>
            </a:r>
            <a:r>
              <a:rPr lang="en-US" altLang="ja-JP" sz="1200" dirty="0" smtClean="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明治・大正年代から、大阪市役所・日本銀行・中之島図書館・中央公会堂などの土地利用が進む。</a:t>
            </a:r>
            <a:endParaRPr lang="en-US" altLang="ja-JP" sz="1200" dirty="0" smtClean="0">
              <a:latin typeface="ＭＳ Ｐ明朝" pitchFamily="18" charset="-128"/>
              <a:ea typeface="ＭＳ Ｐ明朝" pitchFamily="18" charset="-128"/>
            </a:endParaRPr>
          </a:p>
          <a:p>
            <a:pPr>
              <a:lnSpc>
                <a:spcPts val="1220"/>
              </a:lnSpc>
            </a:pPr>
            <a:r>
              <a:rPr lang="ja-JP" altLang="en-US" sz="1200" dirty="0" smtClean="0">
                <a:latin typeface="ＭＳ Ｐ明朝" pitchFamily="18" charset="-128"/>
                <a:ea typeface="ＭＳ Ｐ明朝" pitchFamily="18" charset="-128"/>
              </a:rPr>
              <a:t>　　　　　　　　　</a:t>
            </a:r>
            <a:r>
              <a:rPr lang="en-US" altLang="ja-JP" sz="1200" dirty="0" smtClean="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昭和年代には概ね現在の姿が概成している。西端には、</a:t>
            </a:r>
            <a:r>
              <a:rPr lang="en-US" altLang="ja-JP" sz="1200" dirty="0" smtClean="0">
                <a:latin typeface="ＭＳ Ｐ明朝" pitchFamily="18" charset="-128"/>
                <a:ea typeface="ＭＳ Ｐ明朝" pitchFamily="18" charset="-128"/>
              </a:rPr>
              <a:t>2012</a:t>
            </a:r>
            <a:r>
              <a:rPr lang="ja-JP" altLang="en-US" sz="1200" dirty="0" smtClean="0">
                <a:latin typeface="ＭＳ Ｐ明朝" pitchFamily="18" charset="-128"/>
                <a:ea typeface="ＭＳ Ｐ明朝" pitchFamily="18" charset="-128"/>
              </a:rPr>
              <a:t>年にフェスティバルタワーの建替えが完成。</a:t>
            </a:r>
            <a:endParaRPr lang="en-US" altLang="ja-JP" sz="1200" dirty="0" smtClean="0">
              <a:latin typeface="ＭＳ Ｐ明朝" pitchFamily="18" charset="-128"/>
              <a:ea typeface="ＭＳ Ｐ明朝" pitchFamily="18" charset="-128"/>
            </a:endParaRPr>
          </a:p>
          <a:p>
            <a:pPr>
              <a:lnSpc>
                <a:spcPts val="1220"/>
              </a:lnSpc>
            </a:pPr>
            <a:r>
              <a:rPr lang="ja-JP" altLang="en-US" sz="1200" dirty="0" smtClean="0">
                <a:latin typeface="ＭＳ Ｐ明朝" pitchFamily="18" charset="-128"/>
                <a:ea typeface="ＭＳ Ｐ明朝" pitchFamily="18" charset="-128"/>
              </a:rPr>
              <a:t>　○交通インフラ：　地下鉄御堂筋線、四ツ橋線が近接しており、交通至便な立地である</a:t>
            </a:r>
            <a:endParaRPr lang="en-US" altLang="ja-JP" sz="1200" dirty="0" smtClean="0">
              <a:latin typeface="ＭＳ Ｐ明朝" pitchFamily="18" charset="-128"/>
              <a:ea typeface="ＭＳ Ｐ明朝" pitchFamily="18" charset="-128"/>
            </a:endParaRPr>
          </a:p>
          <a:p>
            <a:pPr>
              <a:lnSpc>
                <a:spcPts val="1220"/>
              </a:lnSpc>
            </a:pPr>
            <a:r>
              <a:rPr lang="ja-JP" altLang="en-US" sz="1200" dirty="0" smtClean="0">
                <a:latin typeface="ＭＳ Ｐ明朝" pitchFamily="18" charset="-128"/>
                <a:ea typeface="ＭＳ Ｐ明朝" pitchFamily="18" charset="-128"/>
              </a:rPr>
              <a:t>　○施設の活用：　中之島図書館、中央公会堂など近代建築物が集積している。</a:t>
            </a:r>
            <a:endParaRPr lang="en-US" altLang="ja-JP" sz="1200" dirty="0" smtClean="0">
              <a:latin typeface="ＭＳ Ｐ明朝" pitchFamily="18" charset="-128"/>
              <a:ea typeface="ＭＳ Ｐ明朝" pitchFamily="18" charset="-128"/>
            </a:endParaRPr>
          </a:p>
          <a:p>
            <a:pPr>
              <a:lnSpc>
                <a:spcPts val="1220"/>
              </a:lnSpc>
            </a:pPr>
            <a:r>
              <a:rPr lang="en-US" altLang="ja-JP" sz="1200" dirty="0" smtClean="0"/>
              <a:t>【</a:t>
            </a:r>
            <a:r>
              <a:rPr lang="ja-JP" altLang="en-US" sz="1200" dirty="0" smtClean="0"/>
              <a:t>中之島西部の概要</a:t>
            </a:r>
            <a:r>
              <a:rPr lang="en-US" altLang="ja-JP" sz="1200" dirty="0" smtClean="0"/>
              <a:t>】</a:t>
            </a:r>
          </a:p>
          <a:p>
            <a:pPr>
              <a:lnSpc>
                <a:spcPts val="1220"/>
              </a:lnSpc>
            </a:pPr>
            <a:r>
              <a:rPr lang="ja-JP" altLang="en-US" sz="1200" dirty="0" smtClean="0">
                <a:latin typeface="ＭＳ Ｐ明朝" pitchFamily="18" charset="-128"/>
                <a:ea typeface="ＭＳ Ｐ明朝" pitchFamily="18" charset="-128"/>
              </a:rPr>
              <a:t>　○土地利用：　中之島</a:t>
            </a:r>
            <a:r>
              <a:rPr lang="en-US" altLang="ja-JP" sz="1200" dirty="0" smtClean="0">
                <a:latin typeface="ＭＳ Ｐ明朝" pitchFamily="18" charset="-128"/>
                <a:ea typeface="ＭＳ Ｐ明朝" pitchFamily="18" charset="-128"/>
              </a:rPr>
              <a:t>3</a:t>
            </a:r>
            <a:r>
              <a:rPr lang="ja-JP" altLang="en-US" sz="1200" dirty="0" smtClean="0">
                <a:latin typeface="ＭＳ Ｐ明朝" pitchFamily="18" charset="-128"/>
                <a:ea typeface="ＭＳ Ｐ明朝" pitchFamily="18" charset="-128"/>
              </a:rPr>
              <a:t>丁目では民間開発が進んでいるが、中之島</a:t>
            </a:r>
            <a:r>
              <a:rPr lang="en-US" altLang="ja-JP" sz="1200" dirty="0" smtClean="0">
                <a:latin typeface="ＭＳ Ｐ明朝" pitchFamily="18" charset="-128"/>
                <a:ea typeface="ＭＳ Ｐ明朝" pitchFamily="18" charset="-128"/>
              </a:rPr>
              <a:t>4</a:t>
            </a:r>
            <a:r>
              <a:rPr lang="ja-JP" altLang="en-US"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5</a:t>
            </a:r>
            <a:r>
              <a:rPr lang="ja-JP" altLang="en-US" sz="1200" dirty="0" smtClean="0">
                <a:latin typeface="ＭＳ Ｐ明朝" pitchFamily="18" charset="-128"/>
                <a:ea typeface="ＭＳ Ｐ明朝" pitchFamily="18" charset="-128"/>
              </a:rPr>
              <a:t>丁目には未利用地が存在している。</a:t>
            </a:r>
            <a:endParaRPr lang="en-US" altLang="ja-JP" sz="1200" dirty="0" smtClean="0">
              <a:latin typeface="ＭＳ Ｐ明朝" pitchFamily="18" charset="-128"/>
              <a:ea typeface="ＭＳ Ｐ明朝" pitchFamily="18" charset="-128"/>
            </a:endParaRPr>
          </a:p>
          <a:p>
            <a:pPr>
              <a:lnSpc>
                <a:spcPts val="1220"/>
              </a:lnSpc>
            </a:pPr>
            <a:r>
              <a:rPr lang="ja-JP" altLang="en-US" sz="1200" dirty="0" smtClean="0">
                <a:latin typeface="ＭＳ Ｐ明朝" pitchFamily="18" charset="-128"/>
                <a:ea typeface="ＭＳ Ｐ明朝" pitchFamily="18" charset="-128"/>
              </a:rPr>
              <a:t>　○交通インフラ：　</a:t>
            </a:r>
            <a:r>
              <a:rPr lang="en-US" altLang="ja-JP" sz="1200" dirty="0" smtClean="0">
                <a:latin typeface="ＭＳ Ｐ明朝" pitchFamily="18" charset="-128"/>
                <a:ea typeface="ＭＳ Ｐ明朝" pitchFamily="18" charset="-128"/>
              </a:rPr>
              <a:t>2010</a:t>
            </a:r>
            <a:r>
              <a:rPr lang="ja-JP" altLang="en-US" sz="1200" dirty="0" smtClean="0">
                <a:latin typeface="ＭＳ Ｐ明朝" pitchFamily="18" charset="-128"/>
                <a:ea typeface="ＭＳ Ｐ明朝" pitchFamily="18" charset="-128"/>
              </a:rPr>
              <a:t>年に京阪中之島線が開通し、利便性が向上している。</a:t>
            </a:r>
            <a:endParaRPr lang="en-US" altLang="ja-JP" sz="1200" dirty="0" smtClean="0">
              <a:latin typeface="ＭＳ Ｐ明朝" pitchFamily="18" charset="-128"/>
              <a:ea typeface="ＭＳ Ｐ明朝" pitchFamily="18" charset="-128"/>
            </a:endParaRPr>
          </a:p>
          <a:p>
            <a:pPr marL="1162050" indent="-1162050">
              <a:lnSpc>
                <a:spcPts val="1220"/>
              </a:lnSpc>
            </a:pPr>
            <a:r>
              <a:rPr lang="ja-JP" altLang="en-US" sz="1200" dirty="0" smtClean="0">
                <a:latin typeface="ＭＳ Ｐ明朝" pitchFamily="18" charset="-128"/>
                <a:ea typeface="ＭＳ Ｐ明朝" pitchFamily="18" charset="-128"/>
              </a:rPr>
              <a:t>　○施設の活用：　国立国際美術館、市立科学館等の文化・芸術機能が集積。大阪国際会議場、リーガロイヤルホテル、フェスティバルホールなどの　</a:t>
            </a:r>
            <a:r>
              <a:rPr lang="en-US" altLang="ja-JP" sz="1200" dirty="0" smtClean="0">
                <a:latin typeface="ＭＳ Ｐ明朝" pitchFamily="18" charset="-128"/>
                <a:ea typeface="ＭＳ Ｐ明朝" pitchFamily="18" charset="-128"/>
              </a:rPr>
              <a:t>MICE</a:t>
            </a:r>
            <a:r>
              <a:rPr lang="ja-JP" altLang="en-US" sz="1200" dirty="0" smtClean="0">
                <a:latin typeface="ＭＳ Ｐ明朝" pitchFamily="18" charset="-128"/>
                <a:ea typeface="ＭＳ Ｐ明朝" pitchFamily="18" charset="-128"/>
              </a:rPr>
              <a:t>機能が集積している。</a:t>
            </a:r>
            <a:endParaRPr lang="en-US" altLang="ja-JP" sz="1200" dirty="0" smtClean="0">
              <a:latin typeface="ＭＳ Ｐ明朝" pitchFamily="18" charset="-128"/>
              <a:ea typeface="ＭＳ Ｐ明朝" pitchFamily="18" charset="-128"/>
            </a:endParaRPr>
          </a:p>
        </p:txBody>
      </p:sp>
      <p:sp>
        <p:nvSpPr>
          <p:cNvPr id="13" name="フリーフォーム 12"/>
          <p:cNvSpPr/>
          <p:nvPr/>
        </p:nvSpPr>
        <p:spPr>
          <a:xfrm>
            <a:off x="6028767" y="3588884"/>
            <a:ext cx="325371" cy="215978"/>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25370" h="215978">
                <a:moveTo>
                  <a:pt x="8415" y="0"/>
                </a:moveTo>
                <a:lnTo>
                  <a:pt x="0" y="201954"/>
                </a:lnTo>
                <a:lnTo>
                  <a:pt x="322565" y="215978"/>
                </a:lnTo>
                <a:lnTo>
                  <a:pt x="325370" y="19635"/>
                </a:lnTo>
                <a:lnTo>
                  <a:pt x="8415"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6075244" y="3605276"/>
            <a:ext cx="173945" cy="153888"/>
          </a:xfrm>
          <a:prstGeom prst="rect">
            <a:avLst/>
          </a:prstGeom>
          <a:noFill/>
        </p:spPr>
        <p:txBody>
          <a:bodyPr wrap="square" lIns="0" tIns="0" rIns="0" bIns="0" rtlCol="0">
            <a:spAutoFit/>
          </a:bodyPr>
          <a:lstStyle/>
          <a:p>
            <a:r>
              <a:rPr kumimoji="1" lang="ja-JP" altLang="en-US" sz="1000" dirty="0" smtClean="0">
                <a:latin typeface="Meiryo UI" pitchFamily="50" charset="-128"/>
                <a:ea typeface="Meiryo UI" pitchFamily="50" charset="-128"/>
                <a:cs typeface="Meiryo UI" pitchFamily="50" charset="-128"/>
              </a:rPr>
              <a:t>③</a:t>
            </a:r>
            <a:endParaRPr kumimoji="1" lang="ja-JP" altLang="en-US" sz="1000" dirty="0">
              <a:latin typeface="Meiryo UI" pitchFamily="50" charset="-128"/>
              <a:ea typeface="Meiryo UI" pitchFamily="50" charset="-128"/>
              <a:cs typeface="Meiryo UI" pitchFamily="50" charset="-128"/>
            </a:endParaRPr>
          </a:p>
        </p:txBody>
      </p:sp>
      <p:sp>
        <p:nvSpPr>
          <p:cNvPr id="15" name="フリーフォーム 14"/>
          <p:cNvSpPr/>
          <p:nvPr/>
        </p:nvSpPr>
        <p:spPr>
          <a:xfrm>
            <a:off x="6374991" y="3610893"/>
            <a:ext cx="131815" cy="202795"/>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24160" h="202795">
                <a:moveTo>
                  <a:pt x="12591" y="0"/>
                </a:moveTo>
                <a:lnTo>
                  <a:pt x="0" y="197186"/>
                </a:lnTo>
                <a:lnTo>
                  <a:pt x="315669" y="202795"/>
                </a:lnTo>
                <a:cubicBezTo>
                  <a:pt x="316201" y="137638"/>
                  <a:pt x="323628" y="80897"/>
                  <a:pt x="324160" y="15740"/>
                </a:cubicBezTo>
                <a:lnTo>
                  <a:pt x="134491" y="2805"/>
                </a:lnTo>
                <a:lnTo>
                  <a:pt x="12591"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フリーフォーム 15"/>
          <p:cNvSpPr/>
          <p:nvPr/>
        </p:nvSpPr>
        <p:spPr>
          <a:xfrm>
            <a:off x="6533143" y="3643908"/>
            <a:ext cx="177214" cy="17498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15311 w 332266"/>
              <a:gd name="connsiteY0" fmla="*/ 0 h 215978"/>
              <a:gd name="connsiteX1" fmla="*/ 0 w 332266"/>
              <a:gd name="connsiteY1" fmla="*/ 168295 h 215978"/>
              <a:gd name="connsiteX2" fmla="*/ 329461 w 332266"/>
              <a:gd name="connsiteY2" fmla="*/ 215978 h 215978"/>
              <a:gd name="connsiteX3" fmla="*/ 332266 w 332266"/>
              <a:gd name="connsiteY3" fmla="*/ 19635 h 215978"/>
              <a:gd name="connsiteX4" fmla="*/ 15311 w 332266"/>
              <a:gd name="connsiteY4" fmla="*/ 0 h 215978"/>
              <a:gd name="connsiteX0" fmla="*/ 15311 w 432929"/>
              <a:gd name="connsiteY0" fmla="*/ 0 h 168295"/>
              <a:gd name="connsiteX1" fmla="*/ 0 w 432929"/>
              <a:gd name="connsiteY1" fmla="*/ 168295 h 168295"/>
              <a:gd name="connsiteX2" fmla="*/ 432929 w 432929"/>
              <a:gd name="connsiteY2" fmla="*/ 154271 h 168295"/>
              <a:gd name="connsiteX3" fmla="*/ 332266 w 432929"/>
              <a:gd name="connsiteY3" fmla="*/ 19635 h 168295"/>
              <a:gd name="connsiteX4" fmla="*/ 15311 w 432929"/>
              <a:gd name="connsiteY4"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32266 w 435806"/>
              <a:gd name="connsiteY4" fmla="*/ 19635 h 168295"/>
              <a:gd name="connsiteX5" fmla="*/ 15311 w 435806"/>
              <a:gd name="connsiteY5" fmla="*/ 0 h 168295"/>
              <a:gd name="connsiteX0" fmla="*/ 15311 w 435806"/>
              <a:gd name="connsiteY0" fmla="*/ 0 h 168295"/>
              <a:gd name="connsiteX1" fmla="*/ 0 w 435806"/>
              <a:gd name="connsiteY1" fmla="*/ 168295 h 168295"/>
              <a:gd name="connsiteX2" fmla="*/ 432929 w 435806"/>
              <a:gd name="connsiteY2" fmla="*/ 154271 h 168295"/>
              <a:gd name="connsiteX3" fmla="*/ 435806 w 435806"/>
              <a:gd name="connsiteY3" fmla="*/ 79613 h 168295"/>
              <a:gd name="connsiteX4" fmla="*/ 394346 w 435806"/>
              <a:gd name="connsiteY4" fmla="*/ 19635 h 168295"/>
              <a:gd name="connsiteX5" fmla="*/ 15311 w 435806"/>
              <a:gd name="connsiteY5" fmla="*/ 0 h 168295"/>
              <a:gd name="connsiteX0" fmla="*/ 15311 w 435806"/>
              <a:gd name="connsiteY0" fmla="*/ 0 h 174980"/>
              <a:gd name="connsiteX1" fmla="*/ 0 w 435806"/>
              <a:gd name="connsiteY1" fmla="*/ 168295 h 174980"/>
              <a:gd name="connsiteX2" fmla="*/ 235769 w 435806"/>
              <a:gd name="connsiteY2" fmla="*/ 174980 h 174980"/>
              <a:gd name="connsiteX3" fmla="*/ 432929 w 435806"/>
              <a:gd name="connsiteY3" fmla="*/ 154271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19635 h 174980"/>
              <a:gd name="connsiteX6" fmla="*/ 15311 w 435806"/>
              <a:gd name="connsiteY6" fmla="*/ 0 h 174980"/>
              <a:gd name="connsiteX0" fmla="*/ 15311 w 435806"/>
              <a:gd name="connsiteY0" fmla="*/ 0 h 174980"/>
              <a:gd name="connsiteX1" fmla="*/ 0 w 435806"/>
              <a:gd name="connsiteY1" fmla="*/ 168295 h 174980"/>
              <a:gd name="connsiteX2" fmla="*/ 235769 w 435806"/>
              <a:gd name="connsiteY2" fmla="*/ 174980 h 174980"/>
              <a:gd name="connsiteX3" fmla="*/ 426031 w 435806"/>
              <a:gd name="connsiteY3" fmla="*/ 162686 h 174980"/>
              <a:gd name="connsiteX4" fmla="*/ 435806 w 435806"/>
              <a:gd name="connsiteY4" fmla="*/ 79613 h 174980"/>
              <a:gd name="connsiteX5" fmla="*/ 394346 w 435806"/>
              <a:gd name="connsiteY5" fmla="*/ 30854 h 174980"/>
              <a:gd name="connsiteX6" fmla="*/ 15311 w 435806"/>
              <a:gd name="connsiteY6" fmla="*/ 0 h 1749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435806" h="174980">
                <a:moveTo>
                  <a:pt x="15311" y="0"/>
                </a:moveTo>
                <a:lnTo>
                  <a:pt x="0" y="168295"/>
                </a:lnTo>
                <a:lnTo>
                  <a:pt x="235769" y="174980"/>
                </a:lnTo>
                <a:lnTo>
                  <a:pt x="426031" y="162686"/>
                </a:lnTo>
                <a:lnTo>
                  <a:pt x="435806" y="79613"/>
                </a:lnTo>
                <a:lnTo>
                  <a:pt x="394346" y="30854"/>
                </a:lnTo>
                <a:lnTo>
                  <a:pt x="15311"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6579255" y="3649901"/>
            <a:ext cx="432049" cy="153888"/>
          </a:xfrm>
          <a:prstGeom prst="rect">
            <a:avLst/>
          </a:prstGeom>
          <a:noFill/>
        </p:spPr>
        <p:txBody>
          <a:bodyPr wrap="square" lIns="0" tIns="0" rIns="0" bIns="0" rtlCol="0">
            <a:spAutoFit/>
          </a:bodyPr>
          <a:lstStyle/>
          <a:p>
            <a:r>
              <a:rPr kumimoji="1" lang="ja-JP" altLang="en-US" sz="1000" dirty="0" smtClean="0">
                <a:latin typeface="Meiryo UI" pitchFamily="50" charset="-128"/>
                <a:ea typeface="Meiryo UI" pitchFamily="50" charset="-128"/>
                <a:cs typeface="Meiryo UI" pitchFamily="50" charset="-128"/>
              </a:rPr>
              <a:t>①</a:t>
            </a:r>
            <a:endParaRPr kumimoji="1" lang="ja-JP" altLang="en-US" sz="1000" dirty="0">
              <a:latin typeface="Meiryo UI" pitchFamily="50" charset="-128"/>
              <a:ea typeface="Meiryo UI" pitchFamily="50" charset="-128"/>
              <a:cs typeface="Meiryo UI" pitchFamily="50" charset="-128"/>
            </a:endParaRPr>
          </a:p>
        </p:txBody>
      </p:sp>
      <p:sp>
        <p:nvSpPr>
          <p:cNvPr id="19" name="フリーフォーム 18"/>
          <p:cNvSpPr/>
          <p:nvPr/>
        </p:nvSpPr>
        <p:spPr>
          <a:xfrm>
            <a:off x="5491996" y="3561274"/>
            <a:ext cx="415857" cy="209405"/>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0 w 332383"/>
              <a:gd name="connsiteY0" fmla="*/ 8370 h 196343"/>
              <a:gd name="connsiteX1" fmla="*/ 7013 w 332383"/>
              <a:gd name="connsiteY1" fmla="*/ 182319 h 196343"/>
              <a:gd name="connsiteX2" fmla="*/ 329578 w 332383"/>
              <a:gd name="connsiteY2" fmla="*/ 196343 h 196343"/>
              <a:gd name="connsiteX3" fmla="*/ 332383 w 332383"/>
              <a:gd name="connsiteY3" fmla="*/ 0 h 196343"/>
              <a:gd name="connsiteX4" fmla="*/ 0 w 332383"/>
              <a:gd name="connsiteY4" fmla="*/ 8370 h 196343"/>
              <a:gd name="connsiteX0" fmla="*/ 130 w 332513"/>
              <a:gd name="connsiteY0" fmla="*/ 8370 h 201369"/>
              <a:gd name="connsiteX1" fmla="*/ 0 w 332513"/>
              <a:gd name="connsiteY1" fmla="*/ 201369 h 201369"/>
              <a:gd name="connsiteX2" fmla="*/ 329708 w 332513"/>
              <a:gd name="connsiteY2" fmla="*/ 196343 h 201369"/>
              <a:gd name="connsiteX3" fmla="*/ 332513 w 332513"/>
              <a:gd name="connsiteY3" fmla="*/ 0 h 201369"/>
              <a:gd name="connsiteX4" fmla="*/ 130 w 332513"/>
              <a:gd name="connsiteY4" fmla="*/ 8370 h 201369"/>
              <a:gd name="connsiteX0" fmla="*/ 130 w 405908"/>
              <a:gd name="connsiteY0" fmla="*/ 8370 h 217775"/>
              <a:gd name="connsiteX1" fmla="*/ 0 w 405908"/>
              <a:gd name="connsiteY1" fmla="*/ 201369 h 217775"/>
              <a:gd name="connsiteX2" fmla="*/ 405908 w 405908"/>
              <a:gd name="connsiteY2" fmla="*/ 217775 h 217775"/>
              <a:gd name="connsiteX3" fmla="*/ 332513 w 405908"/>
              <a:gd name="connsiteY3" fmla="*/ 0 h 217775"/>
              <a:gd name="connsiteX4" fmla="*/ 130 w 405908"/>
              <a:gd name="connsiteY4" fmla="*/ 8370 h 217775"/>
              <a:gd name="connsiteX0" fmla="*/ 130 w 415857"/>
              <a:gd name="connsiteY0" fmla="*/ 0 h 209405"/>
              <a:gd name="connsiteX1" fmla="*/ 0 w 415857"/>
              <a:gd name="connsiteY1" fmla="*/ 192999 h 209405"/>
              <a:gd name="connsiteX2" fmla="*/ 405908 w 415857"/>
              <a:gd name="connsiteY2" fmla="*/ 209405 h 209405"/>
              <a:gd name="connsiteX3" fmla="*/ 415857 w 415857"/>
              <a:gd name="connsiteY3" fmla="*/ 17824 h 209405"/>
              <a:gd name="connsiteX4" fmla="*/ 130 w 415857"/>
              <a:gd name="connsiteY4" fmla="*/ 0 h 20940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15857" h="209405">
                <a:moveTo>
                  <a:pt x="130" y="0"/>
                </a:moveTo>
                <a:cubicBezTo>
                  <a:pt x="87" y="64333"/>
                  <a:pt x="43" y="128666"/>
                  <a:pt x="0" y="192999"/>
                </a:cubicBezTo>
                <a:lnTo>
                  <a:pt x="405908" y="209405"/>
                </a:lnTo>
                <a:lnTo>
                  <a:pt x="415857" y="17824"/>
                </a:lnTo>
                <a:lnTo>
                  <a:pt x="130"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5537809" y="3571771"/>
            <a:ext cx="135272" cy="153888"/>
          </a:xfrm>
          <a:prstGeom prst="rect">
            <a:avLst/>
          </a:prstGeom>
          <a:noFill/>
        </p:spPr>
        <p:txBody>
          <a:bodyPr wrap="square" lIns="0" tIns="0" rIns="0" bIns="0" rtlCol="0">
            <a:spAutoFit/>
          </a:bodyPr>
          <a:lstStyle/>
          <a:p>
            <a:r>
              <a:rPr kumimoji="1" lang="ja-JP" altLang="en-US" sz="1000" dirty="0" smtClean="0">
                <a:latin typeface="Meiryo UI" pitchFamily="50" charset="-128"/>
                <a:ea typeface="Meiryo UI" pitchFamily="50" charset="-128"/>
                <a:cs typeface="Meiryo UI" pitchFamily="50" charset="-128"/>
              </a:rPr>
              <a:t>④</a:t>
            </a:r>
            <a:endParaRPr kumimoji="1" lang="ja-JP" altLang="en-US" sz="1000" dirty="0">
              <a:latin typeface="Meiryo UI" pitchFamily="50" charset="-128"/>
              <a:ea typeface="Meiryo UI" pitchFamily="50" charset="-128"/>
              <a:cs typeface="Meiryo UI" pitchFamily="50" charset="-128"/>
            </a:endParaRPr>
          </a:p>
        </p:txBody>
      </p:sp>
      <p:sp>
        <p:nvSpPr>
          <p:cNvPr id="23" name="フリーフォーム 22"/>
          <p:cNvSpPr/>
          <p:nvPr/>
        </p:nvSpPr>
        <p:spPr>
          <a:xfrm>
            <a:off x="4866963" y="3596992"/>
            <a:ext cx="252412" cy="250032"/>
          </a:xfrm>
          <a:custGeom>
            <a:avLst/>
            <a:gdLst>
              <a:gd name="connsiteX0" fmla="*/ 216694 w 252412"/>
              <a:gd name="connsiteY0" fmla="*/ 0 h 250032"/>
              <a:gd name="connsiteX1" fmla="*/ 252412 w 252412"/>
              <a:gd name="connsiteY1" fmla="*/ 221457 h 250032"/>
              <a:gd name="connsiteX2" fmla="*/ 23812 w 252412"/>
              <a:gd name="connsiteY2" fmla="*/ 250032 h 250032"/>
              <a:gd name="connsiteX3" fmla="*/ 0 w 252412"/>
              <a:gd name="connsiteY3" fmla="*/ 57150 h 250032"/>
              <a:gd name="connsiteX4" fmla="*/ 11906 w 252412"/>
              <a:gd name="connsiteY4" fmla="*/ 33338 h 250032"/>
              <a:gd name="connsiteX5" fmla="*/ 216694 w 252412"/>
              <a:gd name="connsiteY5" fmla="*/ 0 h 2500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252412" h="250032">
                <a:moveTo>
                  <a:pt x="216694" y="0"/>
                </a:moveTo>
                <a:lnTo>
                  <a:pt x="252412" y="221457"/>
                </a:lnTo>
                <a:lnTo>
                  <a:pt x="23812" y="250032"/>
                </a:lnTo>
                <a:lnTo>
                  <a:pt x="0" y="57150"/>
                </a:lnTo>
                <a:lnTo>
                  <a:pt x="11906" y="33338"/>
                </a:lnTo>
                <a:lnTo>
                  <a:pt x="216694"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フリーフォーム 24"/>
          <p:cNvSpPr/>
          <p:nvPr/>
        </p:nvSpPr>
        <p:spPr>
          <a:xfrm>
            <a:off x="4569307" y="3651761"/>
            <a:ext cx="250031" cy="242888"/>
          </a:xfrm>
          <a:custGeom>
            <a:avLst/>
            <a:gdLst>
              <a:gd name="connsiteX0" fmla="*/ 0 w 250031"/>
              <a:gd name="connsiteY0" fmla="*/ 26194 h 242888"/>
              <a:gd name="connsiteX1" fmla="*/ 38100 w 250031"/>
              <a:gd name="connsiteY1" fmla="*/ 242888 h 242888"/>
              <a:gd name="connsiteX2" fmla="*/ 245268 w 250031"/>
              <a:gd name="connsiteY2" fmla="*/ 207169 h 242888"/>
              <a:gd name="connsiteX3" fmla="*/ 250031 w 250031"/>
              <a:gd name="connsiteY3" fmla="*/ 190500 h 242888"/>
              <a:gd name="connsiteX4" fmla="*/ 228600 w 250031"/>
              <a:gd name="connsiteY4" fmla="*/ 16669 h 242888"/>
              <a:gd name="connsiteX5" fmla="*/ 197643 w 250031"/>
              <a:gd name="connsiteY5" fmla="*/ 0 h 242888"/>
              <a:gd name="connsiteX6" fmla="*/ 0 w 250031"/>
              <a:gd name="connsiteY6" fmla="*/ 26194 h 2428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50031" h="242888">
                <a:moveTo>
                  <a:pt x="0" y="26194"/>
                </a:moveTo>
                <a:lnTo>
                  <a:pt x="38100" y="242888"/>
                </a:lnTo>
                <a:lnTo>
                  <a:pt x="245268" y="207169"/>
                </a:lnTo>
                <a:lnTo>
                  <a:pt x="250031" y="190500"/>
                </a:lnTo>
                <a:lnTo>
                  <a:pt x="228600" y="16669"/>
                </a:lnTo>
                <a:lnTo>
                  <a:pt x="197643" y="0"/>
                </a:lnTo>
                <a:lnTo>
                  <a:pt x="0" y="26194"/>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フリーフォーム 26"/>
          <p:cNvSpPr/>
          <p:nvPr/>
        </p:nvSpPr>
        <p:spPr>
          <a:xfrm>
            <a:off x="3862080" y="3716616"/>
            <a:ext cx="525263" cy="366151"/>
          </a:xfrm>
          <a:custGeom>
            <a:avLst/>
            <a:gdLst>
              <a:gd name="connsiteX0" fmla="*/ 0 w 416719"/>
              <a:gd name="connsiteY0" fmla="*/ 57150 h 342900"/>
              <a:gd name="connsiteX1" fmla="*/ 357188 w 416719"/>
              <a:gd name="connsiteY1" fmla="*/ 0 h 342900"/>
              <a:gd name="connsiteX2" fmla="*/ 416719 w 416719"/>
              <a:gd name="connsiteY2" fmla="*/ 259557 h 342900"/>
              <a:gd name="connsiteX3" fmla="*/ 128588 w 416719"/>
              <a:gd name="connsiteY3" fmla="*/ 342900 h 342900"/>
              <a:gd name="connsiteX4" fmla="*/ 0 w 416719"/>
              <a:gd name="connsiteY4" fmla="*/ 57150 h 342900"/>
              <a:gd name="connsiteX0" fmla="*/ 0 w 475891"/>
              <a:gd name="connsiteY0" fmla="*/ 80401 h 366151"/>
              <a:gd name="connsiteX1" fmla="*/ 475891 w 475891"/>
              <a:gd name="connsiteY1" fmla="*/ 0 h 366151"/>
              <a:gd name="connsiteX2" fmla="*/ 416719 w 475891"/>
              <a:gd name="connsiteY2" fmla="*/ 282808 h 366151"/>
              <a:gd name="connsiteX3" fmla="*/ 128588 w 475891"/>
              <a:gd name="connsiteY3" fmla="*/ 366151 h 366151"/>
              <a:gd name="connsiteX4" fmla="*/ 0 w 475891"/>
              <a:gd name="connsiteY4" fmla="*/ 80401 h 366151"/>
              <a:gd name="connsiteX0" fmla="*/ 0 w 525263"/>
              <a:gd name="connsiteY0" fmla="*/ 80401 h 366151"/>
              <a:gd name="connsiteX1" fmla="*/ 475891 w 525263"/>
              <a:gd name="connsiteY1" fmla="*/ 0 h 366151"/>
              <a:gd name="connsiteX2" fmla="*/ 525263 w 525263"/>
              <a:gd name="connsiteY2" fmla="*/ 240049 h 366151"/>
              <a:gd name="connsiteX3" fmla="*/ 128588 w 525263"/>
              <a:gd name="connsiteY3" fmla="*/ 366151 h 366151"/>
              <a:gd name="connsiteX4" fmla="*/ 0 w 525263"/>
              <a:gd name="connsiteY4"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128588 w 525263"/>
              <a:gd name="connsiteY4" fmla="*/ 366151 h 366151"/>
              <a:gd name="connsiteX5" fmla="*/ 0 w 525263"/>
              <a:gd name="connsiteY5"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69390 w 525263"/>
              <a:gd name="connsiteY4" fmla="*/ 321985 h 366151"/>
              <a:gd name="connsiteX5" fmla="*/ 128588 w 525263"/>
              <a:gd name="connsiteY5" fmla="*/ 366151 h 366151"/>
              <a:gd name="connsiteX6" fmla="*/ 0 w 525263"/>
              <a:gd name="connsiteY6"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69390 w 525263"/>
              <a:gd name="connsiteY4" fmla="*/ 321985 h 366151"/>
              <a:gd name="connsiteX5" fmla="*/ 195571 w 525263"/>
              <a:gd name="connsiteY5" fmla="*/ 345798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85191 w 525263"/>
              <a:gd name="connsiteY4" fmla="*/ 195977 h 366151"/>
              <a:gd name="connsiteX5" fmla="*/ 195571 w 525263"/>
              <a:gd name="connsiteY5" fmla="*/ 345798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421790 w 525263"/>
              <a:gd name="connsiteY3" fmla="*/ 271979 h 366151"/>
              <a:gd name="connsiteX4" fmla="*/ 285191 w 525263"/>
              <a:gd name="connsiteY4" fmla="*/ 195977 h 366151"/>
              <a:gd name="connsiteX5" fmla="*/ 293202 w 525263"/>
              <a:gd name="connsiteY5" fmla="*/ 314842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383690 w 525263"/>
              <a:gd name="connsiteY3" fmla="*/ 171967 h 366151"/>
              <a:gd name="connsiteX4" fmla="*/ 285191 w 525263"/>
              <a:gd name="connsiteY4" fmla="*/ 195977 h 366151"/>
              <a:gd name="connsiteX5" fmla="*/ 293202 w 525263"/>
              <a:gd name="connsiteY5" fmla="*/ 314842 h 366151"/>
              <a:gd name="connsiteX6" fmla="*/ 128588 w 525263"/>
              <a:gd name="connsiteY6" fmla="*/ 366151 h 366151"/>
              <a:gd name="connsiteX7" fmla="*/ 0 w 525263"/>
              <a:gd name="connsiteY7" fmla="*/ 80401 h 366151"/>
              <a:gd name="connsiteX0" fmla="*/ 0 w 525263"/>
              <a:gd name="connsiteY0" fmla="*/ 80401 h 366151"/>
              <a:gd name="connsiteX1" fmla="*/ 475891 w 525263"/>
              <a:gd name="connsiteY1" fmla="*/ 0 h 366151"/>
              <a:gd name="connsiteX2" fmla="*/ 525263 w 525263"/>
              <a:gd name="connsiteY2" fmla="*/ 240049 h 366151"/>
              <a:gd name="connsiteX3" fmla="*/ 467034 w 525263"/>
              <a:gd name="connsiteY3" fmla="*/ 217210 h 366151"/>
              <a:gd name="connsiteX4" fmla="*/ 383690 w 525263"/>
              <a:gd name="connsiteY4" fmla="*/ 171967 h 366151"/>
              <a:gd name="connsiteX5" fmla="*/ 285191 w 525263"/>
              <a:gd name="connsiteY5" fmla="*/ 195977 h 366151"/>
              <a:gd name="connsiteX6" fmla="*/ 293202 w 525263"/>
              <a:gd name="connsiteY6" fmla="*/ 314842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15019 w 525263"/>
              <a:gd name="connsiteY3" fmla="*/ 272748 h 366151"/>
              <a:gd name="connsiteX4" fmla="*/ 383690 w 525263"/>
              <a:gd name="connsiteY4" fmla="*/ 171967 h 366151"/>
              <a:gd name="connsiteX5" fmla="*/ 285191 w 525263"/>
              <a:gd name="connsiteY5" fmla="*/ 195977 h 366151"/>
              <a:gd name="connsiteX6" fmla="*/ 293202 w 525263"/>
              <a:gd name="connsiteY6" fmla="*/ 314842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15019 w 525263"/>
              <a:gd name="connsiteY3" fmla="*/ 272748 h 366151"/>
              <a:gd name="connsiteX4" fmla="*/ 383690 w 525263"/>
              <a:gd name="connsiteY4" fmla="*/ 171967 h 366151"/>
              <a:gd name="connsiteX5" fmla="*/ 285191 w 525263"/>
              <a:gd name="connsiteY5" fmla="*/ 195977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83690 w 525263"/>
              <a:gd name="connsiteY4" fmla="*/ 171967 h 366151"/>
              <a:gd name="connsiteX5" fmla="*/ 285191 w 525263"/>
              <a:gd name="connsiteY5" fmla="*/ 195977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71784 w 525263"/>
              <a:gd name="connsiteY4" fmla="*/ 174348 h 366151"/>
              <a:gd name="connsiteX5" fmla="*/ 285191 w 525263"/>
              <a:gd name="connsiteY5" fmla="*/ 195977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71784 w 525263"/>
              <a:gd name="connsiteY4" fmla="*/ 174348 h 366151"/>
              <a:gd name="connsiteX5" fmla="*/ 266141 w 525263"/>
              <a:gd name="connsiteY5" fmla="*/ 191214 h 366151"/>
              <a:gd name="connsiteX6" fmla="*/ 307489 w 525263"/>
              <a:gd name="connsiteY6" fmla="*/ 310079 h 366151"/>
              <a:gd name="connsiteX7" fmla="*/ 128588 w 525263"/>
              <a:gd name="connsiteY7" fmla="*/ 366151 h 366151"/>
              <a:gd name="connsiteX8" fmla="*/ 0 w 525263"/>
              <a:gd name="connsiteY8" fmla="*/ 80401 h 366151"/>
              <a:gd name="connsiteX0" fmla="*/ 0 w 525263"/>
              <a:gd name="connsiteY0" fmla="*/ 80401 h 366151"/>
              <a:gd name="connsiteX1" fmla="*/ 475891 w 525263"/>
              <a:gd name="connsiteY1" fmla="*/ 0 h 366151"/>
              <a:gd name="connsiteX2" fmla="*/ 525263 w 525263"/>
              <a:gd name="connsiteY2" fmla="*/ 240049 h 366151"/>
              <a:gd name="connsiteX3" fmla="*/ 400731 w 525263"/>
              <a:gd name="connsiteY3" fmla="*/ 279892 h 366151"/>
              <a:gd name="connsiteX4" fmla="*/ 371784 w 525263"/>
              <a:gd name="connsiteY4" fmla="*/ 174348 h 366151"/>
              <a:gd name="connsiteX5" fmla="*/ 266141 w 525263"/>
              <a:gd name="connsiteY5" fmla="*/ 191214 h 366151"/>
              <a:gd name="connsiteX6" fmla="*/ 293202 w 525263"/>
              <a:gd name="connsiteY6" fmla="*/ 314841 h 366151"/>
              <a:gd name="connsiteX7" fmla="*/ 128588 w 525263"/>
              <a:gd name="connsiteY7" fmla="*/ 366151 h 366151"/>
              <a:gd name="connsiteX8" fmla="*/ 0 w 525263"/>
              <a:gd name="connsiteY8" fmla="*/ 80401 h 36615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25263" h="366151">
                <a:moveTo>
                  <a:pt x="0" y="80401"/>
                </a:moveTo>
                <a:lnTo>
                  <a:pt x="475891" y="0"/>
                </a:lnTo>
                <a:lnTo>
                  <a:pt x="525263" y="240049"/>
                </a:lnTo>
                <a:lnTo>
                  <a:pt x="400731" y="279892"/>
                </a:lnTo>
                <a:lnTo>
                  <a:pt x="371784" y="174348"/>
                </a:lnTo>
                <a:lnTo>
                  <a:pt x="266141" y="191214"/>
                </a:lnTo>
                <a:lnTo>
                  <a:pt x="293202" y="314841"/>
                </a:lnTo>
                <a:lnTo>
                  <a:pt x="128588" y="366151"/>
                </a:lnTo>
                <a:lnTo>
                  <a:pt x="0" y="80401"/>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フリーフォーム 28"/>
          <p:cNvSpPr/>
          <p:nvPr/>
        </p:nvSpPr>
        <p:spPr>
          <a:xfrm>
            <a:off x="3826357" y="4130392"/>
            <a:ext cx="238125" cy="211932"/>
          </a:xfrm>
          <a:custGeom>
            <a:avLst/>
            <a:gdLst>
              <a:gd name="connsiteX0" fmla="*/ 238125 w 238125"/>
              <a:gd name="connsiteY0" fmla="*/ 159544 h 211932"/>
              <a:gd name="connsiteX1" fmla="*/ 180975 w 238125"/>
              <a:gd name="connsiteY1" fmla="*/ 211932 h 211932"/>
              <a:gd name="connsiteX2" fmla="*/ 140493 w 238125"/>
              <a:gd name="connsiteY2" fmla="*/ 147638 h 211932"/>
              <a:gd name="connsiteX3" fmla="*/ 95250 w 238125"/>
              <a:gd name="connsiteY3" fmla="*/ 126207 h 211932"/>
              <a:gd name="connsiteX4" fmla="*/ 47625 w 238125"/>
              <a:gd name="connsiteY4" fmla="*/ 154782 h 211932"/>
              <a:gd name="connsiteX5" fmla="*/ 0 w 238125"/>
              <a:gd name="connsiteY5" fmla="*/ 88107 h 211932"/>
              <a:gd name="connsiteX6" fmla="*/ 145256 w 238125"/>
              <a:gd name="connsiteY6" fmla="*/ 0 h 211932"/>
              <a:gd name="connsiteX7" fmla="*/ 238125 w 238125"/>
              <a:gd name="connsiteY7" fmla="*/ 159544 h 211932"/>
              <a:gd name="connsiteX0" fmla="*/ 238125 w 238125"/>
              <a:gd name="connsiteY0" fmla="*/ 159544 h 211932"/>
              <a:gd name="connsiteX1" fmla="*/ 180975 w 238125"/>
              <a:gd name="connsiteY1" fmla="*/ 211932 h 211932"/>
              <a:gd name="connsiteX2" fmla="*/ 140493 w 238125"/>
              <a:gd name="connsiteY2" fmla="*/ 147638 h 211932"/>
              <a:gd name="connsiteX3" fmla="*/ 95250 w 238125"/>
              <a:gd name="connsiteY3" fmla="*/ 126207 h 211932"/>
              <a:gd name="connsiteX4" fmla="*/ 44276 w 238125"/>
              <a:gd name="connsiteY4" fmla="*/ 162224 h 211932"/>
              <a:gd name="connsiteX5" fmla="*/ 0 w 238125"/>
              <a:gd name="connsiteY5" fmla="*/ 88107 h 211932"/>
              <a:gd name="connsiteX6" fmla="*/ 145256 w 238125"/>
              <a:gd name="connsiteY6" fmla="*/ 0 h 211932"/>
              <a:gd name="connsiteX7" fmla="*/ 238125 w 238125"/>
              <a:gd name="connsiteY7" fmla="*/ 159544 h 211932"/>
              <a:gd name="connsiteX0" fmla="*/ 238125 w 238125"/>
              <a:gd name="connsiteY0" fmla="*/ 159544 h 211932"/>
              <a:gd name="connsiteX1" fmla="*/ 180975 w 238125"/>
              <a:gd name="connsiteY1" fmla="*/ 211932 h 211932"/>
              <a:gd name="connsiteX2" fmla="*/ 140493 w 238125"/>
              <a:gd name="connsiteY2" fmla="*/ 147638 h 211932"/>
              <a:gd name="connsiteX3" fmla="*/ 97631 w 238125"/>
              <a:gd name="connsiteY3" fmla="*/ 145257 h 211932"/>
              <a:gd name="connsiteX4" fmla="*/ 44276 w 238125"/>
              <a:gd name="connsiteY4" fmla="*/ 162224 h 211932"/>
              <a:gd name="connsiteX5" fmla="*/ 0 w 238125"/>
              <a:gd name="connsiteY5" fmla="*/ 88107 h 211932"/>
              <a:gd name="connsiteX6" fmla="*/ 145256 w 238125"/>
              <a:gd name="connsiteY6" fmla="*/ 0 h 211932"/>
              <a:gd name="connsiteX7" fmla="*/ 238125 w 238125"/>
              <a:gd name="connsiteY7" fmla="*/ 159544 h 211932"/>
              <a:gd name="connsiteX0" fmla="*/ 238125 w 238125"/>
              <a:gd name="connsiteY0" fmla="*/ 159544 h 211932"/>
              <a:gd name="connsiteX1" fmla="*/ 180975 w 238125"/>
              <a:gd name="connsiteY1" fmla="*/ 211932 h 211932"/>
              <a:gd name="connsiteX2" fmla="*/ 138111 w 238125"/>
              <a:gd name="connsiteY2" fmla="*/ 154782 h 211932"/>
              <a:gd name="connsiteX3" fmla="*/ 97631 w 238125"/>
              <a:gd name="connsiteY3" fmla="*/ 145257 h 211932"/>
              <a:gd name="connsiteX4" fmla="*/ 44276 w 238125"/>
              <a:gd name="connsiteY4" fmla="*/ 162224 h 211932"/>
              <a:gd name="connsiteX5" fmla="*/ 0 w 238125"/>
              <a:gd name="connsiteY5" fmla="*/ 88107 h 211932"/>
              <a:gd name="connsiteX6" fmla="*/ 145256 w 238125"/>
              <a:gd name="connsiteY6" fmla="*/ 0 h 211932"/>
              <a:gd name="connsiteX7" fmla="*/ 238125 w 238125"/>
              <a:gd name="connsiteY7" fmla="*/ 159544 h 2119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38125" h="211932">
                <a:moveTo>
                  <a:pt x="238125" y="159544"/>
                </a:moveTo>
                <a:lnTo>
                  <a:pt x="180975" y="211932"/>
                </a:lnTo>
                <a:lnTo>
                  <a:pt x="138111" y="154782"/>
                </a:lnTo>
                <a:lnTo>
                  <a:pt x="97631" y="145257"/>
                </a:lnTo>
                <a:lnTo>
                  <a:pt x="44276" y="162224"/>
                </a:lnTo>
                <a:lnTo>
                  <a:pt x="0" y="88107"/>
                </a:lnTo>
                <a:lnTo>
                  <a:pt x="145256" y="0"/>
                </a:lnTo>
                <a:lnTo>
                  <a:pt x="238125" y="159544"/>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29"/>
          <p:cNvSpPr txBox="1"/>
          <p:nvPr/>
        </p:nvSpPr>
        <p:spPr>
          <a:xfrm>
            <a:off x="3872880" y="4139208"/>
            <a:ext cx="144016"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⑥</a:t>
            </a:r>
            <a:endParaRPr kumimoji="1" lang="ja-JP" altLang="en-US" sz="1000" dirty="0">
              <a:latin typeface="Meiryo UI" pitchFamily="50" charset="-128"/>
              <a:ea typeface="Meiryo UI" pitchFamily="50" charset="-128"/>
              <a:cs typeface="Meiryo UI" pitchFamily="50" charset="-128"/>
            </a:endParaRPr>
          </a:p>
        </p:txBody>
      </p:sp>
      <p:sp>
        <p:nvSpPr>
          <p:cNvPr id="31" name="フリーフォーム 30"/>
          <p:cNvSpPr/>
          <p:nvPr/>
        </p:nvSpPr>
        <p:spPr>
          <a:xfrm>
            <a:off x="3612044" y="4220976"/>
            <a:ext cx="392906" cy="352425"/>
          </a:xfrm>
          <a:custGeom>
            <a:avLst/>
            <a:gdLst>
              <a:gd name="connsiteX0" fmla="*/ 78581 w 392906"/>
              <a:gd name="connsiteY0" fmla="*/ 78581 h 352425"/>
              <a:gd name="connsiteX1" fmla="*/ 121444 w 392906"/>
              <a:gd name="connsiteY1" fmla="*/ 150019 h 352425"/>
              <a:gd name="connsiteX2" fmla="*/ 0 w 392906"/>
              <a:gd name="connsiteY2" fmla="*/ 214312 h 352425"/>
              <a:gd name="connsiteX3" fmla="*/ 26194 w 392906"/>
              <a:gd name="connsiteY3" fmla="*/ 259556 h 352425"/>
              <a:gd name="connsiteX4" fmla="*/ 52388 w 392906"/>
              <a:gd name="connsiteY4" fmla="*/ 250031 h 352425"/>
              <a:gd name="connsiteX5" fmla="*/ 109538 w 392906"/>
              <a:gd name="connsiteY5" fmla="*/ 352425 h 352425"/>
              <a:gd name="connsiteX6" fmla="*/ 392906 w 392906"/>
              <a:gd name="connsiteY6" fmla="*/ 126206 h 352425"/>
              <a:gd name="connsiteX7" fmla="*/ 354806 w 392906"/>
              <a:gd name="connsiteY7" fmla="*/ 64294 h 352425"/>
              <a:gd name="connsiteX8" fmla="*/ 316706 w 392906"/>
              <a:gd name="connsiteY8" fmla="*/ 47625 h 352425"/>
              <a:gd name="connsiteX9" fmla="*/ 254794 w 392906"/>
              <a:gd name="connsiteY9" fmla="*/ 78581 h 352425"/>
              <a:gd name="connsiteX10" fmla="*/ 207169 w 392906"/>
              <a:gd name="connsiteY10" fmla="*/ 0 h 352425"/>
              <a:gd name="connsiteX11" fmla="*/ 78581 w 392906"/>
              <a:gd name="connsiteY11" fmla="*/ 78581 h 3524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392906" h="352425">
                <a:moveTo>
                  <a:pt x="78581" y="78581"/>
                </a:moveTo>
                <a:lnTo>
                  <a:pt x="121444" y="150019"/>
                </a:lnTo>
                <a:lnTo>
                  <a:pt x="0" y="214312"/>
                </a:lnTo>
                <a:lnTo>
                  <a:pt x="26194" y="259556"/>
                </a:lnTo>
                <a:lnTo>
                  <a:pt x="52388" y="250031"/>
                </a:lnTo>
                <a:lnTo>
                  <a:pt x="109538" y="352425"/>
                </a:lnTo>
                <a:lnTo>
                  <a:pt x="392906" y="126206"/>
                </a:lnTo>
                <a:lnTo>
                  <a:pt x="354806" y="64294"/>
                </a:lnTo>
                <a:lnTo>
                  <a:pt x="316706" y="47625"/>
                </a:lnTo>
                <a:lnTo>
                  <a:pt x="254794" y="78581"/>
                </a:lnTo>
                <a:lnTo>
                  <a:pt x="207169" y="0"/>
                </a:lnTo>
                <a:lnTo>
                  <a:pt x="78581" y="78581"/>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テキスト ボックス 31"/>
          <p:cNvSpPr txBox="1"/>
          <p:nvPr/>
        </p:nvSpPr>
        <p:spPr>
          <a:xfrm>
            <a:off x="3698937" y="4369981"/>
            <a:ext cx="360040"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⑦</a:t>
            </a:r>
            <a:endParaRPr kumimoji="1" lang="ja-JP" altLang="en-US" sz="1000" dirty="0">
              <a:latin typeface="Meiryo UI" pitchFamily="50" charset="-128"/>
              <a:ea typeface="Meiryo UI" pitchFamily="50" charset="-128"/>
              <a:cs typeface="Meiryo UI" pitchFamily="50" charset="-128"/>
            </a:endParaRPr>
          </a:p>
        </p:txBody>
      </p:sp>
      <p:sp>
        <p:nvSpPr>
          <p:cNvPr id="33" name="フリーフォーム 32"/>
          <p:cNvSpPr/>
          <p:nvPr/>
        </p:nvSpPr>
        <p:spPr>
          <a:xfrm>
            <a:off x="3600141" y="3825592"/>
            <a:ext cx="366712" cy="400050"/>
          </a:xfrm>
          <a:custGeom>
            <a:avLst/>
            <a:gdLst>
              <a:gd name="connsiteX0" fmla="*/ 0 w 366712"/>
              <a:gd name="connsiteY0" fmla="*/ 69057 h 400050"/>
              <a:gd name="connsiteX1" fmla="*/ 176212 w 366712"/>
              <a:gd name="connsiteY1" fmla="*/ 400050 h 400050"/>
              <a:gd name="connsiteX2" fmla="*/ 366712 w 366712"/>
              <a:gd name="connsiteY2" fmla="*/ 290513 h 400050"/>
              <a:gd name="connsiteX3" fmla="*/ 216694 w 366712"/>
              <a:gd name="connsiteY3" fmla="*/ 4763 h 400050"/>
              <a:gd name="connsiteX4" fmla="*/ 188119 w 366712"/>
              <a:gd name="connsiteY4" fmla="*/ 0 h 400050"/>
              <a:gd name="connsiteX5" fmla="*/ 0 w 366712"/>
              <a:gd name="connsiteY5" fmla="*/ 69057 h 4000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66712" h="400050">
                <a:moveTo>
                  <a:pt x="0" y="69057"/>
                </a:moveTo>
                <a:lnTo>
                  <a:pt x="176212" y="400050"/>
                </a:lnTo>
                <a:lnTo>
                  <a:pt x="366712" y="290513"/>
                </a:lnTo>
                <a:lnTo>
                  <a:pt x="216694" y="4763"/>
                </a:lnTo>
                <a:lnTo>
                  <a:pt x="188119" y="0"/>
                </a:lnTo>
                <a:lnTo>
                  <a:pt x="0" y="69057"/>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フリーフォーム 33"/>
          <p:cNvSpPr/>
          <p:nvPr/>
        </p:nvSpPr>
        <p:spPr>
          <a:xfrm>
            <a:off x="3384568" y="3920842"/>
            <a:ext cx="387028" cy="402432"/>
          </a:xfrm>
          <a:custGeom>
            <a:avLst/>
            <a:gdLst>
              <a:gd name="connsiteX0" fmla="*/ 395288 w 395288"/>
              <a:gd name="connsiteY0" fmla="*/ 304800 h 402432"/>
              <a:gd name="connsiteX1" fmla="*/ 264319 w 395288"/>
              <a:gd name="connsiteY1" fmla="*/ 57150 h 402432"/>
              <a:gd name="connsiteX2" fmla="*/ 216694 w 395288"/>
              <a:gd name="connsiteY2" fmla="*/ 78582 h 402432"/>
              <a:gd name="connsiteX3" fmla="*/ 173832 w 395288"/>
              <a:gd name="connsiteY3" fmla="*/ 0 h 402432"/>
              <a:gd name="connsiteX4" fmla="*/ 142875 w 395288"/>
              <a:gd name="connsiteY4" fmla="*/ 11907 h 402432"/>
              <a:gd name="connsiteX5" fmla="*/ 219075 w 395288"/>
              <a:gd name="connsiteY5" fmla="*/ 150019 h 402432"/>
              <a:gd name="connsiteX6" fmla="*/ 0 w 395288"/>
              <a:gd name="connsiteY6" fmla="*/ 266700 h 402432"/>
              <a:gd name="connsiteX7" fmla="*/ 76200 w 395288"/>
              <a:gd name="connsiteY7" fmla="*/ 402432 h 402432"/>
              <a:gd name="connsiteX8" fmla="*/ 300038 w 395288"/>
              <a:gd name="connsiteY8" fmla="*/ 259557 h 402432"/>
              <a:gd name="connsiteX9" fmla="*/ 350044 w 395288"/>
              <a:gd name="connsiteY9" fmla="*/ 338138 h 402432"/>
              <a:gd name="connsiteX10" fmla="*/ 395288 w 395288"/>
              <a:gd name="connsiteY10" fmla="*/ 304800 h 402432"/>
              <a:gd name="connsiteX0" fmla="*/ 387028 w 387028"/>
              <a:gd name="connsiteY0" fmla="*/ 304800 h 402432"/>
              <a:gd name="connsiteX1" fmla="*/ 256059 w 387028"/>
              <a:gd name="connsiteY1" fmla="*/ 57150 h 402432"/>
              <a:gd name="connsiteX2" fmla="*/ 208434 w 387028"/>
              <a:gd name="connsiteY2" fmla="*/ 78582 h 402432"/>
              <a:gd name="connsiteX3" fmla="*/ 165572 w 387028"/>
              <a:gd name="connsiteY3" fmla="*/ 0 h 402432"/>
              <a:gd name="connsiteX4" fmla="*/ 134615 w 387028"/>
              <a:gd name="connsiteY4" fmla="*/ 11907 h 402432"/>
              <a:gd name="connsiteX5" fmla="*/ 210815 w 387028"/>
              <a:gd name="connsiteY5" fmla="*/ 150019 h 402432"/>
              <a:gd name="connsiteX6" fmla="*/ 0 w 387028"/>
              <a:gd name="connsiteY6" fmla="*/ 277664 h 402432"/>
              <a:gd name="connsiteX7" fmla="*/ 67940 w 387028"/>
              <a:gd name="connsiteY7" fmla="*/ 402432 h 402432"/>
              <a:gd name="connsiteX8" fmla="*/ 291778 w 387028"/>
              <a:gd name="connsiteY8" fmla="*/ 259557 h 402432"/>
              <a:gd name="connsiteX9" fmla="*/ 341784 w 387028"/>
              <a:gd name="connsiteY9" fmla="*/ 338138 h 402432"/>
              <a:gd name="connsiteX10" fmla="*/ 387028 w 387028"/>
              <a:gd name="connsiteY10" fmla="*/ 304800 h 4024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87028" h="402432">
                <a:moveTo>
                  <a:pt x="387028" y="304800"/>
                </a:moveTo>
                <a:lnTo>
                  <a:pt x="256059" y="57150"/>
                </a:lnTo>
                <a:lnTo>
                  <a:pt x="208434" y="78582"/>
                </a:lnTo>
                <a:lnTo>
                  <a:pt x="165572" y="0"/>
                </a:lnTo>
                <a:lnTo>
                  <a:pt x="134615" y="11907"/>
                </a:lnTo>
                <a:lnTo>
                  <a:pt x="210815" y="150019"/>
                </a:lnTo>
                <a:lnTo>
                  <a:pt x="0" y="277664"/>
                </a:lnTo>
                <a:lnTo>
                  <a:pt x="67940" y="402432"/>
                </a:lnTo>
                <a:lnTo>
                  <a:pt x="291778" y="259557"/>
                </a:lnTo>
                <a:lnTo>
                  <a:pt x="341784" y="338138"/>
                </a:lnTo>
                <a:lnTo>
                  <a:pt x="387028" y="304800"/>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フリーフォーム 34"/>
          <p:cNvSpPr/>
          <p:nvPr/>
        </p:nvSpPr>
        <p:spPr>
          <a:xfrm>
            <a:off x="3076311" y="4240026"/>
            <a:ext cx="323851" cy="414337"/>
          </a:xfrm>
          <a:custGeom>
            <a:avLst/>
            <a:gdLst>
              <a:gd name="connsiteX0" fmla="*/ 247650 w 330994"/>
              <a:gd name="connsiteY0" fmla="*/ 0 h 414337"/>
              <a:gd name="connsiteX1" fmla="*/ 71437 w 330994"/>
              <a:gd name="connsiteY1" fmla="*/ 104775 h 414337"/>
              <a:gd name="connsiteX2" fmla="*/ 133350 w 330994"/>
              <a:gd name="connsiteY2" fmla="*/ 197644 h 414337"/>
              <a:gd name="connsiteX3" fmla="*/ 0 w 330994"/>
              <a:gd name="connsiteY3" fmla="*/ 285750 h 414337"/>
              <a:gd name="connsiteX4" fmla="*/ 80962 w 330994"/>
              <a:gd name="connsiteY4" fmla="*/ 414337 h 414337"/>
              <a:gd name="connsiteX5" fmla="*/ 330994 w 330994"/>
              <a:gd name="connsiteY5" fmla="*/ 228600 h 414337"/>
              <a:gd name="connsiteX6" fmla="*/ 271462 w 330994"/>
              <a:gd name="connsiteY6" fmla="*/ 138112 h 414337"/>
              <a:gd name="connsiteX7" fmla="*/ 311944 w 330994"/>
              <a:gd name="connsiteY7" fmla="*/ 114300 h 414337"/>
              <a:gd name="connsiteX8" fmla="*/ 247650 w 330994"/>
              <a:gd name="connsiteY8" fmla="*/ 0 h 414337"/>
              <a:gd name="connsiteX0" fmla="*/ 247650 w 330994"/>
              <a:gd name="connsiteY0" fmla="*/ 0 h 414337"/>
              <a:gd name="connsiteX1" fmla="*/ 71437 w 330994"/>
              <a:gd name="connsiteY1" fmla="*/ 104775 h 414337"/>
              <a:gd name="connsiteX2" fmla="*/ 123825 w 330994"/>
              <a:gd name="connsiteY2" fmla="*/ 192881 h 414337"/>
              <a:gd name="connsiteX3" fmla="*/ 0 w 330994"/>
              <a:gd name="connsiteY3" fmla="*/ 285750 h 414337"/>
              <a:gd name="connsiteX4" fmla="*/ 80962 w 330994"/>
              <a:gd name="connsiteY4" fmla="*/ 414337 h 414337"/>
              <a:gd name="connsiteX5" fmla="*/ 330994 w 330994"/>
              <a:gd name="connsiteY5" fmla="*/ 228600 h 414337"/>
              <a:gd name="connsiteX6" fmla="*/ 271462 w 330994"/>
              <a:gd name="connsiteY6" fmla="*/ 138112 h 414337"/>
              <a:gd name="connsiteX7" fmla="*/ 311944 w 330994"/>
              <a:gd name="connsiteY7" fmla="*/ 114300 h 414337"/>
              <a:gd name="connsiteX8" fmla="*/ 247650 w 330994"/>
              <a:gd name="connsiteY8" fmla="*/ 0 h 414337"/>
              <a:gd name="connsiteX0" fmla="*/ 247650 w 314326"/>
              <a:gd name="connsiteY0" fmla="*/ 0 h 414337"/>
              <a:gd name="connsiteX1" fmla="*/ 71437 w 314326"/>
              <a:gd name="connsiteY1" fmla="*/ 104775 h 414337"/>
              <a:gd name="connsiteX2" fmla="*/ 123825 w 314326"/>
              <a:gd name="connsiteY2" fmla="*/ 192881 h 414337"/>
              <a:gd name="connsiteX3" fmla="*/ 0 w 314326"/>
              <a:gd name="connsiteY3" fmla="*/ 285750 h 414337"/>
              <a:gd name="connsiteX4" fmla="*/ 80962 w 314326"/>
              <a:gd name="connsiteY4" fmla="*/ 414337 h 414337"/>
              <a:gd name="connsiteX5" fmla="*/ 314326 w 314326"/>
              <a:gd name="connsiteY5" fmla="*/ 233362 h 414337"/>
              <a:gd name="connsiteX6" fmla="*/ 271462 w 314326"/>
              <a:gd name="connsiteY6" fmla="*/ 138112 h 414337"/>
              <a:gd name="connsiteX7" fmla="*/ 311944 w 314326"/>
              <a:gd name="connsiteY7" fmla="*/ 114300 h 414337"/>
              <a:gd name="connsiteX8" fmla="*/ 247650 w 314326"/>
              <a:gd name="connsiteY8" fmla="*/ 0 h 414337"/>
              <a:gd name="connsiteX0" fmla="*/ 247650 w 314326"/>
              <a:gd name="connsiteY0" fmla="*/ 0 h 414337"/>
              <a:gd name="connsiteX1" fmla="*/ 71437 w 314326"/>
              <a:gd name="connsiteY1" fmla="*/ 104775 h 414337"/>
              <a:gd name="connsiteX2" fmla="*/ 123825 w 314326"/>
              <a:gd name="connsiteY2" fmla="*/ 192881 h 414337"/>
              <a:gd name="connsiteX3" fmla="*/ 0 w 314326"/>
              <a:gd name="connsiteY3" fmla="*/ 285750 h 414337"/>
              <a:gd name="connsiteX4" fmla="*/ 80962 w 314326"/>
              <a:gd name="connsiteY4" fmla="*/ 414337 h 414337"/>
              <a:gd name="connsiteX5" fmla="*/ 314326 w 314326"/>
              <a:gd name="connsiteY5" fmla="*/ 233362 h 414337"/>
              <a:gd name="connsiteX6" fmla="*/ 264319 w 314326"/>
              <a:gd name="connsiteY6" fmla="*/ 140494 h 414337"/>
              <a:gd name="connsiteX7" fmla="*/ 311944 w 314326"/>
              <a:gd name="connsiteY7" fmla="*/ 114300 h 414337"/>
              <a:gd name="connsiteX8" fmla="*/ 247650 w 314326"/>
              <a:gd name="connsiteY8" fmla="*/ 0 h 414337"/>
              <a:gd name="connsiteX0" fmla="*/ 247650 w 323851"/>
              <a:gd name="connsiteY0" fmla="*/ 0 h 414337"/>
              <a:gd name="connsiteX1" fmla="*/ 71437 w 323851"/>
              <a:gd name="connsiteY1" fmla="*/ 104775 h 414337"/>
              <a:gd name="connsiteX2" fmla="*/ 123825 w 323851"/>
              <a:gd name="connsiteY2" fmla="*/ 192881 h 414337"/>
              <a:gd name="connsiteX3" fmla="*/ 0 w 323851"/>
              <a:gd name="connsiteY3" fmla="*/ 285750 h 414337"/>
              <a:gd name="connsiteX4" fmla="*/ 80962 w 323851"/>
              <a:gd name="connsiteY4" fmla="*/ 414337 h 414337"/>
              <a:gd name="connsiteX5" fmla="*/ 323851 w 323851"/>
              <a:gd name="connsiteY5" fmla="*/ 230981 h 414337"/>
              <a:gd name="connsiteX6" fmla="*/ 264319 w 323851"/>
              <a:gd name="connsiteY6" fmla="*/ 140494 h 414337"/>
              <a:gd name="connsiteX7" fmla="*/ 311944 w 323851"/>
              <a:gd name="connsiteY7" fmla="*/ 114300 h 414337"/>
              <a:gd name="connsiteX8" fmla="*/ 247650 w 323851"/>
              <a:gd name="connsiteY8" fmla="*/ 0 h 414337"/>
              <a:gd name="connsiteX0" fmla="*/ 247650 w 323851"/>
              <a:gd name="connsiteY0" fmla="*/ 0 h 414337"/>
              <a:gd name="connsiteX1" fmla="*/ 78581 w 323851"/>
              <a:gd name="connsiteY1" fmla="*/ 107156 h 414337"/>
              <a:gd name="connsiteX2" fmla="*/ 123825 w 323851"/>
              <a:gd name="connsiteY2" fmla="*/ 192881 h 414337"/>
              <a:gd name="connsiteX3" fmla="*/ 0 w 323851"/>
              <a:gd name="connsiteY3" fmla="*/ 285750 h 414337"/>
              <a:gd name="connsiteX4" fmla="*/ 80962 w 323851"/>
              <a:gd name="connsiteY4" fmla="*/ 414337 h 414337"/>
              <a:gd name="connsiteX5" fmla="*/ 323851 w 323851"/>
              <a:gd name="connsiteY5" fmla="*/ 230981 h 414337"/>
              <a:gd name="connsiteX6" fmla="*/ 264319 w 323851"/>
              <a:gd name="connsiteY6" fmla="*/ 140494 h 414337"/>
              <a:gd name="connsiteX7" fmla="*/ 311944 w 323851"/>
              <a:gd name="connsiteY7" fmla="*/ 114300 h 414337"/>
              <a:gd name="connsiteX8" fmla="*/ 247650 w 323851"/>
              <a:gd name="connsiteY8" fmla="*/ 0 h 4143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23851" h="414337">
                <a:moveTo>
                  <a:pt x="247650" y="0"/>
                </a:moveTo>
                <a:lnTo>
                  <a:pt x="78581" y="107156"/>
                </a:lnTo>
                <a:lnTo>
                  <a:pt x="123825" y="192881"/>
                </a:lnTo>
                <a:lnTo>
                  <a:pt x="0" y="285750"/>
                </a:lnTo>
                <a:lnTo>
                  <a:pt x="80962" y="414337"/>
                </a:lnTo>
                <a:lnTo>
                  <a:pt x="323851" y="230981"/>
                </a:lnTo>
                <a:lnTo>
                  <a:pt x="264319" y="140494"/>
                </a:lnTo>
                <a:lnTo>
                  <a:pt x="311944" y="114300"/>
                </a:lnTo>
                <a:lnTo>
                  <a:pt x="247650" y="0"/>
                </a:lnTo>
                <a:close/>
              </a:path>
            </a:pathLst>
          </a:custGeom>
          <a:solidFill>
            <a:srgbClr val="FF0000">
              <a:alpha val="25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フリーフォーム 38"/>
          <p:cNvSpPr/>
          <p:nvPr/>
        </p:nvSpPr>
        <p:spPr>
          <a:xfrm>
            <a:off x="2642881" y="4217277"/>
            <a:ext cx="935806" cy="794187"/>
          </a:xfrm>
          <a:custGeom>
            <a:avLst/>
            <a:gdLst>
              <a:gd name="connsiteX0" fmla="*/ 435769 w 585788"/>
              <a:gd name="connsiteY0" fmla="*/ 678656 h 678656"/>
              <a:gd name="connsiteX1" fmla="*/ 402432 w 585788"/>
              <a:gd name="connsiteY1" fmla="*/ 633413 h 678656"/>
              <a:gd name="connsiteX2" fmla="*/ 385763 w 585788"/>
              <a:gd name="connsiteY2" fmla="*/ 645319 h 678656"/>
              <a:gd name="connsiteX3" fmla="*/ 276225 w 585788"/>
              <a:gd name="connsiteY3" fmla="*/ 504825 h 678656"/>
              <a:gd name="connsiteX4" fmla="*/ 226219 w 585788"/>
              <a:gd name="connsiteY4" fmla="*/ 538163 h 678656"/>
              <a:gd name="connsiteX5" fmla="*/ 116682 w 585788"/>
              <a:gd name="connsiteY5" fmla="*/ 471488 h 678656"/>
              <a:gd name="connsiteX6" fmla="*/ 0 w 585788"/>
              <a:gd name="connsiteY6" fmla="*/ 347663 h 678656"/>
              <a:gd name="connsiteX7" fmla="*/ 195263 w 585788"/>
              <a:gd name="connsiteY7" fmla="*/ 90488 h 678656"/>
              <a:gd name="connsiteX8" fmla="*/ 273844 w 585788"/>
              <a:gd name="connsiteY8" fmla="*/ 0 h 678656"/>
              <a:gd name="connsiteX9" fmla="*/ 519113 w 585788"/>
              <a:gd name="connsiteY9" fmla="*/ 345281 h 678656"/>
              <a:gd name="connsiteX10" fmla="*/ 573882 w 585788"/>
              <a:gd name="connsiteY10" fmla="*/ 300038 h 678656"/>
              <a:gd name="connsiteX11" fmla="*/ 585788 w 585788"/>
              <a:gd name="connsiteY11" fmla="*/ 323850 h 678656"/>
              <a:gd name="connsiteX12" fmla="*/ 400050 w 585788"/>
              <a:gd name="connsiteY12" fmla="*/ 457200 h 678656"/>
              <a:gd name="connsiteX13" fmla="*/ 514350 w 585788"/>
              <a:gd name="connsiteY13" fmla="*/ 626269 h 678656"/>
              <a:gd name="connsiteX14" fmla="*/ 435769 w 585788"/>
              <a:gd name="connsiteY14"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400050 w 935806"/>
              <a:gd name="connsiteY12" fmla="*/ 457200 h 678656"/>
              <a:gd name="connsiteX13" fmla="*/ 935806 w 935806"/>
              <a:gd name="connsiteY13" fmla="*/ 352351 h 678656"/>
              <a:gd name="connsiteX14" fmla="*/ 435769 w 935806"/>
              <a:gd name="connsiteY14"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764381 w 935806"/>
              <a:gd name="connsiteY12" fmla="*/ 71437 h 678656"/>
              <a:gd name="connsiteX13" fmla="*/ 935806 w 935806"/>
              <a:gd name="connsiteY13" fmla="*/ 352351 h 678656"/>
              <a:gd name="connsiteX14" fmla="*/ 435769 w 935806"/>
              <a:gd name="connsiteY14"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740881 w 935806"/>
              <a:gd name="connsiteY12" fmla="*/ 11061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585788 w 935806"/>
              <a:gd name="connsiteY11" fmla="*/ 323850 h 678656"/>
              <a:gd name="connsiteX12" fmla="*/ 734382 w 935806"/>
              <a:gd name="connsiteY12" fmla="*/ 95483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9113 w 935806"/>
              <a:gd name="connsiteY9" fmla="*/ 345281 h 678656"/>
              <a:gd name="connsiteX10" fmla="*/ 573882 w 935806"/>
              <a:gd name="connsiteY10" fmla="*/ 300038 h 678656"/>
              <a:gd name="connsiteX11" fmla="*/ 752476 w 935806"/>
              <a:gd name="connsiteY11" fmla="*/ 150018 h 678656"/>
              <a:gd name="connsiteX12" fmla="*/ 734382 w 935806"/>
              <a:gd name="connsiteY12" fmla="*/ 95483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1970 w 935806"/>
              <a:gd name="connsiteY9" fmla="*/ 323850 h 678656"/>
              <a:gd name="connsiteX10" fmla="*/ 573882 w 935806"/>
              <a:gd name="connsiteY10" fmla="*/ 300038 h 678656"/>
              <a:gd name="connsiteX11" fmla="*/ 752476 w 935806"/>
              <a:gd name="connsiteY11" fmla="*/ 150018 h 678656"/>
              <a:gd name="connsiteX12" fmla="*/ 734382 w 935806"/>
              <a:gd name="connsiteY12" fmla="*/ 95483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1970 w 935806"/>
              <a:gd name="connsiteY9" fmla="*/ 323850 h 678656"/>
              <a:gd name="connsiteX10" fmla="*/ 573882 w 935806"/>
              <a:gd name="connsiteY10" fmla="*/ 300038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11970 w 935806"/>
              <a:gd name="connsiteY9" fmla="*/ 323850 h 678656"/>
              <a:gd name="connsiteX10" fmla="*/ 523876 w 935806"/>
              <a:gd name="connsiteY10" fmla="*/ 34051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09925 w 935806"/>
              <a:gd name="connsiteY9" fmla="*/ 334625 h 678656"/>
              <a:gd name="connsiteX10" fmla="*/ 523876 w 935806"/>
              <a:gd name="connsiteY10" fmla="*/ 34051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09925 w 935806"/>
              <a:gd name="connsiteY9" fmla="*/ 334625 h 678656"/>
              <a:gd name="connsiteX10" fmla="*/ 509925 w 935806"/>
              <a:gd name="connsiteY10" fmla="*/ 262617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37917 w 935806"/>
              <a:gd name="connsiteY9" fmla="*/ 334625 h 678656"/>
              <a:gd name="connsiteX10" fmla="*/ 509925 w 935806"/>
              <a:gd name="connsiteY10" fmla="*/ 262617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37917 w 935806"/>
              <a:gd name="connsiteY9" fmla="*/ 334625 h 678656"/>
              <a:gd name="connsiteX10" fmla="*/ 521806 w 935806"/>
              <a:gd name="connsiteY10" fmla="*/ 32968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35536 w 935806"/>
              <a:gd name="connsiteY9" fmla="*/ 208419 h 678656"/>
              <a:gd name="connsiteX10" fmla="*/ 521806 w 935806"/>
              <a:gd name="connsiteY10" fmla="*/ 329689 h 678656"/>
              <a:gd name="connsiteX11" fmla="*/ 752476 w 935806"/>
              <a:gd name="connsiteY11" fmla="*/ 150018 h 678656"/>
              <a:gd name="connsiteX12" fmla="*/ 722476 w 935806"/>
              <a:gd name="connsiteY12" fmla="*/ 97864 h 678656"/>
              <a:gd name="connsiteX13" fmla="*/ 764381 w 935806"/>
              <a:gd name="connsiteY13" fmla="*/ 71437 h 678656"/>
              <a:gd name="connsiteX14" fmla="*/ 935806 w 935806"/>
              <a:gd name="connsiteY14" fmla="*/ 352351 h 678656"/>
              <a:gd name="connsiteX15" fmla="*/ 435769 w 935806"/>
              <a:gd name="connsiteY15"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397981 w 935806"/>
              <a:gd name="connsiteY9" fmla="*/ 165383 h 678656"/>
              <a:gd name="connsiteX10" fmla="*/ 435536 w 935806"/>
              <a:gd name="connsiteY10" fmla="*/ 208419 h 678656"/>
              <a:gd name="connsiteX11" fmla="*/ 521806 w 935806"/>
              <a:gd name="connsiteY11" fmla="*/ 329689 h 678656"/>
              <a:gd name="connsiteX12" fmla="*/ 752476 w 935806"/>
              <a:gd name="connsiteY12" fmla="*/ 150018 h 678656"/>
              <a:gd name="connsiteX13" fmla="*/ 722476 w 935806"/>
              <a:gd name="connsiteY13" fmla="*/ 97864 h 678656"/>
              <a:gd name="connsiteX14" fmla="*/ 764381 w 935806"/>
              <a:gd name="connsiteY14" fmla="*/ 71437 h 678656"/>
              <a:gd name="connsiteX15" fmla="*/ 935806 w 935806"/>
              <a:gd name="connsiteY15" fmla="*/ 352351 h 678656"/>
              <a:gd name="connsiteX16" fmla="*/ 435769 w 935806"/>
              <a:gd name="connsiteY16"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51497 w 935806"/>
              <a:gd name="connsiteY9" fmla="*/ 113963 h 678656"/>
              <a:gd name="connsiteX10" fmla="*/ 435536 w 935806"/>
              <a:gd name="connsiteY10" fmla="*/ 208419 h 678656"/>
              <a:gd name="connsiteX11" fmla="*/ 521806 w 935806"/>
              <a:gd name="connsiteY11" fmla="*/ 329689 h 678656"/>
              <a:gd name="connsiteX12" fmla="*/ 752476 w 935806"/>
              <a:gd name="connsiteY12" fmla="*/ 150018 h 678656"/>
              <a:gd name="connsiteX13" fmla="*/ 722476 w 935806"/>
              <a:gd name="connsiteY13" fmla="*/ 97864 h 678656"/>
              <a:gd name="connsiteX14" fmla="*/ 764381 w 935806"/>
              <a:gd name="connsiteY14" fmla="*/ 71437 h 678656"/>
              <a:gd name="connsiteX15" fmla="*/ 935806 w 935806"/>
              <a:gd name="connsiteY15" fmla="*/ 352351 h 678656"/>
              <a:gd name="connsiteX16" fmla="*/ 435769 w 935806"/>
              <a:gd name="connsiteY16"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51497 w 935806"/>
              <a:gd name="connsiteY9" fmla="*/ 113963 h 678656"/>
              <a:gd name="connsiteX10" fmla="*/ 428392 w 935806"/>
              <a:gd name="connsiteY10" fmla="*/ 201275 h 678656"/>
              <a:gd name="connsiteX11" fmla="*/ 521806 w 935806"/>
              <a:gd name="connsiteY11" fmla="*/ 329689 h 678656"/>
              <a:gd name="connsiteX12" fmla="*/ 752476 w 935806"/>
              <a:gd name="connsiteY12" fmla="*/ 150018 h 678656"/>
              <a:gd name="connsiteX13" fmla="*/ 722476 w 935806"/>
              <a:gd name="connsiteY13" fmla="*/ 97864 h 678656"/>
              <a:gd name="connsiteX14" fmla="*/ 764381 w 935806"/>
              <a:gd name="connsiteY14" fmla="*/ 71437 h 678656"/>
              <a:gd name="connsiteX15" fmla="*/ 935806 w 935806"/>
              <a:gd name="connsiteY15" fmla="*/ 352351 h 678656"/>
              <a:gd name="connsiteX16" fmla="*/ 435769 w 935806"/>
              <a:gd name="connsiteY16"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55131 w 935806"/>
              <a:gd name="connsiteY9" fmla="*/ 77277 h 678656"/>
              <a:gd name="connsiteX10" fmla="*/ 551497 w 935806"/>
              <a:gd name="connsiteY10" fmla="*/ 113963 h 678656"/>
              <a:gd name="connsiteX11" fmla="*/ 428392 w 935806"/>
              <a:gd name="connsiteY11" fmla="*/ 201275 h 678656"/>
              <a:gd name="connsiteX12" fmla="*/ 521806 w 935806"/>
              <a:gd name="connsiteY12" fmla="*/ 329689 h 678656"/>
              <a:gd name="connsiteX13" fmla="*/ 752476 w 935806"/>
              <a:gd name="connsiteY13" fmla="*/ 150018 h 678656"/>
              <a:gd name="connsiteX14" fmla="*/ 722476 w 935806"/>
              <a:gd name="connsiteY14" fmla="*/ 97864 h 678656"/>
              <a:gd name="connsiteX15" fmla="*/ 764381 w 935806"/>
              <a:gd name="connsiteY15" fmla="*/ 71437 h 678656"/>
              <a:gd name="connsiteX16" fmla="*/ 935806 w 935806"/>
              <a:gd name="connsiteY16" fmla="*/ 352351 h 678656"/>
              <a:gd name="connsiteX17" fmla="*/ 435769 w 935806"/>
              <a:gd name="connsiteY17"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96158 w 935806"/>
              <a:gd name="connsiteY9" fmla="*/ 24617 h 678656"/>
              <a:gd name="connsiteX10" fmla="*/ 551497 w 935806"/>
              <a:gd name="connsiteY10" fmla="*/ 113963 h 678656"/>
              <a:gd name="connsiteX11" fmla="*/ 428392 w 935806"/>
              <a:gd name="connsiteY11" fmla="*/ 201275 h 678656"/>
              <a:gd name="connsiteX12" fmla="*/ 521806 w 935806"/>
              <a:gd name="connsiteY12" fmla="*/ 329689 h 678656"/>
              <a:gd name="connsiteX13" fmla="*/ 752476 w 935806"/>
              <a:gd name="connsiteY13" fmla="*/ 150018 h 678656"/>
              <a:gd name="connsiteX14" fmla="*/ 722476 w 935806"/>
              <a:gd name="connsiteY14" fmla="*/ 97864 h 678656"/>
              <a:gd name="connsiteX15" fmla="*/ 764381 w 935806"/>
              <a:gd name="connsiteY15" fmla="*/ 71437 h 678656"/>
              <a:gd name="connsiteX16" fmla="*/ 935806 w 935806"/>
              <a:gd name="connsiteY16" fmla="*/ 352351 h 678656"/>
              <a:gd name="connsiteX17" fmla="*/ 435769 w 935806"/>
              <a:gd name="connsiteY17"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31876 w 935806"/>
              <a:gd name="connsiteY9" fmla="*/ 77005 h 678656"/>
              <a:gd name="connsiteX10" fmla="*/ 551497 w 935806"/>
              <a:gd name="connsiteY10" fmla="*/ 113963 h 678656"/>
              <a:gd name="connsiteX11" fmla="*/ 428392 w 935806"/>
              <a:gd name="connsiteY11" fmla="*/ 201275 h 678656"/>
              <a:gd name="connsiteX12" fmla="*/ 521806 w 935806"/>
              <a:gd name="connsiteY12" fmla="*/ 329689 h 678656"/>
              <a:gd name="connsiteX13" fmla="*/ 752476 w 935806"/>
              <a:gd name="connsiteY13" fmla="*/ 150018 h 678656"/>
              <a:gd name="connsiteX14" fmla="*/ 722476 w 935806"/>
              <a:gd name="connsiteY14" fmla="*/ 97864 h 678656"/>
              <a:gd name="connsiteX15" fmla="*/ 764381 w 935806"/>
              <a:gd name="connsiteY15" fmla="*/ 71437 h 678656"/>
              <a:gd name="connsiteX16" fmla="*/ 935806 w 935806"/>
              <a:gd name="connsiteY16" fmla="*/ 352351 h 678656"/>
              <a:gd name="connsiteX17" fmla="*/ 435769 w 935806"/>
              <a:gd name="connsiteY17"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488469 w 935806"/>
              <a:gd name="connsiteY9" fmla="*/ 67752 h 678656"/>
              <a:gd name="connsiteX10" fmla="*/ 531876 w 935806"/>
              <a:gd name="connsiteY10" fmla="*/ 77005 h 678656"/>
              <a:gd name="connsiteX11" fmla="*/ 551497 w 935806"/>
              <a:gd name="connsiteY11" fmla="*/ 113963 h 678656"/>
              <a:gd name="connsiteX12" fmla="*/ 428392 w 935806"/>
              <a:gd name="connsiteY12" fmla="*/ 201275 h 678656"/>
              <a:gd name="connsiteX13" fmla="*/ 521806 w 935806"/>
              <a:gd name="connsiteY13" fmla="*/ 329689 h 678656"/>
              <a:gd name="connsiteX14" fmla="*/ 752476 w 935806"/>
              <a:gd name="connsiteY14" fmla="*/ 150018 h 678656"/>
              <a:gd name="connsiteX15" fmla="*/ 722476 w 935806"/>
              <a:gd name="connsiteY15" fmla="*/ 97864 h 678656"/>
              <a:gd name="connsiteX16" fmla="*/ 764381 w 935806"/>
              <a:gd name="connsiteY16" fmla="*/ 71437 h 678656"/>
              <a:gd name="connsiteX17" fmla="*/ 935806 w 935806"/>
              <a:gd name="connsiteY17" fmla="*/ 352351 h 678656"/>
              <a:gd name="connsiteX18" fmla="*/ 435769 w 935806"/>
              <a:gd name="connsiteY18"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502756 w 935806"/>
              <a:gd name="connsiteY9" fmla="*/ 96327 h 678656"/>
              <a:gd name="connsiteX10" fmla="*/ 531876 w 935806"/>
              <a:gd name="connsiteY10" fmla="*/ 77005 h 678656"/>
              <a:gd name="connsiteX11" fmla="*/ 551497 w 935806"/>
              <a:gd name="connsiteY11" fmla="*/ 113963 h 678656"/>
              <a:gd name="connsiteX12" fmla="*/ 428392 w 935806"/>
              <a:gd name="connsiteY12" fmla="*/ 201275 h 678656"/>
              <a:gd name="connsiteX13" fmla="*/ 521806 w 935806"/>
              <a:gd name="connsiteY13" fmla="*/ 329689 h 678656"/>
              <a:gd name="connsiteX14" fmla="*/ 752476 w 935806"/>
              <a:gd name="connsiteY14" fmla="*/ 150018 h 678656"/>
              <a:gd name="connsiteX15" fmla="*/ 722476 w 935806"/>
              <a:gd name="connsiteY15" fmla="*/ 97864 h 678656"/>
              <a:gd name="connsiteX16" fmla="*/ 764381 w 935806"/>
              <a:gd name="connsiteY16" fmla="*/ 71437 h 678656"/>
              <a:gd name="connsiteX17" fmla="*/ 935806 w 935806"/>
              <a:gd name="connsiteY17" fmla="*/ 352351 h 678656"/>
              <a:gd name="connsiteX18" fmla="*/ 435769 w 935806"/>
              <a:gd name="connsiteY18" fmla="*/ 678656 h 678656"/>
              <a:gd name="connsiteX0" fmla="*/ 435769 w 935806"/>
              <a:gd name="connsiteY0" fmla="*/ 678656 h 678656"/>
              <a:gd name="connsiteX1" fmla="*/ 402432 w 935806"/>
              <a:gd name="connsiteY1" fmla="*/ 633413 h 678656"/>
              <a:gd name="connsiteX2" fmla="*/ 385763 w 935806"/>
              <a:gd name="connsiteY2" fmla="*/ 645319 h 678656"/>
              <a:gd name="connsiteX3" fmla="*/ 276225 w 935806"/>
              <a:gd name="connsiteY3" fmla="*/ 504825 h 678656"/>
              <a:gd name="connsiteX4" fmla="*/ 226219 w 935806"/>
              <a:gd name="connsiteY4" fmla="*/ 538163 h 678656"/>
              <a:gd name="connsiteX5" fmla="*/ 116682 w 935806"/>
              <a:gd name="connsiteY5" fmla="*/ 471488 h 678656"/>
              <a:gd name="connsiteX6" fmla="*/ 0 w 935806"/>
              <a:gd name="connsiteY6" fmla="*/ 347663 h 678656"/>
              <a:gd name="connsiteX7" fmla="*/ 195263 w 935806"/>
              <a:gd name="connsiteY7" fmla="*/ 90488 h 678656"/>
              <a:gd name="connsiteX8" fmla="*/ 273844 w 935806"/>
              <a:gd name="connsiteY8" fmla="*/ 0 h 678656"/>
              <a:gd name="connsiteX9" fmla="*/ 376550 w 935806"/>
              <a:gd name="connsiteY9" fmla="*/ 46320 h 678656"/>
              <a:gd name="connsiteX10" fmla="*/ 502756 w 935806"/>
              <a:gd name="connsiteY10" fmla="*/ 96327 h 678656"/>
              <a:gd name="connsiteX11" fmla="*/ 531876 w 935806"/>
              <a:gd name="connsiteY11" fmla="*/ 77005 h 678656"/>
              <a:gd name="connsiteX12" fmla="*/ 551497 w 935806"/>
              <a:gd name="connsiteY12" fmla="*/ 113963 h 678656"/>
              <a:gd name="connsiteX13" fmla="*/ 428392 w 935806"/>
              <a:gd name="connsiteY13" fmla="*/ 201275 h 678656"/>
              <a:gd name="connsiteX14" fmla="*/ 521806 w 935806"/>
              <a:gd name="connsiteY14" fmla="*/ 329689 h 678656"/>
              <a:gd name="connsiteX15" fmla="*/ 752476 w 935806"/>
              <a:gd name="connsiteY15" fmla="*/ 150018 h 678656"/>
              <a:gd name="connsiteX16" fmla="*/ 722476 w 935806"/>
              <a:gd name="connsiteY16" fmla="*/ 97864 h 678656"/>
              <a:gd name="connsiteX17" fmla="*/ 764381 w 935806"/>
              <a:gd name="connsiteY17" fmla="*/ 71437 h 678656"/>
              <a:gd name="connsiteX18" fmla="*/ 935806 w 935806"/>
              <a:gd name="connsiteY18" fmla="*/ 352351 h 678656"/>
              <a:gd name="connsiteX19" fmla="*/ 435769 w 935806"/>
              <a:gd name="connsiteY19" fmla="*/ 678656 h 678656"/>
              <a:gd name="connsiteX0" fmla="*/ 435769 w 935806"/>
              <a:gd name="connsiteY0" fmla="*/ 779973 h 779973"/>
              <a:gd name="connsiteX1" fmla="*/ 402432 w 935806"/>
              <a:gd name="connsiteY1" fmla="*/ 734730 h 779973"/>
              <a:gd name="connsiteX2" fmla="*/ 385763 w 935806"/>
              <a:gd name="connsiteY2" fmla="*/ 746636 h 779973"/>
              <a:gd name="connsiteX3" fmla="*/ 276225 w 935806"/>
              <a:gd name="connsiteY3" fmla="*/ 606142 h 779973"/>
              <a:gd name="connsiteX4" fmla="*/ 226219 w 935806"/>
              <a:gd name="connsiteY4" fmla="*/ 639480 h 779973"/>
              <a:gd name="connsiteX5" fmla="*/ 116682 w 935806"/>
              <a:gd name="connsiteY5" fmla="*/ 572805 h 779973"/>
              <a:gd name="connsiteX6" fmla="*/ 0 w 935806"/>
              <a:gd name="connsiteY6" fmla="*/ 448980 h 779973"/>
              <a:gd name="connsiteX7" fmla="*/ 195263 w 935806"/>
              <a:gd name="connsiteY7" fmla="*/ 191805 h 779973"/>
              <a:gd name="connsiteX8" fmla="*/ 273844 w 935806"/>
              <a:gd name="connsiteY8" fmla="*/ 101317 h 779973"/>
              <a:gd name="connsiteX9" fmla="*/ 383694 w 935806"/>
              <a:gd name="connsiteY9" fmla="*/ 0 h 779973"/>
              <a:gd name="connsiteX10" fmla="*/ 502756 w 935806"/>
              <a:gd name="connsiteY10" fmla="*/ 197644 h 779973"/>
              <a:gd name="connsiteX11" fmla="*/ 531876 w 935806"/>
              <a:gd name="connsiteY11" fmla="*/ 178322 h 779973"/>
              <a:gd name="connsiteX12" fmla="*/ 551497 w 935806"/>
              <a:gd name="connsiteY12" fmla="*/ 215280 h 779973"/>
              <a:gd name="connsiteX13" fmla="*/ 428392 w 935806"/>
              <a:gd name="connsiteY13" fmla="*/ 302592 h 779973"/>
              <a:gd name="connsiteX14" fmla="*/ 521806 w 935806"/>
              <a:gd name="connsiteY14" fmla="*/ 431006 h 779973"/>
              <a:gd name="connsiteX15" fmla="*/ 752476 w 935806"/>
              <a:gd name="connsiteY15" fmla="*/ 251335 h 779973"/>
              <a:gd name="connsiteX16" fmla="*/ 722476 w 935806"/>
              <a:gd name="connsiteY16" fmla="*/ 199181 h 779973"/>
              <a:gd name="connsiteX17" fmla="*/ 764381 w 935806"/>
              <a:gd name="connsiteY17" fmla="*/ 172754 h 779973"/>
              <a:gd name="connsiteX18" fmla="*/ 935806 w 935806"/>
              <a:gd name="connsiteY18" fmla="*/ 453668 h 779973"/>
              <a:gd name="connsiteX19" fmla="*/ 435769 w 935806"/>
              <a:gd name="connsiteY19" fmla="*/ 779973 h 779973"/>
              <a:gd name="connsiteX0" fmla="*/ 435769 w 935806"/>
              <a:gd name="connsiteY0" fmla="*/ 779973 h 794187"/>
              <a:gd name="connsiteX1" fmla="*/ 414884 w 935806"/>
              <a:gd name="connsiteY1" fmla="*/ 794187 h 794187"/>
              <a:gd name="connsiteX2" fmla="*/ 385763 w 935806"/>
              <a:gd name="connsiteY2" fmla="*/ 746636 h 794187"/>
              <a:gd name="connsiteX3" fmla="*/ 276225 w 935806"/>
              <a:gd name="connsiteY3" fmla="*/ 606142 h 794187"/>
              <a:gd name="connsiteX4" fmla="*/ 226219 w 935806"/>
              <a:gd name="connsiteY4" fmla="*/ 639480 h 794187"/>
              <a:gd name="connsiteX5" fmla="*/ 116682 w 935806"/>
              <a:gd name="connsiteY5" fmla="*/ 572805 h 794187"/>
              <a:gd name="connsiteX6" fmla="*/ 0 w 935806"/>
              <a:gd name="connsiteY6" fmla="*/ 448980 h 794187"/>
              <a:gd name="connsiteX7" fmla="*/ 195263 w 935806"/>
              <a:gd name="connsiteY7" fmla="*/ 191805 h 794187"/>
              <a:gd name="connsiteX8" fmla="*/ 273844 w 935806"/>
              <a:gd name="connsiteY8" fmla="*/ 101317 h 794187"/>
              <a:gd name="connsiteX9" fmla="*/ 383694 w 935806"/>
              <a:gd name="connsiteY9" fmla="*/ 0 h 794187"/>
              <a:gd name="connsiteX10" fmla="*/ 502756 w 935806"/>
              <a:gd name="connsiteY10" fmla="*/ 197644 h 794187"/>
              <a:gd name="connsiteX11" fmla="*/ 531876 w 935806"/>
              <a:gd name="connsiteY11" fmla="*/ 178322 h 794187"/>
              <a:gd name="connsiteX12" fmla="*/ 551497 w 935806"/>
              <a:gd name="connsiteY12" fmla="*/ 215280 h 794187"/>
              <a:gd name="connsiteX13" fmla="*/ 428392 w 935806"/>
              <a:gd name="connsiteY13" fmla="*/ 302592 h 794187"/>
              <a:gd name="connsiteX14" fmla="*/ 521806 w 935806"/>
              <a:gd name="connsiteY14" fmla="*/ 431006 h 794187"/>
              <a:gd name="connsiteX15" fmla="*/ 752476 w 935806"/>
              <a:gd name="connsiteY15" fmla="*/ 251335 h 794187"/>
              <a:gd name="connsiteX16" fmla="*/ 722476 w 935806"/>
              <a:gd name="connsiteY16" fmla="*/ 199181 h 794187"/>
              <a:gd name="connsiteX17" fmla="*/ 764381 w 935806"/>
              <a:gd name="connsiteY17" fmla="*/ 172754 h 794187"/>
              <a:gd name="connsiteX18" fmla="*/ 935806 w 935806"/>
              <a:gd name="connsiteY18" fmla="*/ 453668 h 794187"/>
              <a:gd name="connsiteX19" fmla="*/ 435769 w 935806"/>
              <a:gd name="connsiteY19" fmla="*/ 779973 h 79418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935806" h="794187">
                <a:moveTo>
                  <a:pt x="435769" y="779973"/>
                </a:moveTo>
                <a:lnTo>
                  <a:pt x="414884" y="794187"/>
                </a:lnTo>
                <a:lnTo>
                  <a:pt x="385763" y="746636"/>
                </a:lnTo>
                <a:lnTo>
                  <a:pt x="276225" y="606142"/>
                </a:lnTo>
                <a:lnTo>
                  <a:pt x="226219" y="639480"/>
                </a:lnTo>
                <a:lnTo>
                  <a:pt x="116682" y="572805"/>
                </a:lnTo>
                <a:lnTo>
                  <a:pt x="0" y="448980"/>
                </a:lnTo>
                <a:lnTo>
                  <a:pt x="195263" y="191805"/>
                </a:lnTo>
                <a:lnTo>
                  <a:pt x="273844" y="101317"/>
                </a:lnTo>
                <a:lnTo>
                  <a:pt x="383694" y="0"/>
                </a:lnTo>
                <a:lnTo>
                  <a:pt x="502756" y="197644"/>
                </a:lnTo>
                <a:lnTo>
                  <a:pt x="531876" y="178322"/>
                </a:lnTo>
                <a:lnTo>
                  <a:pt x="551497" y="215280"/>
                </a:lnTo>
                <a:lnTo>
                  <a:pt x="428392" y="302592"/>
                </a:lnTo>
                <a:lnTo>
                  <a:pt x="521806" y="431006"/>
                </a:lnTo>
                <a:lnTo>
                  <a:pt x="752476" y="251335"/>
                </a:lnTo>
                <a:lnTo>
                  <a:pt x="722476" y="199181"/>
                </a:lnTo>
                <a:lnTo>
                  <a:pt x="764381" y="172754"/>
                </a:lnTo>
                <a:lnTo>
                  <a:pt x="935806" y="453668"/>
                </a:lnTo>
                <a:lnTo>
                  <a:pt x="435769" y="779973"/>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フリーフォーム 40"/>
          <p:cNvSpPr/>
          <p:nvPr/>
        </p:nvSpPr>
        <p:spPr>
          <a:xfrm>
            <a:off x="2519102" y="4668651"/>
            <a:ext cx="321469" cy="338137"/>
          </a:xfrm>
          <a:custGeom>
            <a:avLst/>
            <a:gdLst>
              <a:gd name="connsiteX0" fmla="*/ 116682 w 321469"/>
              <a:gd name="connsiteY0" fmla="*/ 0 h 338137"/>
              <a:gd name="connsiteX1" fmla="*/ 0 w 321469"/>
              <a:gd name="connsiteY1" fmla="*/ 138112 h 338137"/>
              <a:gd name="connsiteX2" fmla="*/ 4763 w 321469"/>
              <a:gd name="connsiteY2" fmla="*/ 188119 h 338137"/>
              <a:gd name="connsiteX3" fmla="*/ 176213 w 321469"/>
              <a:gd name="connsiteY3" fmla="*/ 338137 h 338137"/>
              <a:gd name="connsiteX4" fmla="*/ 321469 w 321469"/>
              <a:gd name="connsiteY4" fmla="*/ 178594 h 338137"/>
              <a:gd name="connsiteX5" fmla="*/ 235744 w 321469"/>
              <a:gd name="connsiteY5" fmla="*/ 126206 h 338137"/>
              <a:gd name="connsiteX6" fmla="*/ 116682 w 321469"/>
              <a:gd name="connsiteY6" fmla="*/ 0 h 3381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21469" h="338137">
                <a:moveTo>
                  <a:pt x="116682" y="0"/>
                </a:moveTo>
                <a:lnTo>
                  <a:pt x="0" y="138112"/>
                </a:lnTo>
                <a:lnTo>
                  <a:pt x="4763" y="188119"/>
                </a:lnTo>
                <a:lnTo>
                  <a:pt x="176213" y="338137"/>
                </a:lnTo>
                <a:lnTo>
                  <a:pt x="321469" y="178594"/>
                </a:lnTo>
                <a:lnTo>
                  <a:pt x="235744" y="126206"/>
                </a:lnTo>
                <a:lnTo>
                  <a:pt x="116682" y="0"/>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テキスト ボックス 41"/>
          <p:cNvSpPr txBox="1"/>
          <p:nvPr/>
        </p:nvSpPr>
        <p:spPr>
          <a:xfrm>
            <a:off x="2546811" y="4757405"/>
            <a:ext cx="360040"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⑪</a:t>
            </a:r>
            <a:endParaRPr kumimoji="1" lang="ja-JP" altLang="en-US" sz="1000" dirty="0">
              <a:latin typeface="Meiryo UI" pitchFamily="50" charset="-128"/>
              <a:ea typeface="Meiryo UI" pitchFamily="50" charset="-128"/>
              <a:cs typeface="Meiryo UI" pitchFamily="50" charset="-128"/>
            </a:endParaRPr>
          </a:p>
        </p:txBody>
      </p:sp>
      <p:sp>
        <p:nvSpPr>
          <p:cNvPr id="43" name="テキスト ボックス 42"/>
          <p:cNvSpPr txBox="1"/>
          <p:nvPr/>
        </p:nvSpPr>
        <p:spPr>
          <a:xfrm rot="19483607">
            <a:off x="3197918" y="4700083"/>
            <a:ext cx="720080" cy="184666"/>
          </a:xfrm>
          <a:prstGeom prst="rect">
            <a:avLst/>
          </a:prstGeom>
          <a:noFill/>
        </p:spPr>
        <p:txBody>
          <a:bodyPr wrap="square" lIns="0" tIns="0" rIns="0" bIns="0" rtlCol="0">
            <a:spAutoFit/>
          </a:bodyPr>
          <a:lstStyle/>
          <a:p>
            <a:r>
              <a:rPr kumimoji="1" lang="ja-JP" altLang="en-US" sz="1200" dirty="0" smtClean="0">
                <a:latin typeface="Meiryo UI" pitchFamily="50" charset="-128"/>
                <a:ea typeface="Meiryo UI" pitchFamily="50" charset="-128"/>
                <a:cs typeface="Meiryo UI" pitchFamily="50" charset="-128"/>
              </a:rPr>
              <a:t>土佐堀川</a:t>
            </a:r>
            <a:endParaRPr kumimoji="1" lang="ja-JP" altLang="en-US" sz="1200" dirty="0">
              <a:latin typeface="Meiryo UI" pitchFamily="50" charset="-128"/>
              <a:ea typeface="Meiryo UI" pitchFamily="50" charset="-128"/>
              <a:cs typeface="Meiryo UI" pitchFamily="50" charset="-128"/>
            </a:endParaRPr>
          </a:p>
        </p:txBody>
      </p:sp>
      <p:sp>
        <p:nvSpPr>
          <p:cNvPr id="44" name="テキスト ボックス 43"/>
          <p:cNvSpPr txBox="1"/>
          <p:nvPr/>
        </p:nvSpPr>
        <p:spPr>
          <a:xfrm rot="20693178">
            <a:off x="3669722" y="3510295"/>
            <a:ext cx="648072" cy="184666"/>
          </a:xfrm>
          <a:prstGeom prst="rect">
            <a:avLst/>
          </a:prstGeom>
          <a:noFill/>
        </p:spPr>
        <p:txBody>
          <a:bodyPr wrap="square" lIns="0" tIns="0" rIns="0" bIns="0" rtlCol="0">
            <a:spAutoFit/>
          </a:bodyPr>
          <a:lstStyle/>
          <a:p>
            <a:r>
              <a:rPr lang="ja-JP" altLang="en-US" sz="1200" dirty="0" smtClean="0">
                <a:latin typeface="Meiryo UI" pitchFamily="50" charset="-128"/>
                <a:ea typeface="Meiryo UI" pitchFamily="50" charset="-128"/>
                <a:cs typeface="Meiryo UI" pitchFamily="50" charset="-128"/>
              </a:rPr>
              <a:t>堂島</a:t>
            </a:r>
            <a:r>
              <a:rPr kumimoji="1" lang="ja-JP" altLang="en-US" sz="1200" dirty="0" smtClean="0">
                <a:latin typeface="Meiryo UI" pitchFamily="50" charset="-128"/>
                <a:ea typeface="Meiryo UI" pitchFamily="50" charset="-128"/>
                <a:cs typeface="Meiryo UI" pitchFamily="50" charset="-128"/>
              </a:rPr>
              <a:t>川</a:t>
            </a:r>
            <a:endParaRPr kumimoji="1" lang="ja-JP" altLang="en-US" sz="1200" dirty="0">
              <a:latin typeface="Meiryo UI" pitchFamily="50" charset="-128"/>
              <a:ea typeface="Meiryo UI" pitchFamily="50" charset="-128"/>
              <a:cs typeface="Meiryo UI" pitchFamily="50" charset="-128"/>
            </a:endParaRPr>
          </a:p>
        </p:txBody>
      </p:sp>
      <p:sp>
        <p:nvSpPr>
          <p:cNvPr id="45" name="テキスト ボックス 44"/>
          <p:cNvSpPr txBox="1"/>
          <p:nvPr/>
        </p:nvSpPr>
        <p:spPr>
          <a:xfrm rot="1453427">
            <a:off x="7508942" y="4052055"/>
            <a:ext cx="576064" cy="92333"/>
          </a:xfrm>
          <a:prstGeom prst="rect">
            <a:avLst/>
          </a:prstGeom>
          <a:noFill/>
        </p:spPr>
        <p:txBody>
          <a:bodyPr wrap="square" lIns="0" tIns="0" rIns="0" bIns="0" rtlCol="0">
            <a:spAutoFit/>
          </a:bodyPr>
          <a:lstStyle/>
          <a:p>
            <a:r>
              <a:rPr lang="ja-JP" altLang="en-US" sz="600" dirty="0" smtClean="0">
                <a:latin typeface="Meiryo UI" pitchFamily="50" charset="-128"/>
                <a:ea typeface="Meiryo UI" pitchFamily="50" charset="-128"/>
                <a:cs typeface="Meiryo UI" pitchFamily="50" charset="-128"/>
              </a:rPr>
              <a:t>中之島公園</a:t>
            </a:r>
            <a:endParaRPr kumimoji="1" lang="ja-JP" altLang="en-US" sz="600" dirty="0">
              <a:latin typeface="Meiryo UI" pitchFamily="50" charset="-128"/>
              <a:ea typeface="Meiryo UI" pitchFamily="50" charset="-128"/>
              <a:cs typeface="Meiryo UI" pitchFamily="50" charset="-128"/>
            </a:endParaRPr>
          </a:p>
        </p:txBody>
      </p:sp>
      <p:grpSp>
        <p:nvGrpSpPr>
          <p:cNvPr id="2" name="グループ化 116"/>
          <p:cNvGrpSpPr/>
          <p:nvPr/>
        </p:nvGrpSpPr>
        <p:grpSpPr>
          <a:xfrm>
            <a:off x="200472" y="3212976"/>
            <a:ext cx="1643952" cy="1694088"/>
            <a:chOff x="200472" y="3212976"/>
            <a:chExt cx="1643952" cy="1694088"/>
          </a:xfrm>
        </p:grpSpPr>
        <p:pic>
          <p:nvPicPr>
            <p:cNvPr id="1027" name="Picture 3"/>
            <p:cNvPicPr>
              <a:picLocks noChangeAspect="1" noChangeArrowheads="1"/>
            </p:cNvPicPr>
            <p:nvPr/>
          </p:nvPicPr>
          <p:blipFill>
            <a:blip r:embed="rId4" cstate="email"/>
            <a:srcRect/>
            <a:stretch>
              <a:fillRect/>
            </a:stretch>
          </p:blipFill>
          <p:spPr bwMode="auto">
            <a:xfrm>
              <a:off x="200472" y="3212976"/>
              <a:ext cx="1643952" cy="1694088"/>
            </a:xfrm>
            <a:prstGeom prst="rect">
              <a:avLst/>
            </a:prstGeom>
            <a:noFill/>
            <a:ln w="9525">
              <a:noFill/>
              <a:miter lim="800000"/>
              <a:headEnd/>
              <a:tailEnd/>
            </a:ln>
          </p:spPr>
        </p:pic>
        <p:sp>
          <p:nvSpPr>
            <p:cNvPr id="10" name="テキスト ボックス 9"/>
            <p:cNvSpPr txBox="1"/>
            <p:nvPr/>
          </p:nvSpPr>
          <p:spPr>
            <a:xfrm>
              <a:off x="527063" y="3257600"/>
              <a:ext cx="936104" cy="253916"/>
            </a:xfrm>
            <a:prstGeom prst="rect">
              <a:avLst/>
            </a:prstGeom>
            <a:noFill/>
          </p:spPr>
          <p:txBody>
            <a:bodyPr wrap="square" rtlCol="0">
              <a:spAutoFit/>
            </a:bodyPr>
            <a:lstStyle/>
            <a:p>
              <a:pPr algn="ctr"/>
              <a:r>
                <a:rPr lang="ja-JP" altLang="en-US" sz="1050" dirty="0" smtClean="0">
                  <a:latin typeface="Meiryo UI" pitchFamily="50" charset="-128"/>
                  <a:ea typeface="Meiryo UI" pitchFamily="50" charset="-128"/>
                  <a:cs typeface="Meiryo UI" pitchFamily="50" charset="-128"/>
                </a:rPr>
                <a:t>中之島</a:t>
              </a:r>
              <a:endParaRPr kumimoji="1" lang="ja-JP" altLang="en-US" sz="1050" dirty="0">
                <a:latin typeface="Meiryo UI" pitchFamily="50" charset="-128"/>
                <a:ea typeface="Meiryo UI" pitchFamily="50" charset="-128"/>
                <a:cs typeface="Meiryo UI" pitchFamily="50" charset="-128"/>
              </a:endParaRPr>
            </a:p>
          </p:txBody>
        </p:sp>
        <p:cxnSp>
          <p:nvCxnSpPr>
            <p:cNvPr id="12" name="直線矢印コネクタ 11"/>
            <p:cNvCxnSpPr/>
            <p:nvPr/>
          </p:nvCxnSpPr>
          <p:spPr>
            <a:xfrm>
              <a:off x="1103131" y="3501008"/>
              <a:ext cx="72008" cy="36004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47" name="フリーフォーム 46"/>
            <p:cNvSpPr/>
            <p:nvPr/>
          </p:nvSpPr>
          <p:spPr>
            <a:xfrm>
              <a:off x="968543" y="3861048"/>
              <a:ext cx="278602" cy="104126"/>
            </a:xfrm>
            <a:custGeom>
              <a:avLst/>
              <a:gdLst>
                <a:gd name="connsiteX0" fmla="*/ 0 w 7392838"/>
                <a:gd name="connsiteY0" fmla="*/ 2700068 h 2706104"/>
                <a:gd name="connsiteX1" fmla="*/ 0 w 7392838"/>
                <a:gd name="connsiteY1" fmla="*/ 2700068 h 2706104"/>
                <a:gd name="connsiteX2" fmla="*/ 172529 w 7392838"/>
                <a:gd name="connsiteY2" fmla="*/ 2674189 h 2706104"/>
                <a:gd name="connsiteX3" fmla="*/ 362310 w 7392838"/>
                <a:gd name="connsiteY3" fmla="*/ 2613804 h 2706104"/>
                <a:gd name="connsiteX4" fmla="*/ 879895 w 7392838"/>
                <a:gd name="connsiteY4" fmla="*/ 2208363 h 2706104"/>
                <a:gd name="connsiteX5" fmla="*/ 1613140 w 7392838"/>
                <a:gd name="connsiteY5" fmla="*/ 1733910 h 2706104"/>
                <a:gd name="connsiteX6" fmla="*/ 2234242 w 7392838"/>
                <a:gd name="connsiteY6" fmla="*/ 1337095 h 2706104"/>
                <a:gd name="connsiteX7" fmla="*/ 2527540 w 7392838"/>
                <a:gd name="connsiteY7" fmla="*/ 1155940 h 2706104"/>
                <a:gd name="connsiteX8" fmla="*/ 2872597 w 7392838"/>
                <a:gd name="connsiteY8" fmla="*/ 767751 h 2706104"/>
                <a:gd name="connsiteX9" fmla="*/ 3010619 w 7392838"/>
                <a:gd name="connsiteY9" fmla="*/ 629729 h 2706104"/>
                <a:gd name="connsiteX10" fmla="*/ 3140016 w 7392838"/>
                <a:gd name="connsiteY10" fmla="*/ 586597 h 2706104"/>
                <a:gd name="connsiteX11" fmla="*/ 3873261 w 7392838"/>
                <a:gd name="connsiteY11" fmla="*/ 491706 h 2706104"/>
                <a:gd name="connsiteX12" fmla="*/ 4106174 w 7392838"/>
                <a:gd name="connsiteY12" fmla="*/ 474453 h 2706104"/>
                <a:gd name="connsiteX13" fmla="*/ 4563374 w 7392838"/>
                <a:gd name="connsiteY13" fmla="*/ 474453 h 2706104"/>
                <a:gd name="connsiteX14" fmla="*/ 5287993 w 7392838"/>
                <a:gd name="connsiteY14" fmla="*/ 612476 h 2706104"/>
                <a:gd name="connsiteX15" fmla="*/ 5684808 w 7392838"/>
                <a:gd name="connsiteY15" fmla="*/ 638355 h 2706104"/>
                <a:gd name="connsiteX16" fmla="*/ 6616461 w 7392838"/>
                <a:gd name="connsiteY16" fmla="*/ 1069676 h 2706104"/>
                <a:gd name="connsiteX17" fmla="*/ 6978770 w 7392838"/>
                <a:gd name="connsiteY17" fmla="*/ 1035170 h 2706104"/>
                <a:gd name="connsiteX18" fmla="*/ 7194431 w 7392838"/>
                <a:gd name="connsiteY18" fmla="*/ 1009291 h 2706104"/>
                <a:gd name="connsiteX19" fmla="*/ 7392838 w 7392838"/>
                <a:gd name="connsiteY19" fmla="*/ 940280 h 2706104"/>
                <a:gd name="connsiteX20" fmla="*/ 6909759 w 7392838"/>
                <a:gd name="connsiteY20" fmla="*/ 810883 h 2706104"/>
                <a:gd name="connsiteX21" fmla="*/ 6314536 w 7392838"/>
                <a:gd name="connsiteY21" fmla="*/ 603849 h 2706104"/>
                <a:gd name="connsiteX22" fmla="*/ 5814204 w 7392838"/>
                <a:gd name="connsiteY22" fmla="*/ 362310 h 2706104"/>
                <a:gd name="connsiteX23" fmla="*/ 5305246 w 7392838"/>
                <a:gd name="connsiteY23" fmla="*/ 146649 h 2706104"/>
                <a:gd name="connsiteX24" fmla="*/ 4934310 w 7392838"/>
                <a:gd name="connsiteY24" fmla="*/ 60385 h 2706104"/>
                <a:gd name="connsiteX25" fmla="*/ 4485736 w 7392838"/>
                <a:gd name="connsiteY25" fmla="*/ 0 h 2706104"/>
                <a:gd name="connsiteX26" fmla="*/ 3623095 w 7392838"/>
                <a:gd name="connsiteY26" fmla="*/ 34506 h 2706104"/>
                <a:gd name="connsiteX27" fmla="*/ 3114136 w 7392838"/>
                <a:gd name="connsiteY27" fmla="*/ 103517 h 2706104"/>
                <a:gd name="connsiteX28" fmla="*/ 2648310 w 7392838"/>
                <a:gd name="connsiteY28" fmla="*/ 198408 h 2706104"/>
                <a:gd name="connsiteX29" fmla="*/ 2234242 w 7392838"/>
                <a:gd name="connsiteY29" fmla="*/ 258793 h 2706104"/>
                <a:gd name="connsiteX30" fmla="*/ 1699404 w 7392838"/>
                <a:gd name="connsiteY30" fmla="*/ 534838 h 2706104"/>
                <a:gd name="connsiteX31" fmla="*/ 1371600 w 7392838"/>
                <a:gd name="connsiteY31" fmla="*/ 767751 h 2706104"/>
                <a:gd name="connsiteX32" fmla="*/ 914400 w 7392838"/>
                <a:gd name="connsiteY32" fmla="*/ 1345721 h 2706104"/>
                <a:gd name="connsiteX33" fmla="*/ 448574 w 7392838"/>
                <a:gd name="connsiteY33" fmla="*/ 1992702 h 2706104"/>
                <a:gd name="connsiteX34" fmla="*/ 198408 w 7392838"/>
                <a:gd name="connsiteY34" fmla="*/ 2380891 h 2706104"/>
                <a:gd name="connsiteX35" fmla="*/ 0 w 7392838"/>
                <a:gd name="connsiteY35" fmla="*/ 2700068 h 270610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7392838" h="2706104">
                  <a:moveTo>
                    <a:pt x="0" y="2700068"/>
                  </a:moveTo>
                  <a:lnTo>
                    <a:pt x="0" y="2700068"/>
                  </a:lnTo>
                  <a:cubicBezTo>
                    <a:pt x="161666" y="2682105"/>
                    <a:pt x="108696" y="2706104"/>
                    <a:pt x="172529" y="2674189"/>
                  </a:cubicBezTo>
                  <a:lnTo>
                    <a:pt x="362310" y="2613804"/>
                  </a:lnTo>
                  <a:lnTo>
                    <a:pt x="879895" y="2208363"/>
                  </a:lnTo>
                  <a:lnTo>
                    <a:pt x="1613140" y="1733910"/>
                  </a:lnTo>
                  <a:lnTo>
                    <a:pt x="2234242" y="1337095"/>
                  </a:lnTo>
                  <a:lnTo>
                    <a:pt x="2527540" y="1155940"/>
                  </a:lnTo>
                  <a:lnTo>
                    <a:pt x="2872597" y="767751"/>
                  </a:lnTo>
                  <a:lnTo>
                    <a:pt x="3010619" y="629729"/>
                  </a:lnTo>
                  <a:lnTo>
                    <a:pt x="3140016" y="586597"/>
                  </a:lnTo>
                  <a:lnTo>
                    <a:pt x="3873261" y="491706"/>
                  </a:lnTo>
                  <a:lnTo>
                    <a:pt x="4106174" y="474453"/>
                  </a:lnTo>
                  <a:lnTo>
                    <a:pt x="4563374" y="474453"/>
                  </a:lnTo>
                  <a:lnTo>
                    <a:pt x="5287993" y="612476"/>
                  </a:lnTo>
                  <a:lnTo>
                    <a:pt x="5684808" y="638355"/>
                  </a:lnTo>
                  <a:lnTo>
                    <a:pt x="6616461" y="1069676"/>
                  </a:lnTo>
                  <a:lnTo>
                    <a:pt x="6978770" y="1035170"/>
                  </a:lnTo>
                  <a:lnTo>
                    <a:pt x="7194431" y="1009291"/>
                  </a:lnTo>
                  <a:lnTo>
                    <a:pt x="7392838" y="940280"/>
                  </a:lnTo>
                  <a:lnTo>
                    <a:pt x="6909759" y="810883"/>
                  </a:lnTo>
                  <a:lnTo>
                    <a:pt x="6314536" y="603849"/>
                  </a:lnTo>
                  <a:lnTo>
                    <a:pt x="5814204" y="362310"/>
                  </a:lnTo>
                  <a:lnTo>
                    <a:pt x="5305246" y="146649"/>
                  </a:lnTo>
                  <a:lnTo>
                    <a:pt x="4934310" y="60385"/>
                  </a:lnTo>
                  <a:lnTo>
                    <a:pt x="4485736" y="0"/>
                  </a:lnTo>
                  <a:lnTo>
                    <a:pt x="3623095" y="34506"/>
                  </a:lnTo>
                  <a:lnTo>
                    <a:pt x="3114136" y="103517"/>
                  </a:lnTo>
                  <a:lnTo>
                    <a:pt x="2648310" y="198408"/>
                  </a:lnTo>
                  <a:lnTo>
                    <a:pt x="2234242" y="258793"/>
                  </a:lnTo>
                  <a:lnTo>
                    <a:pt x="1699404" y="534838"/>
                  </a:lnTo>
                  <a:lnTo>
                    <a:pt x="1371600" y="767751"/>
                  </a:lnTo>
                  <a:lnTo>
                    <a:pt x="914400" y="1345721"/>
                  </a:lnTo>
                  <a:lnTo>
                    <a:pt x="448574" y="1992702"/>
                  </a:lnTo>
                  <a:lnTo>
                    <a:pt x="198408" y="2380891"/>
                  </a:lnTo>
                  <a:lnTo>
                    <a:pt x="0" y="2700068"/>
                  </a:lnTo>
                  <a:close/>
                </a:path>
              </a:pathLst>
            </a:custGeom>
            <a:solidFill>
              <a:srgbClr val="92D050">
                <a:alpha val="20000"/>
              </a:srgbClr>
            </a:solidFill>
            <a:ln w="63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63" name="テキスト ボックス 62"/>
          <p:cNvSpPr txBox="1"/>
          <p:nvPr/>
        </p:nvSpPr>
        <p:spPr>
          <a:xfrm rot="1298963">
            <a:off x="6400222" y="3145553"/>
            <a:ext cx="1248438" cy="276999"/>
          </a:xfrm>
          <a:prstGeom prst="rect">
            <a:avLst/>
          </a:prstGeom>
          <a:solidFill>
            <a:schemeClr val="bg1"/>
          </a:solidFill>
        </p:spPr>
        <p:txBody>
          <a:bodyPr wrap="square" lIns="0" tIns="0" rIns="0" bIns="0" rtlCol="0">
            <a:spAutoFit/>
          </a:bodyPr>
          <a:lstStyle/>
          <a:p>
            <a:r>
              <a:rPr kumimoji="1" lang="ja-JP" altLang="en-US" sz="1800" dirty="0" smtClean="0">
                <a:latin typeface="Meiryo UI" pitchFamily="50" charset="-128"/>
                <a:ea typeface="Meiryo UI" pitchFamily="50" charset="-128"/>
                <a:cs typeface="Meiryo UI" pitchFamily="50" charset="-128"/>
              </a:rPr>
              <a:t>中之島東部</a:t>
            </a:r>
            <a:endParaRPr kumimoji="1" lang="ja-JP" altLang="en-US" sz="1800" dirty="0">
              <a:latin typeface="Meiryo UI" pitchFamily="50" charset="-128"/>
              <a:ea typeface="Meiryo UI" pitchFamily="50" charset="-128"/>
              <a:cs typeface="Meiryo UI" pitchFamily="50" charset="-128"/>
            </a:endParaRPr>
          </a:p>
        </p:txBody>
      </p:sp>
      <p:sp>
        <p:nvSpPr>
          <p:cNvPr id="65" name="テキスト ボックス 64"/>
          <p:cNvSpPr txBox="1"/>
          <p:nvPr/>
        </p:nvSpPr>
        <p:spPr>
          <a:xfrm rot="19583720">
            <a:off x="2266599" y="3516623"/>
            <a:ext cx="1368151" cy="276999"/>
          </a:xfrm>
          <a:prstGeom prst="rect">
            <a:avLst/>
          </a:prstGeom>
          <a:solidFill>
            <a:schemeClr val="bg1"/>
          </a:solidFill>
        </p:spPr>
        <p:txBody>
          <a:bodyPr wrap="square" lIns="0" tIns="0" rIns="0" bIns="0" rtlCol="0">
            <a:spAutoFit/>
          </a:bodyPr>
          <a:lstStyle/>
          <a:p>
            <a:r>
              <a:rPr kumimoji="1" lang="ja-JP" altLang="en-US" sz="1800" dirty="0" smtClean="0">
                <a:latin typeface="Meiryo UI" pitchFamily="50" charset="-128"/>
                <a:ea typeface="Meiryo UI" pitchFamily="50" charset="-128"/>
                <a:cs typeface="Meiryo UI" pitchFamily="50" charset="-128"/>
              </a:rPr>
              <a:t>中之島西部</a:t>
            </a:r>
            <a:endParaRPr kumimoji="1" lang="ja-JP" altLang="en-US" sz="1800" dirty="0">
              <a:latin typeface="Meiryo UI" pitchFamily="50" charset="-128"/>
              <a:ea typeface="Meiryo UI" pitchFamily="50" charset="-128"/>
              <a:cs typeface="Meiryo UI" pitchFamily="50" charset="-128"/>
            </a:endParaRPr>
          </a:p>
        </p:txBody>
      </p:sp>
      <p:sp>
        <p:nvSpPr>
          <p:cNvPr id="55" name="フリーフォーム 54"/>
          <p:cNvSpPr/>
          <p:nvPr/>
        </p:nvSpPr>
        <p:spPr>
          <a:xfrm>
            <a:off x="2625992" y="3525776"/>
            <a:ext cx="6401587" cy="1119226"/>
          </a:xfrm>
          <a:custGeom>
            <a:avLst/>
            <a:gdLst>
              <a:gd name="connsiteX0" fmla="*/ 0 w 5793638"/>
              <a:gd name="connsiteY0" fmla="*/ 1119226 h 1119226"/>
              <a:gd name="connsiteX1" fmla="*/ 277977 w 5793638"/>
              <a:gd name="connsiteY1" fmla="*/ 760781 h 1119226"/>
              <a:gd name="connsiteX2" fmla="*/ 636422 w 5793638"/>
              <a:gd name="connsiteY2" fmla="*/ 534010 h 1119226"/>
              <a:gd name="connsiteX3" fmla="*/ 943661 w 5793638"/>
              <a:gd name="connsiteY3" fmla="*/ 373075 h 1119226"/>
              <a:gd name="connsiteX4" fmla="*/ 1207008 w 5793638"/>
              <a:gd name="connsiteY4" fmla="*/ 256032 h 1119226"/>
              <a:gd name="connsiteX5" fmla="*/ 2157984 w 5793638"/>
              <a:gd name="connsiteY5" fmla="*/ 80467 h 1119226"/>
              <a:gd name="connsiteX6" fmla="*/ 2706624 w 5793638"/>
              <a:gd name="connsiteY6" fmla="*/ 14631 h 1119226"/>
              <a:gd name="connsiteX7" fmla="*/ 2918765 w 5793638"/>
              <a:gd name="connsiteY7" fmla="*/ 0 h 1119226"/>
              <a:gd name="connsiteX8" fmla="*/ 3357677 w 5793638"/>
              <a:gd name="connsiteY8" fmla="*/ 21946 h 1119226"/>
              <a:gd name="connsiteX9" fmla="*/ 3760013 w 5793638"/>
              <a:gd name="connsiteY9" fmla="*/ 58522 h 1119226"/>
              <a:gd name="connsiteX10" fmla="*/ 4162349 w 5793638"/>
              <a:gd name="connsiteY10" fmla="*/ 168250 h 1119226"/>
              <a:gd name="connsiteX11" fmla="*/ 4528109 w 5793638"/>
              <a:gd name="connsiteY11" fmla="*/ 431597 h 1119226"/>
              <a:gd name="connsiteX12" fmla="*/ 4923129 w 5793638"/>
              <a:gd name="connsiteY12" fmla="*/ 599847 h 1119226"/>
              <a:gd name="connsiteX13" fmla="*/ 5032857 w 5793638"/>
              <a:gd name="connsiteY13" fmla="*/ 643738 h 1119226"/>
              <a:gd name="connsiteX14" fmla="*/ 5171846 w 5793638"/>
              <a:gd name="connsiteY14" fmla="*/ 694944 h 1119226"/>
              <a:gd name="connsiteX15" fmla="*/ 5259629 w 5793638"/>
              <a:gd name="connsiteY15" fmla="*/ 746151 h 1119226"/>
              <a:gd name="connsiteX16" fmla="*/ 5376672 w 5793638"/>
              <a:gd name="connsiteY16" fmla="*/ 790042 h 1119226"/>
              <a:gd name="connsiteX17" fmla="*/ 5493715 w 5793638"/>
              <a:gd name="connsiteY17" fmla="*/ 833933 h 1119226"/>
              <a:gd name="connsiteX18" fmla="*/ 5691225 w 5793638"/>
              <a:gd name="connsiteY18" fmla="*/ 907085 h 1119226"/>
              <a:gd name="connsiteX19" fmla="*/ 5742432 w 5793638"/>
              <a:gd name="connsiteY19" fmla="*/ 950976 h 1119226"/>
              <a:gd name="connsiteX20" fmla="*/ 5771693 w 5793638"/>
              <a:gd name="connsiteY20" fmla="*/ 980237 h 1119226"/>
              <a:gd name="connsiteX21" fmla="*/ 5793638 w 5793638"/>
              <a:gd name="connsiteY21" fmla="*/ 987552 h 1119226"/>
              <a:gd name="connsiteX0" fmla="*/ 0 w 6401587"/>
              <a:gd name="connsiteY0" fmla="*/ 1119226 h 1119226"/>
              <a:gd name="connsiteX1" fmla="*/ 277977 w 6401587"/>
              <a:gd name="connsiteY1" fmla="*/ 760781 h 1119226"/>
              <a:gd name="connsiteX2" fmla="*/ 636422 w 6401587"/>
              <a:gd name="connsiteY2" fmla="*/ 534010 h 1119226"/>
              <a:gd name="connsiteX3" fmla="*/ 943661 w 6401587"/>
              <a:gd name="connsiteY3" fmla="*/ 373075 h 1119226"/>
              <a:gd name="connsiteX4" fmla="*/ 1207008 w 6401587"/>
              <a:gd name="connsiteY4" fmla="*/ 256032 h 1119226"/>
              <a:gd name="connsiteX5" fmla="*/ 2157984 w 6401587"/>
              <a:gd name="connsiteY5" fmla="*/ 80467 h 1119226"/>
              <a:gd name="connsiteX6" fmla="*/ 2706624 w 6401587"/>
              <a:gd name="connsiteY6" fmla="*/ 14631 h 1119226"/>
              <a:gd name="connsiteX7" fmla="*/ 2918765 w 6401587"/>
              <a:gd name="connsiteY7" fmla="*/ 0 h 1119226"/>
              <a:gd name="connsiteX8" fmla="*/ 3357677 w 6401587"/>
              <a:gd name="connsiteY8" fmla="*/ 21946 h 1119226"/>
              <a:gd name="connsiteX9" fmla="*/ 3760013 w 6401587"/>
              <a:gd name="connsiteY9" fmla="*/ 58522 h 1119226"/>
              <a:gd name="connsiteX10" fmla="*/ 4162349 w 6401587"/>
              <a:gd name="connsiteY10" fmla="*/ 168250 h 1119226"/>
              <a:gd name="connsiteX11" fmla="*/ 4528109 w 6401587"/>
              <a:gd name="connsiteY11" fmla="*/ 431597 h 1119226"/>
              <a:gd name="connsiteX12" fmla="*/ 4923129 w 6401587"/>
              <a:gd name="connsiteY12" fmla="*/ 599847 h 1119226"/>
              <a:gd name="connsiteX13" fmla="*/ 5032857 w 6401587"/>
              <a:gd name="connsiteY13" fmla="*/ 643738 h 1119226"/>
              <a:gd name="connsiteX14" fmla="*/ 5171846 w 6401587"/>
              <a:gd name="connsiteY14" fmla="*/ 694944 h 1119226"/>
              <a:gd name="connsiteX15" fmla="*/ 5259629 w 6401587"/>
              <a:gd name="connsiteY15" fmla="*/ 746151 h 1119226"/>
              <a:gd name="connsiteX16" fmla="*/ 5376672 w 6401587"/>
              <a:gd name="connsiteY16" fmla="*/ 790042 h 1119226"/>
              <a:gd name="connsiteX17" fmla="*/ 5493715 w 6401587"/>
              <a:gd name="connsiteY17" fmla="*/ 833933 h 1119226"/>
              <a:gd name="connsiteX18" fmla="*/ 5691225 w 6401587"/>
              <a:gd name="connsiteY18" fmla="*/ 907085 h 1119226"/>
              <a:gd name="connsiteX19" fmla="*/ 5742432 w 6401587"/>
              <a:gd name="connsiteY19" fmla="*/ 950976 h 1119226"/>
              <a:gd name="connsiteX20" fmla="*/ 5771693 w 6401587"/>
              <a:gd name="connsiteY20" fmla="*/ 980237 h 1119226"/>
              <a:gd name="connsiteX21" fmla="*/ 6401587 w 6401587"/>
              <a:gd name="connsiteY21" fmla="*/ 1060229 h 111922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6401587" h="1119226">
                <a:moveTo>
                  <a:pt x="0" y="1119226"/>
                </a:moveTo>
                <a:lnTo>
                  <a:pt x="277977" y="760781"/>
                </a:lnTo>
                <a:lnTo>
                  <a:pt x="636422" y="534010"/>
                </a:lnTo>
                <a:lnTo>
                  <a:pt x="943661" y="373075"/>
                </a:lnTo>
                <a:lnTo>
                  <a:pt x="1207008" y="256032"/>
                </a:lnTo>
                <a:lnTo>
                  <a:pt x="2157984" y="80467"/>
                </a:lnTo>
                <a:lnTo>
                  <a:pt x="2706624" y="14631"/>
                </a:lnTo>
                <a:lnTo>
                  <a:pt x="2918765" y="0"/>
                </a:lnTo>
                <a:lnTo>
                  <a:pt x="3357677" y="21946"/>
                </a:lnTo>
                <a:lnTo>
                  <a:pt x="3760013" y="58522"/>
                </a:lnTo>
                <a:lnTo>
                  <a:pt x="4162349" y="168250"/>
                </a:lnTo>
                <a:lnTo>
                  <a:pt x="4528109" y="431597"/>
                </a:lnTo>
                <a:lnTo>
                  <a:pt x="4923129" y="599847"/>
                </a:lnTo>
                <a:lnTo>
                  <a:pt x="5032857" y="643738"/>
                </a:lnTo>
                <a:lnTo>
                  <a:pt x="5171846" y="694944"/>
                </a:lnTo>
                <a:lnTo>
                  <a:pt x="5259629" y="746151"/>
                </a:lnTo>
                <a:lnTo>
                  <a:pt x="5376672" y="790042"/>
                </a:lnTo>
                <a:lnTo>
                  <a:pt x="5493715" y="833933"/>
                </a:lnTo>
                <a:lnTo>
                  <a:pt x="5691225" y="907085"/>
                </a:lnTo>
                <a:lnTo>
                  <a:pt x="5742432" y="950976"/>
                </a:lnTo>
                <a:lnTo>
                  <a:pt x="5771693" y="980237"/>
                </a:lnTo>
                <a:lnTo>
                  <a:pt x="6401587" y="1060229"/>
                </a:lnTo>
              </a:path>
            </a:pathLst>
          </a:custGeom>
          <a:noFill/>
          <a:ln w="28575">
            <a:solidFill>
              <a:schemeClr val="tx1"/>
            </a:solidFill>
            <a:prstDash val="solid"/>
          </a:ln>
          <a:effectLst>
            <a:glow rad="63500">
              <a:schemeClr val="accent6">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57" name="正方形/長方形 56"/>
          <p:cNvSpPr/>
          <p:nvPr/>
        </p:nvSpPr>
        <p:spPr>
          <a:xfrm>
            <a:off x="5499136" y="3476897"/>
            <a:ext cx="432049" cy="100996"/>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正方形/長方形 57"/>
          <p:cNvSpPr/>
          <p:nvPr/>
        </p:nvSpPr>
        <p:spPr>
          <a:xfrm rot="20859297">
            <a:off x="4347010" y="3577893"/>
            <a:ext cx="432049" cy="100996"/>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9" name="正方形/長方形 58"/>
          <p:cNvSpPr/>
          <p:nvPr/>
        </p:nvSpPr>
        <p:spPr>
          <a:xfrm rot="18638179">
            <a:off x="2517242" y="4367038"/>
            <a:ext cx="536682" cy="96290"/>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正方形/長方形 61"/>
          <p:cNvSpPr/>
          <p:nvPr/>
        </p:nvSpPr>
        <p:spPr>
          <a:xfrm rot="2363034">
            <a:off x="6778268" y="3783342"/>
            <a:ext cx="432049" cy="100996"/>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フリーフォーム 63"/>
          <p:cNvSpPr/>
          <p:nvPr/>
        </p:nvSpPr>
        <p:spPr>
          <a:xfrm>
            <a:off x="5914850" y="3055322"/>
            <a:ext cx="104302" cy="1771922"/>
          </a:xfrm>
          <a:custGeom>
            <a:avLst/>
            <a:gdLst>
              <a:gd name="connsiteX0" fmla="*/ 23750 w 106878"/>
              <a:gd name="connsiteY0" fmla="*/ 0 h 2600696"/>
              <a:gd name="connsiteX1" fmla="*/ 106878 w 106878"/>
              <a:gd name="connsiteY1" fmla="*/ 243444 h 2600696"/>
              <a:gd name="connsiteX2" fmla="*/ 29688 w 106878"/>
              <a:gd name="connsiteY2" fmla="*/ 1258785 h 2600696"/>
              <a:gd name="connsiteX3" fmla="*/ 11875 w 106878"/>
              <a:gd name="connsiteY3" fmla="*/ 2345377 h 2600696"/>
              <a:gd name="connsiteX4" fmla="*/ 5937 w 106878"/>
              <a:gd name="connsiteY4" fmla="*/ 2541320 h 2600696"/>
              <a:gd name="connsiteX5" fmla="*/ 0 w 106878"/>
              <a:gd name="connsiteY5" fmla="*/ 2600696 h 2600696"/>
              <a:gd name="connsiteX0" fmla="*/ 76845 w 159973"/>
              <a:gd name="connsiteY0" fmla="*/ 0 h 3790350"/>
              <a:gd name="connsiteX1" fmla="*/ 159973 w 159973"/>
              <a:gd name="connsiteY1" fmla="*/ 243444 h 3790350"/>
              <a:gd name="connsiteX2" fmla="*/ 82783 w 159973"/>
              <a:gd name="connsiteY2" fmla="*/ 1258785 h 3790350"/>
              <a:gd name="connsiteX3" fmla="*/ 64970 w 159973"/>
              <a:gd name="connsiteY3" fmla="*/ 2345377 h 3790350"/>
              <a:gd name="connsiteX4" fmla="*/ 59032 w 159973"/>
              <a:gd name="connsiteY4" fmla="*/ 2541320 h 3790350"/>
              <a:gd name="connsiteX5" fmla="*/ 0 w 159973"/>
              <a:gd name="connsiteY5" fmla="*/ 3790350 h 3790350"/>
              <a:gd name="connsiteX0" fmla="*/ 76845 w 159973"/>
              <a:gd name="connsiteY0" fmla="*/ 0 h 3790350"/>
              <a:gd name="connsiteX1" fmla="*/ 159973 w 159973"/>
              <a:gd name="connsiteY1" fmla="*/ 243444 h 3790350"/>
              <a:gd name="connsiteX2" fmla="*/ 82783 w 159973"/>
              <a:gd name="connsiteY2" fmla="*/ 1258785 h 3790350"/>
              <a:gd name="connsiteX3" fmla="*/ 64970 w 159973"/>
              <a:gd name="connsiteY3" fmla="*/ 2345377 h 3790350"/>
              <a:gd name="connsiteX4" fmla="*/ 26939 w 159973"/>
              <a:gd name="connsiteY4" fmla="*/ 2936628 h 3790350"/>
              <a:gd name="connsiteX5" fmla="*/ 0 w 159973"/>
              <a:gd name="connsiteY5" fmla="*/ 3790350 h 3790350"/>
              <a:gd name="connsiteX0" fmla="*/ 76845 w 159973"/>
              <a:gd name="connsiteY0" fmla="*/ 0 h 3790350"/>
              <a:gd name="connsiteX1" fmla="*/ 159973 w 159973"/>
              <a:gd name="connsiteY1" fmla="*/ 243444 h 3790350"/>
              <a:gd name="connsiteX2" fmla="*/ 82783 w 159973"/>
              <a:gd name="connsiteY2" fmla="*/ 1258785 h 3790350"/>
              <a:gd name="connsiteX3" fmla="*/ 64970 w 159973"/>
              <a:gd name="connsiteY3" fmla="*/ 2345377 h 3790350"/>
              <a:gd name="connsiteX4" fmla="*/ 42796 w 159973"/>
              <a:gd name="connsiteY4" fmla="*/ 2994769 h 3790350"/>
              <a:gd name="connsiteX5" fmla="*/ 0 w 159973"/>
              <a:gd name="connsiteY5" fmla="*/ 3790350 h 3790350"/>
              <a:gd name="connsiteX0" fmla="*/ 34049 w 117177"/>
              <a:gd name="connsiteY0" fmla="*/ 0 h 2994769"/>
              <a:gd name="connsiteX1" fmla="*/ 117177 w 117177"/>
              <a:gd name="connsiteY1" fmla="*/ 243444 h 2994769"/>
              <a:gd name="connsiteX2" fmla="*/ 39987 w 117177"/>
              <a:gd name="connsiteY2" fmla="*/ 1258785 h 2994769"/>
              <a:gd name="connsiteX3" fmla="*/ 22174 w 117177"/>
              <a:gd name="connsiteY3" fmla="*/ 2345377 h 2994769"/>
              <a:gd name="connsiteX4" fmla="*/ 0 w 117177"/>
              <a:gd name="connsiteY4" fmla="*/ 2994769 h 2994769"/>
              <a:gd name="connsiteX0" fmla="*/ 11875 w 95003"/>
              <a:gd name="connsiteY0" fmla="*/ 0 h 2345377"/>
              <a:gd name="connsiteX1" fmla="*/ 95003 w 95003"/>
              <a:gd name="connsiteY1" fmla="*/ 243444 h 2345377"/>
              <a:gd name="connsiteX2" fmla="*/ 17813 w 95003"/>
              <a:gd name="connsiteY2" fmla="*/ 1258785 h 2345377"/>
              <a:gd name="connsiteX3" fmla="*/ 0 w 95003"/>
              <a:gd name="connsiteY3" fmla="*/ 2345377 h 2345377"/>
              <a:gd name="connsiteX0" fmla="*/ 95003 w 95003"/>
              <a:gd name="connsiteY0" fmla="*/ 0 h 2101933"/>
              <a:gd name="connsiteX1" fmla="*/ 17813 w 95003"/>
              <a:gd name="connsiteY1" fmla="*/ 1015341 h 2101933"/>
              <a:gd name="connsiteX2" fmla="*/ 0 w 95003"/>
              <a:gd name="connsiteY2" fmla="*/ 2101933 h 2101933"/>
              <a:gd name="connsiteX0" fmla="*/ 104302 w 104302"/>
              <a:gd name="connsiteY0" fmla="*/ 0 h 1771922"/>
              <a:gd name="connsiteX1" fmla="*/ 27112 w 104302"/>
              <a:gd name="connsiteY1" fmla="*/ 1015341 h 1771922"/>
              <a:gd name="connsiteX2" fmla="*/ 0 w 104302"/>
              <a:gd name="connsiteY2" fmla="*/ 1771922 h 1771922"/>
            </a:gdLst>
            <a:ahLst/>
            <a:cxnLst>
              <a:cxn ang="0">
                <a:pos x="connsiteX0" y="connsiteY0"/>
              </a:cxn>
              <a:cxn ang="0">
                <a:pos x="connsiteX1" y="connsiteY1"/>
              </a:cxn>
              <a:cxn ang="0">
                <a:pos x="connsiteX2" y="connsiteY2"/>
              </a:cxn>
            </a:cxnLst>
            <a:rect l="l" t="t" r="r" b="b"/>
            <a:pathLst>
              <a:path w="104302" h="1771922">
                <a:moveTo>
                  <a:pt x="104302" y="0"/>
                </a:moveTo>
                <a:lnTo>
                  <a:pt x="27112" y="1015341"/>
                </a:lnTo>
                <a:lnTo>
                  <a:pt x="0" y="1771922"/>
                </a:lnTo>
              </a:path>
            </a:pathLst>
          </a:custGeom>
          <a:ln w="25400">
            <a:solidFill>
              <a:schemeClr val="tx1"/>
            </a:solidFill>
          </a:ln>
          <a:effectLst>
            <a:glow rad="63500">
              <a:schemeClr val="accent2">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66" name="正方形/長方形 65"/>
          <p:cNvSpPr/>
          <p:nvPr/>
        </p:nvSpPr>
        <p:spPr>
          <a:xfrm rot="5400000">
            <a:off x="5537683" y="4382400"/>
            <a:ext cx="786725" cy="52475"/>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フリーフォーム 67"/>
          <p:cNvSpPr/>
          <p:nvPr/>
        </p:nvSpPr>
        <p:spPr>
          <a:xfrm>
            <a:off x="6010092" y="4020606"/>
            <a:ext cx="3017440" cy="565417"/>
          </a:xfrm>
          <a:custGeom>
            <a:avLst/>
            <a:gdLst>
              <a:gd name="connsiteX0" fmla="*/ 0 w 2447209"/>
              <a:gd name="connsiteY0" fmla="*/ 0 h 539126"/>
              <a:gd name="connsiteX1" fmla="*/ 0 w 2447209"/>
              <a:gd name="connsiteY1" fmla="*/ 0 h 539126"/>
              <a:gd name="connsiteX2" fmla="*/ 544411 w 2447209"/>
              <a:gd name="connsiteY2" fmla="*/ 110997 h 539126"/>
              <a:gd name="connsiteX3" fmla="*/ 956684 w 2447209"/>
              <a:gd name="connsiteY3" fmla="*/ 142710 h 539126"/>
              <a:gd name="connsiteX4" fmla="*/ 1199819 w 2447209"/>
              <a:gd name="connsiteY4" fmla="*/ 200851 h 539126"/>
              <a:gd name="connsiteX5" fmla="*/ 1675519 w 2447209"/>
              <a:gd name="connsiteY5" fmla="*/ 391131 h 539126"/>
              <a:gd name="connsiteX6" fmla="*/ 1966224 w 2447209"/>
              <a:gd name="connsiteY6" fmla="*/ 523270 h 539126"/>
              <a:gd name="connsiteX7" fmla="*/ 2283357 w 2447209"/>
              <a:gd name="connsiteY7" fmla="*/ 539126 h 539126"/>
              <a:gd name="connsiteX8" fmla="*/ 2447209 w 2447209"/>
              <a:gd name="connsiteY8" fmla="*/ 539126 h 539126"/>
              <a:gd name="connsiteX0" fmla="*/ 0 w 3017440"/>
              <a:gd name="connsiteY0" fmla="*/ 0 h 565417"/>
              <a:gd name="connsiteX1" fmla="*/ 0 w 3017440"/>
              <a:gd name="connsiteY1" fmla="*/ 0 h 565417"/>
              <a:gd name="connsiteX2" fmla="*/ 544411 w 3017440"/>
              <a:gd name="connsiteY2" fmla="*/ 110997 h 565417"/>
              <a:gd name="connsiteX3" fmla="*/ 956684 w 3017440"/>
              <a:gd name="connsiteY3" fmla="*/ 142710 h 565417"/>
              <a:gd name="connsiteX4" fmla="*/ 1199819 w 3017440"/>
              <a:gd name="connsiteY4" fmla="*/ 200851 h 565417"/>
              <a:gd name="connsiteX5" fmla="*/ 1675519 w 3017440"/>
              <a:gd name="connsiteY5" fmla="*/ 391131 h 565417"/>
              <a:gd name="connsiteX6" fmla="*/ 1966224 w 3017440"/>
              <a:gd name="connsiteY6" fmla="*/ 523270 h 565417"/>
              <a:gd name="connsiteX7" fmla="*/ 2283357 w 3017440"/>
              <a:gd name="connsiteY7" fmla="*/ 539126 h 565417"/>
              <a:gd name="connsiteX8" fmla="*/ 3017440 w 3017440"/>
              <a:gd name="connsiteY8" fmla="*/ 565417 h 56541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017440" h="565417">
                <a:moveTo>
                  <a:pt x="0" y="0"/>
                </a:moveTo>
                <a:lnTo>
                  <a:pt x="0" y="0"/>
                </a:lnTo>
                <a:lnTo>
                  <a:pt x="544411" y="110997"/>
                </a:lnTo>
                <a:lnTo>
                  <a:pt x="956684" y="142710"/>
                </a:lnTo>
                <a:lnTo>
                  <a:pt x="1199819" y="200851"/>
                </a:lnTo>
                <a:lnTo>
                  <a:pt x="1675519" y="391131"/>
                </a:lnTo>
                <a:lnTo>
                  <a:pt x="1966224" y="523270"/>
                </a:lnTo>
                <a:lnTo>
                  <a:pt x="2283357" y="539126"/>
                </a:lnTo>
                <a:lnTo>
                  <a:pt x="3017440" y="565417"/>
                </a:lnTo>
              </a:path>
            </a:pathLst>
          </a:custGeom>
          <a:ln w="28575">
            <a:solidFill>
              <a:schemeClr val="tx1"/>
            </a:solidFill>
          </a:ln>
          <a:effectLst>
            <a:glow rad="63500">
              <a:schemeClr val="accent3">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69" name="正方形/長方形 68"/>
          <p:cNvSpPr/>
          <p:nvPr/>
        </p:nvSpPr>
        <p:spPr>
          <a:xfrm rot="547039">
            <a:off x="6008182" y="4058713"/>
            <a:ext cx="518831" cy="54497"/>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正方形/長方形 69"/>
          <p:cNvSpPr/>
          <p:nvPr/>
        </p:nvSpPr>
        <p:spPr>
          <a:xfrm rot="1394222">
            <a:off x="7241828" y="4281075"/>
            <a:ext cx="351120" cy="47547"/>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正方形/長方形 70"/>
          <p:cNvSpPr/>
          <p:nvPr/>
        </p:nvSpPr>
        <p:spPr>
          <a:xfrm>
            <a:off x="9038136" y="4559810"/>
            <a:ext cx="518831" cy="54497"/>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フリーフォーム 71"/>
          <p:cNvSpPr/>
          <p:nvPr/>
        </p:nvSpPr>
        <p:spPr>
          <a:xfrm>
            <a:off x="7188768" y="3721913"/>
            <a:ext cx="614623" cy="1139091"/>
          </a:xfrm>
          <a:custGeom>
            <a:avLst/>
            <a:gdLst>
              <a:gd name="connsiteX0" fmla="*/ 993683 w 998969"/>
              <a:gd name="connsiteY0" fmla="*/ 0 h 2093077"/>
              <a:gd name="connsiteX1" fmla="*/ 998969 w 998969"/>
              <a:gd name="connsiteY1" fmla="*/ 406987 h 2093077"/>
              <a:gd name="connsiteX2" fmla="*/ 761119 w 998969"/>
              <a:gd name="connsiteY2" fmla="*/ 782261 h 2093077"/>
              <a:gd name="connsiteX3" fmla="*/ 422844 w 998969"/>
              <a:gd name="connsiteY3" fmla="*/ 1030682 h 2093077"/>
              <a:gd name="connsiteX4" fmla="*/ 163852 w 998969"/>
              <a:gd name="connsiteY4" fmla="*/ 1120536 h 2093077"/>
              <a:gd name="connsiteX5" fmla="*/ 21142 w 998969"/>
              <a:gd name="connsiteY5" fmla="*/ 1337243 h 2093077"/>
              <a:gd name="connsiteX6" fmla="*/ 0 w 998969"/>
              <a:gd name="connsiteY6" fmla="*/ 1770658 h 2093077"/>
              <a:gd name="connsiteX7" fmla="*/ 0 w 998969"/>
              <a:gd name="connsiteY7" fmla="*/ 1876369 h 2093077"/>
              <a:gd name="connsiteX8" fmla="*/ 0 w 998969"/>
              <a:gd name="connsiteY8" fmla="*/ 2040221 h 2093077"/>
              <a:gd name="connsiteX9" fmla="*/ 0 w 998969"/>
              <a:gd name="connsiteY9" fmla="*/ 2093077 h 2093077"/>
              <a:gd name="connsiteX0" fmla="*/ 1027128 w 1032414"/>
              <a:gd name="connsiteY0" fmla="*/ 0 h 3637444"/>
              <a:gd name="connsiteX1" fmla="*/ 1032414 w 1032414"/>
              <a:gd name="connsiteY1" fmla="*/ 406987 h 3637444"/>
              <a:gd name="connsiteX2" fmla="*/ 794564 w 1032414"/>
              <a:gd name="connsiteY2" fmla="*/ 782261 h 3637444"/>
              <a:gd name="connsiteX3" fmla="*/ 456289 w 1032414"/>
              <a:gd name="connsiteY3" fmla="*/ 1030682 h 3637444"/>
              <a:gd name="connsiteX4" fmla="*/ 197297 w 1032414"/>
              <a:gd name="connsiteY4" fmla="*/ 1120536 h 3637444"/>
              <a:gd name="connsiteX5" fmla="*/ 54587 w 1032414"/>
              <a:gd name="connsiteY5" fmla="*/ 1337243 h 3637444"/>
              <a:gd name="connsiteX6" fmla="*/ 33445 w 1032414"/>
              <a:gd name="connsiteY6" fmla="*/ 1770658 h 3637444"/>
              <a:gd name="connsiteX7" fmla="*/ 33445 w 1032414"/>
              <a:gd name="connsiteY7" fmla="*/ 1876369 h 3637444"/>
              <a:gd name="connsiteX8" fmla="*/ 33445 w 1032414"/>
              <a:gd name="connsiteY8" fmla="*/ 2040221 h 3637444"/>
              <a:gd name="connsiteX9" fmla="*/ 0 w 1032414"/>
              <a:gd name="connsiteY9" fmla="*/ 3637444 h 3637444"/>
              <a:gd name="connsiteX0" fmla="*/ 1027128 w 1032414"/>
              <a:gd name="connsiteY0" fmla="*/ 0 h 3781459"/>
              <a:gd name="connsiteX1" fmla="*/ 1032414 w 1032414"/>
              <a:gd name="connsiteY1" fmla="*/ 406987 h 3781459"/>
              <a:gd name="connsiteX2" fmla="*/ 794564 w 1032414"/>
              <a:gd name="connsiteY2" fmla="*/ 782261 h 3781459"/>
              <a:gd name="connsiteX3" fmla="*/ 456289 w 1032414"/>
              <a:gd name="connsiteY3" fmla="*/ 1030682 h 3781459"/>
              <a:gd name="connsiteX4" fmla="*/ 197297 w 1032414"/>
              <a:gd name="connsiteY4" fmla="*/ 1120536 h 3781459"/>
              <a:gd name="connsiteX5" fmla="*/ 54587 w 1032414"/>
              <a:gd name="connsiteY5" fmla="*/ 1337243 h 3781459"/>
              <a:gd name="connsiteX6" fmla="*/ 33445 w 1032414"/>
              <a:gd name="connsiteY6" fmla="*/ 1770658 h 3781459"/>
              <a:gd name="connsiteX7" fmla="*/ 33445 w 1032414"/>
              <a:gd name="connsiteY7" fmla="*/ 1876369 h 3781459"/>
              <a:gd name="connsiteX8" fmla="*/ 33445 w 1032414"/>
              <a:gd name="connsiteY8" fmla="*/ 2040221 h 3781459"/>
              <a:gd name="connsiteX9" fmla="*/ 0 w 1032414"/>
              <a:gd name="connsiteY9" fmla="*/ 3781459 h 3781459"/>
              <a:gd name="connsiteX0" fmla="*/ 993683 w 998969"/>
              <a:gd name="connsiteY0" fmla="*/ 0 h 2040221"/>
              <a:gd name="connsiteX1" fmla="*/ 998969 w 998969"/>
              <a:gd name="connsiteY1" fmla="*/ 406987 h 2040221"/>
              <a:gd name="connsiteX2" fmla="*/ 761119 w 998969"/>
              <a:gd name="connsiteY2" fmla="*/ 782261 h 2040221"/>
              <a:gd name="connsiteX3" fmla="*/ 422844 w 998969"/>
              <a:gd name="connsiteY3" fmla="*/ 1030682 h 2040221"/>
              <a:gd name="connsiteX4" fmla="*/ 163852 w 998969"/>
              <a:gd name="connsiteY4" fmla="*/ 1120536 h 2040221"/>
              <a:gd name="connsiteX5" fmla="*/ 21142 w 998969"/>
              <a:gd name="connsiteY5" fmla="*/ 1337243 h 2040221"/>
              <a:gd name="connsiteX6" fmla="*/ 0 w 998969"/>
              <a:gd name="connsiteY6" fmla="*/ 1770658 h 2040221"/>
              <a:gd name="connsiteX7" fmla="*/ 0 w 998969"/>
              <a:gd name="connsiteY7" fmla="*/ 1876369 h 2040221"/>
              <a:gd name="connsiteX8" fmla="*/ 0 w 998969"/>
              <a:gd name="connsiteY8" fmla="*/ 2040221 h 2040221"/>
              <a:gd name="connsiteX0" fmla="*/ 998969 w 998969"/>
              <a:gd name="connsiteY0" fmla="*/ 0 h 1633234"/>
              <a:gd name="connsiteX1" fmla="*/ 761119 w 998969"/>
              <a:gd name="connsiteY1" fmla="*/ 375274 h 1633234"/>
              <a:gd name="connsiteX2" fmla="*/ 422844 w 998969"/>
              <a:gd name="connsiteY2" fmla="*/ 623695 h 1633234"/>
              <a:gd name="connsiteX3" fmla="*/ 163852 w 998969"/>
              <a:gd name="connsiteY3" fmla="*/ 713549 h 1633234"/>
              <a:gd name="connsiteX4" fmla="*/ 21142 w 998969"/>
              <a:gd name="connsiteY4" fmla="*/ 930256 h 1633234"/>
              <a:gd name="connsiteX5" fmla="*/ 0 w 998969"/>
              <a:gd name="connsiteY5" fmla="*/ 1363671 h 1633234"/>
              <a:gd name="connsiteX6" fmla="*/ 0 w 998969"/>
              <a:gd name="connsiteY6" fmla="*/ 1469382 h 1633234"/>
              <a:gd name="connsiteX7" fmla="*/ 0 w 998969"/>
              <a:gd name="connsiteY7" fmla="*/ 1633234 h 1633234"/>
              <a:gd name="connsiteX0" fmla="*/ 761119 w 761119"/>
              <a:gd name="connsiteY0" fmla="*/ 0 h 1257960"/>
              <a:gd name="connsiteX1" fmla="*/ 422844 w 761119"/>
              <a:gd name="connsiteY1" fmla="*/ 248421 h 1257960"/>
              <a:gd name="connsiteX2" fmla="*/ 163852 w 761119"/>
              <a:gd name="connsiteY2" fmla="*/ 338275 h 1257960"/>
              <a:gd name="connsiteX3" fmla="*/ 21142 w 761119"/>
              <a:gd name="connsiteY3" fmla="*/ 554982 h 1257960"/>
              <a:gd name="connsiteX4" fmla="*/ 0 w 761119"/>
              <a:gd name="connsiteY4" fmla="*/ 988397 h 1257960"/>
              <a:gd name="connsiteX5" fmla="*/ 0 w 761119"/>
              <a:gd name="connsiteY5" fmla="*/ 1094108 h 1257960"/>
              <a:gd name="connsiteX6" fmla="*/ 0 w 761119"/>
              <a:gd name="connsiteY6" fmla="*/ 1257960 h 1257960"/>
              <a:gd name="connsiteX0" fmla="*/ 614622 w 614622"/>
              <a:gd name="connsiteY0" fmla="*/ 0 h 1139091"/>
              <a:gd name="connsiteX1" fmla="*/ 422844 w 614622"/>
              <a:gd name="connsiteY1" fmla="*/ 129552 h 1139091"/>
              <a:gd name="connsiteX2" fmla="*/ 163852 w 614622"/>
              <a:gd name="connsiteY2" fmla="*/ 219406 h 1139091"/>
              <a:gd name="connsiteX3" fmla="*/ 21142 w 614622"/>
              <a:gd name="connsiteY3" fmla="*/ 436113 h 1139091"/>
              <a:gd name="connsiteX4" fmla="*/ 0 w 614622"/>
              <a:gd name="connsiteY4" fmla="*/ 869528 h 1139091"/>
              <a:gd name="connsiteX5" fmla="*/ 0 w 614622"/>
              <a:gd name="connsiteY5" fmla="*/ 975239 h 1139091"/>
              <a:gd name="connsiteX6" fmla="*/ 0 w 614622"/>
              <a:gd name="connsiteY6" fmla="*/ 1139091 h 113909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614622" h="1139091">
                <a:moveTo>
                  <a:pt x="614622" y="0"/>
                </a:moveTo>
                <a:lnTo>
                  <a:pt x="422844" y="129552"/>
                </a:lnTo>
                <a:lnTo>
                  <a:pt x="163852" y="219406"/>
                </a:lnTo>
                <a:lnTo>
                  <a:pt x="21142" y="436113"/>
                </a:lnTo>
                <a:lnTo>
                  <a:pt x="0" y="869528"/>
                </a:lnTo>
                <a:lnTo>
                  <a:pt x="0" y="975239"/>
                </a:lnTo>
                <a:lnTo>
                  <a:pt x="0" y="1139091"/>
                </a:lnTo>
              </a:path>
            </a:pathLst>
          </a:custGeom>
          <a:ln w="28575">
            <a:solidFill>
              <a:schemeClr val="tx1"/>
            </a:solidFill>
          </a:ln>
          <a:effectLst>
            <a:glow rad="101600">
              <a:srgbClr val="FFFF00">
                <a:alpha val="60000"/>
              </a:srgb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73" name="正方形/長方形 72"/>
          <p:cNvSpPr/>
          <p:nvPr/>
        </p:nvSpPr>
        <p:spPr>
          <a:xfrm rot="5400000">
            <a:off x="6788246" y="4593138"/>
            <a:ext cx="786725" cy="52475"/>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5" name="フリーフォーム 74"/>
          <p:cNvSpPr/>
          <p:nvPr/>
        </p:nvSpPr>
        <p:spPr>
          <a:xfrm>
            <a:off x="4779056" y="3145847"/>
            <a:ext cx="121066" cy="927597"/>
          </a:xfrm>
          <a:custGeom>
            <a:avLst/>
            <a:gdLst>
              <a:gd name="connsiteX0" fmla="*/ 0 w 322419"/>
              <a:gd name="connsiteY0" fmla="*/ 0 h 2447210"/>
              <a:gd name="connsiteX1" fmla="*/ 211422 w 322419"/>
              <a:gd name="connsiteY1" fmla="*/ 1263247 h 2447210"/>
              <a:gd name="connsiteX2" fmla="*/ 301277 w 322419"/>
              <a:gd name="connsiteY2" fmla="*/ 2056079 h 2447210"/>
              <a:gd name="connsiteX3" fmla="*/ 311848 w 322419"/>
              <a:gd name="connsiteY3" fmla="*/ 2357355 h 2447210"/>
              <a:gd name="connsiteX4" fmla="*/ 317133 w 322419"/>
              <a:gd name="connsiteY4" fmla="*/ 2404925 h 2447210"/>
              <a:gd name="connsiteX5" fmla="*/ 322419 w 322419"/>
              <a:gd name="connsiteY5" fmla="*/ 2447210 h 2447210"/>
              <a:gd name="connsiteX0" fmla="*/ 0 w 359600"/>
              <a:gd name="connsiteY0" fmla="*/ 0 h 3850068"/>
              <a:gd name="connsiteX1" fmla="*/ 211422 w 359600"/>
              <a:gd name="connsiteY1" fmla="*/ 1263247 h 3850068"/>
              <a:gd name="connsiteX2" fmla="*/ 301277 w 359600"/>
              <a:gd name="connsiteY2" fmla="*/ 2056079 h 3850068"/>
              <a:gd name="connsiteX3" fmla="*/ 311848 w 359600"/>
              <a:gd name="connsiteY3" fmla="*/ 2357355 h 3850068"/>
              <a:gd name="connsiteX4" fmla="*/ 317133 w 359600"/>
              <a:gd name="connsiteY4" fmla="*/ 2404925 h 3850068"/>
              <a:gd name="connsiteX5" fmla="*/ 359600 w 359600"/>
              <a:gd name="connsiteY5" fmla="*/ 3850068 h 3850068"/>
              <a:gd name="connsiteX0" fmla="*/ 0 w 359600"/>
              <a:gd name="connsiteY0" fmla="*/ 0 h 3850068"/>
              <a:gd name="connsiteX1" fmla="*/ 211422 w 359600"/>
              <a:gd name="connsiteY1" fmla="*/ 1263247 h 3850068"/>
              <a:gd name="connsiteX2" fmla="*/ 301277 w 359600"/>
              <a:gd name="connsiteY2" fmla="*/ 2056079 h 3850068"/>
              <a:gd name="connsiteX3" fmla="*/ 311848 w 359600"/>
              <a:gd name="connsiteY3" fmla="*/ 2357355 h 3850068"/>
              <a:gd name="connsiteX4" fmla="*/ 343743 w 359600"/>
              <a:gd name="connsiteY4" fmla="*/ 2518109 h 3850068"/>
              <a:gd name="connsiteX5" fmla="*/ 359600 w 359600"/>
              <a:gd name="connsiteY5" fmla="*/ 3850068 h 3850068"/>
              <a:gd name="connsiteX0" fmla="*/ 0 w 359600"/>
              <a:gd name="connsiteY0" fmla="*/ 0 h 3850068"/>
              <a:gd name="connsiteX1" fmla="*/ 211422 w 359600"/>
              <a:gd name="connsiteY1" fmla="*/ 1263247 h 3850068"/>
              <a:gd name="connsiteX2" fmla="*/ 301277 w 359600"/>
              <a:gd name="connsiteY2" fmla="*/ 2056079 h 3850068"/>
              <a:gd name="connsiteX3" fmla="*/ 311848 w 359600"/>
              <a:gd name="connsiteY3" fmla="*/ 2357355 h 3850068"/>
              <a:gd name="connsiteX4" fmla="*/ 327887 w 359600"/>
              <a:gd name="connsiteY4" fmla="*/ 2533966 h 3850068"/>
              <a:gd name="connsiteX5" fmla="*/ 359600 w 359600"/>
              <a:gd name="connsiteY5" fmla="*/ 3850068 h 3850068"/>
              <a:gd name="connsiteX0" fmla="*/ 0 w 359600"/>
              <a:gd name="connsiteY0" fmla="*/ 0 h 3850068"/>
              <a:gd name="connsiteX1" fmla="*/ 211422 w 359600"/>
              <a:gd name="connsiteY1" fmla="*/ 1263247 h 3850068"/>
              <a:gd name="connsiteX2" fmla="*/ 285420 w 359600"/>
              <a:gd name="connsiteY2" fmla="*/ 2071936 h 3850068"/>
              <a:gd name="connsiteX3" fmla="*/ 311848 w 359600"/>
              <a:gd name="connsiteY3" fmla="*/ 2357355 h 3850068"/>
              <a:gd name="connsiteX4" fmla="*/ 327887 w 359600"/>
              <a:gd name="connsiteY4" fmla="*/ 2533966 h 3850068"/>
              <a:gd name="connsiteX5" fmla="*/ 359600 w 359600"/>
              <a:gd name="connsiteY5" fmla="*/ 3850068 h 3850068"/>
              <a:gd name="connsiteX0" fmla="*/ 0 w 327887"/>
              <a:gd name="connsiteY0" fmla="*/ 0 h 2533966"/>
              <a:gd name="connsiteX1" fmla="*/ 211422 w 327887"/>
              <a:gd name="connsiteY1" fmla="*/ 1263247 h 2533966"/>
              <a:gd name="connsiteX2" fmla="*/ 285420 w 327887"/>
              <a:gd name="connsiteY2" fmla="*/ 2071936 h 2533966"/>
              <a:gd name="connsiteX3" fmla="*/ 311848 w 327887"/>
              <a:gd name="connsiteY3" fmla="*/ 2357355 h 2533966"/>
              <a:gd name="connsiteX4" fmla="*/ 327887 w 327887"/>
              <a:gd name="connsiteY4" fmla="*/ 2533966 h 2533966"/>
              <a:gd name="connsiteX0" fmla="*/ 0 w 311848"/>
              <a:gd name="connsiteY0" fmla="*/ 0 h 2357355"/>
              <a:gd name="connsiteX1" fmla="*/ 211422 w 311848"/>
              <a:gd name="connsiteY1" fmla="*/ 1263247 h 2357355"/>
              <a:gd name="connsiteX2" fmla="*/ 285420 w 311848"/>
              <a:gd name="connsiteY2" fmla="*/ 2071936 h 2357355"/>
              <a:gd name="connsiteX3" fmla="*/ 311848 w 311848"/>
              <a:gd name="connsiteY3" fmla="*/ 2357355 h 2357355"/>
              <a:gd name="connsiteX0" fmla="*/ 0 w 285420"/>
              <a:gd name="connsiteY0" fmla="*/ 0 h 2071936"/>
              <a:gd name="connsiteX1" fmla="*/ 211422 w 285420"/>
              <a:gd name="connsiteY1" fmla="*/ 1263247 h 2071936"/>
              <a:gd name="connsiteX2" fmla="*/ 285420 w 285420"/>
              <a:gd name="connsiteY2" fmla="*/ 2071936 h 2071936"/>
              <a:gd name="connsiteX0" fmla="*/ 0 w 211422"/>
              <a:gd name="connsiteY0" fmla="*/ 0 h 1263247"/>
              <a:gd name="connsiteX1" fmla="*/ 211422 w 211422"/>
              <a:gd name="connsiteY1" fmla="*/ 1263247 h 1263247"/>
              <a:gd name="connsiteX0" fmla="*/ 0 w 121066"/>
              <a:gd name="connsiteY0" fmla="*/ 0 h 927597"/>
              <a:gd name="connsiteX1" fmla="*/ 121066 w 121066"/>
              <a:gd name="connsiteY1" fmla="*/ 927597 h 927597"/>
            </a:gdLst>
            <a:ahLst/>
            <a:cxnLst>
              <a:cxn ang="0">
                <a:pos x="connsiteX0" y="connsiteY0"/>
              </a:cxn>
              <a:cxn ang="0">
                <a:pos x="connsiteX1" y="connsiteY1"/>
              </a:cxn>
            </a:cxnLst>
            <a:rect l="l" t="t" r="r" b="b"/>
            <a:pathLst>
              <a:path w="121066" h="927597">
                <a:moveTo>
                  <a:pt x="0" y="0"/>
                </a:moveTo>
                <a:lnTo>
                  <a:pt x="121066" y="927597"/>
                </a:lnTo>
              </a:path>
            </a:pathLst>
          </a:custGeom>
          <a:ln w="28575">
            <a:solidFill>
              <a:schemeClr val="tx1"/>
            </a:solidFill>
          </a:ln>
          <a:effectLst>
            <a:glow rad="63500">
              <a:schemeClr val="accent1">
                <a:satMod val="175000"/>
                <a:alpha val="40000"/>
              </a:schemeClr>
            </a:glow>
          </a:effectLst>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77" name="正方形/長方形 76"/>
          <p:cNvSpPr/>
          <p:nvPr/>
        </p:nvSpPr>
        <p:spPr>
          <a:xfrm rot="5015741">
            <a:off x="4618752" y="4355794"/>
            <a:ext cx="609776" cy="71128"/>
          </a:xfrm>
          <a:prstGeom prst="rect">
            <a:avLst/>
          </a:prstGeom>
          <a:solidFill>
            <a:schemeClr val="tx1"/>
          </a:solidFill>
          <a:ln>
            <a:solidFill>
              <a:schemeClr val="tx1"/>
            </a:solidFill>
          </a:ln>
          <a:effectLst>
            <a:softEdge rad="127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テキスト ボックス 77"/>
          <p:cNvSpPr txBox="1"/>
          <p:nvPr/>
        </p:nvSpPr>
        <p:spPr>
          <a:xfrm rot="21376097">
            <a:off x="5015377" y="4085416"/>
            <a:ext cx="276999" cy="644157"/>
          </a:xfrm>
          <a:prstGeom prst="rect">
            <a:avLst/>
          </a:prstGeom>
          <a:solidFill>
            <a:schemeClr val="bg1"/>
          </a:solidFill>
        </p:spPr>
        <p:txBody>
          <a:bodyPr vert="eaVert" wrap="square" lIns="0" tIns="0" rIns="0" bIns="0" rtlCol="0">
            <a:spAutoFit/>
          </a:bodyPr>
          <a:lstStyle/>
          <a:p>
            <a:pPr algn="ctr"/>
            <a:r>
              <a:rPr kumimoji="1" lang="ja-JP" altLang="en-US" sz="900" dirty="0" smtClean="0"/>
              <a:t>地下鉄</a:t>
            </a:r>
            <a:endParaRPr kumimoji="1" lang="en-US" altLang="ja-JP" sz="900" dirty="0" smtClean="0"/>
          </a:p>
          <a:p>
            <a:pPr algn="ctr"/>
            <a:r>
              <a:rPr kumimoji="1" lang="ja-JP" altLang="en-US" sz="900" dirty="0" smtClean="0"/>
              <a:t>四ツ橋線</a:t>
            </a:r>
            <a:endParaRPr kumimoji="1" lang="ja-JP" altLang="en-US" sz="900" dirty="0"/>
          </a:p>
        </p:txBody>
      </p:sp>
      <p:sp>
        <p:nvSpPr>
          <p:cNvPr id="79" name="テキスト ボックス 78"/>
          <p:cNvSpPr txBox="1"/>
          <p:nvPr/>
        </p:nvSpPr>
        <p:spPr>
          <a:xfrm rot="181581">
            <a:off x="6027466" y="4155958"/>
            <a:ext cx="276999" cy="639525"/>
          </a:xfrm>
          <a:prstGeom prst="rect">
            <a:avLst/>
          </a:prstGeom>
          <a:solidFill>
            <a:schemeClr val="bg1"/>
          </a:solidFill>
        </p:spPr>
        <p:txBody>
          <a:bodyPr vert="eaVert" wrap="square" lIns="0" tIns="0" rIns="0" bIns="0" rtlCol="0">
            <a:spAutoFit/>
          </a:bodyPr>
          <a:lstStyle/>
          <a:p>
            <a:pPr algn="ctr"/>
            <a:r>
              <a:rPr kumimoji="1" lang="ja-JP" altLang="en-US" sz="900" dirty="0" smtClean="0"/>
              <a:t>地下鉄</a:t>
            </a:r>
            <a:endParaRPr kumimoji="1" lang="en-US" altLang="ja-JP" sz="900" dirty="0" smtClean="0"/>
          </a:p>
          <a:p>
            <a:pPr algn="ctr"/>
            <a:r>
              <a:rPr lang="ja-JP" altLang="en-US" sz="900" dirty="0" smtClean="0"/>
              <a:t>御堂筋</a:t>
            </a:r>
            <a:r>
              <a:rPr kumimoji="1" lang="ja-JP" altLang="en-US" sz="900" dirty="0" smtClean="0"/>
              <a:t>線</a:t>
            </a:r>
            <a:endParaRPr kumimoji="1" lang="ja-JP" altLang="en-US" sz="900" dirty="0"/>
          </a:p>
        </p:txBody>
      </p:sp>
      <p:sp>
        <p:nvSpPr>
          <p:cNvPr id="80" name="テキスト ボックス 79"/>
          <p:cNvSpPr txBox="1"/>
          <p:nvPr/>
        </p:nvSpPr>
        <p:spPr>
          <a:xfrm rot="181581">
            <a:off x="7192422" y="4373330"/>
            <a:ext cx="276999" cy="567617"/>
          </a:xfrm>
          <a:prstGeom prst="rect">
            <a:avLst/>
          </a:prstGeom>
          <a:solidFill>
            <a:schemeClr val="bg1"/>
          </a:solidFill>
        </p:spPr>
        <p:txBody>
          <a:bodyPr vert="eaVert" wrap="square" lIns="0" tIns="0" rIns="0" bIns="0" rtlCol="0">
            <a:spAutoFit/>
          </a:bodyPr>
          <a:lstStyle/>
          <a:p>
            <a:pPr algn="ctr"/>
            <a:r>
              <a:rPr kumimoji="1" lang="ja-JP" altLang="en-US" sz="900" dirty="0" smtClean="0"/>
              <a:t>地下鉄</a:t>
            </a:r>
            <a:endParaRPr kumimoji="1" lang="en-US" altLang="ja-JP" sz="900" dirty="0" smtClean="0"/>
          </a:p>
          <a:p>
            <a:pPr algn="ctr"/>
            <a:r>
              <a:rPr lang="ja-JP" altLang="en-US" sz="900" dirty="0" smtClean="0"/>
              <a:t>堺筋</a:t>
            </a:r>
            <a:r>
              <a:rPr kumimoji="1" lang="ja-JP" altLang="en-US" sz="900" dirty="0" smtClean="0"/>
              <a:t>線</a:t>
            </a:r>
            <a:endParaRPr kumimoji="1" lang="ja-JP" altLang="en-US" sz="900" dirty="0"/>
          </a:p>
        </p:txBody>
      </p:sp>
      <p:sp>
        <p:nvSpPr>
          <p:cNvPr id="81" name="テキスト ボックス 80"/>
          <p:cNvSpPr txBox="1"/>
          <p:nvPr/>
        </p:nvSpPr>
        <p:spPr>
          <a:xfrm>
            <a:off x="5673132" y="4149085"/>
            <a:ext cx="138499" cy="573061"/>
          </a:xfrm>
          <a:prstGeom prst="rect">
            <a:avLst/>
          </a:prstGeom>
          <a:solidFill>
            <a:schemeClr val="bg1"/>
          </a:solidFill>
        </p:spPr>
        <p:txBody>
          <a:bodyPr vert="eaVert" wrap="square" lIns="0" tIns="0" rIns="0" bIns="0" rtlCol="0">
            <a:spAutoFit/>
          </a:bodyPr>
          <a:lstStyle/>
          <a:p>
            <a:pPr algn="ctr"/>
            <a:r>
              <a:rPr lang="ja-JP" altLang="en-US" sz="900" dirty="0" smtClean="0"/>
              <a:t>淀屋橋駅</a:t>
            </a:r>
            <a:endParaRPr kumimoji="1" lang="ja-JP" altLang="en-US" sz="900" dirty="0"/>
          </a:p>
        </p:txBody>
      </p:sp>
      <p:sp>
        <p:nvSpPr>
          <p:cNvPr id="82" name="テキスト ボックス 81"/>
          <p:cNvSpPr txBox="1"/>
          <p:nvPr/>
        </p:nvSpPr>
        <p:spPr>
          <a:xfrm rot="20953594">
            <a:off x="4707099" y="4153975"/>
            <a:ext cx="138499" cy="573061"/>
          </a:xfrm>
          <a:prstGeom prst="rect">
            <a:avLst/>
          </a:prstGeom>
          <a:solidFill>
            <a:schemeClr val="bg1"/>
          </a:solidFill>
        </p:spPr>
        <p:txBody>
          <a:bodyPr vert="eaVert" wrap="square" lIns="0" tIns="0" rIns="0" bIns="0" rtlCol="0">
            <a:spAutoFit/>
          </a:bodyPr>
          <a:lstStyle/>
          <a:p>
            <a:pPr algn="ctr"/>
            <a:r>
              <a:rPr lang="ja-JP" altLang="en-US" sz="900" dirty="0" smtClean="0"/>
              <a:t>肥後橋駅</a:t>
            </a:r>
            <a:endParaRPr kumimoji="1" lang="ja-JP" altLang="en-US" sz="900" dirty="0"/>
          </a:p>
        </p:txBody>
      </p:sp>
      <p:sp>
        <p:nvSpPr>
          <p:cNvPr id="83" name="テキスト ボックス 82"/>
          <p:cNvSpPr txBox="1"/>
          <p:nvPr/>
        </p:nvSpPr>
        <p:spPr>
          <a:xfrm>
            <a:off x="6939352" y="4441989"/>
            <a:ext cx="138499" cy="432048"/>
          </a:xfrm>
          <a:prstGeom prst="rect">
            <a:avLst/>
          </a:prstGeom>
          <a:solidFill>
            <a:schemeClr val="bg1"/>
          </a:solidFill>
        </p:spPr>
        <p:txBody>
          <a:bodyPr vert="eaVert" wrap="square" lIns="0" tIns="0" rIns="0" bIns="0" rtlCol="0">
            <a:spAutoFit/>
          </a:bodyPr>
          <a:lstStyle/>
          <a:p>
            <a:pPr algn="ctr"/>
            <a:r>
              <a:rPr lang="ja-JP" altLang="en-US" sz="900" dirty="0" smtClean="0"/>
              <a:t>北浜駅</a:t>
            </a:r>
            <a:endParaRPr kumimoji="1" lang="ja-JP" altLang="en-US" sz="900" dirty="0"/>
          </a:p>
        </p:txBody>
      </p:sp>
      <p:sp>
        <p:nvSpPr>
          <p:cNvPr id="87" name="テキスト ボックス 86"/>
          <p:cNvSpPr txBox="1"/>
          <p:nvPr/>
        </p:nvSpPr>
        <p:spPr>
          <a:xfrm rot="683510">
            <a:off x="7667384" y="4569621"/>
            <a:ext cx="576064" cy="138499"/>
          </a:xfrm>
          <a:prstGeom prst="rect">
            <a:avLst/>
          </a:prstGeom>
          <a:solidFill>
            <a:schemeClr val="bg1"/>
          </a:solidFill>
        </p:spPr>
        <p:txBody>
          <a:bodyPr wrap="square" lIns="0" tIns="0" rIns="0" bIns="0" rtlCol="0">
            <a:spAutoFit/>
          </a:bodyPr>
          <a:lstStyle/>
          <a:p>
            <a:pPr algn="ctr"/>
            <a:r>
              <a:rPr kumimoji="1" lang="ja-JP" altLang="en-US" sz="900" dirty="0" smtClean="0"/>
              <a:t>京阪本線</a:t>
            </a:r>
            <a:endParaRPr kumimoji="1" lang="ja-JP" altLang="en-US" sz="900" dirty="0"/>
          </a:p>
        </p:txBody>
      </p:sp>
      <p:sp>
        <p:nvSpPr>
          <p:cNvPr id="88" name="テキスト ボックス 87"/>
          <p:cNvSpPr txBox="1"/>
          <p:nvPr/>
        </p:nvSpPr>
        <p:spPr>
          <a:xfrm rot="683510">
            <a:off x="6011199" y="4137491"/>
            <a:ext cx="576064" cy="138499"/>
          </a:xfrm>
          <a:prstGeom prst="rect">
            <a:avLst/>
          </a:prstGeom>
          <a:solidFill>
            <a:schemeClr val="bg1"/>
          </a:solidFill>
        </p:spPr>
        <p:txBody>
          <a:bodyPr wrap="square" lIns="0" tIns="0" rIns="0" bIns="0" rtlCol="0">
            <a:spAutoFit/>
          </a:bodyPr>
          <a:lstStyle/>
          <a:p>
            <a:pPr algn="ctr"/>
            <a:r>
              <a:rPr lang="ja-JP" altLang="en-US" sz="900" dirty="0" smtClean="0"/>
              <a:t>淀屋橋駅</a:t>
            </a:r>
            <a:endParaRPr kumimoji="1" lang="ja-JP" altLang="en-US" sz="900" dirty="0"/>
          </a:p>
        </p:txBody>
      </p:sp>
      <p:sp>
        <p:nvSpPr>
          <p:cNvPr id="89" name="テキスト ボックス 88"/>
          <p:cNvSpPr txBox="1"/>
          <p:nvPr/>
        </p:nvSpPr>
        <p:spPr>
          <a:xfrm rot="1264585">
            <a:off x="7799966" y="4229695"/>
            <a:ext cx="846920" cy="138499"/>
          </a:xfrm>
          <a:prstGeom prst="rect">
            <a:avLst/>
          </a:prstGeom>
          <a:solidFill>
            <a:schemeClr val="bg1"/>
          </a:solidFill>
        </p:spPr>
        <p:txBody>
          <a:bodyPr wrap="square" lIns="0" tIns="0" rIns="0" bIns="0" rtlCol="0">
            <a:spAutoFit/>
          </a:bodyPr>
          <a:lstStyle/>
          <a:p>
            <a:pPr algn="ctr"/>
            <a:r>
              <a:rPr kumimoji="1" lang="ja-JP" altLang="en-US" sz="900" dirty="0" smtClean="0"/>
              <a:t>京阪中之島線</a:t>
            </a:r>
            <a:endParaRPr kumimoji="1" lang="ja-JP" altLang="en-US" sz="900" dirty="0"/>
          </a:p>
        </p:txBody>
      </p:sp>
      <p:sp>
        <p:nvSpPr>
          <p:cNvPr id="90" name="テキスト ボックス 89"/>
          <p:cNvSpPr txBox="1"/>
          <p:nvPr/>
        </p:nvSpPr>
        <p:spPr>
          <a:xfrm rot="2737283">
            <a:off x="6830198" y="3690939"/>
            <a:ext cx="576064" cy="138499"/>
          </a:xfrm>
          <a:prstGeom prst="rect">
            <a:avLst/>
          </a:prstGeom>
          <a:solidFill>
            <a:schemeClr val="bg1"/>
          </a:solidFill>
        </p:spPr>
        <p:txBody>
          <a:bodyPr wrap="square" lIns="0" tIns="0" rIns="0" bIns="0" rtlCol="0">
            <a:spAutoFit/>
          </a:bodyPr>
          <a:lstStyle/>
          <a:p>
            <a:pPr algn="ctr"/>
            <a:r>
              <a:rPr lang="ja-JP" altLang="en-US" sz="900" dirty="0" smtClean="0"/>
              <a:t>なにわ橋駅</a:t>
            </a:r>
            <a:endParaRPr kumimoji="1" lang="ja-JP" altLang="en-US" sz="900" dirty="0"/>
          </a:p>
        </p:txBody>
      </p:sp>
      <p:sp>
        <p:nvSpPr>
          <p:cNvPr id="91" name="テキスト ボックス 90"/>
          <p:cNvSpPr txBox="1"/>
          <p:nvPr/>
        </p:nvSpPr>
        <p:spPr>
          <a:xfrm>
            <a:off x="5435310" y="3359212"/>
            <a:ext cx="576064" cy="138499"/>
          </a:xfrm>
          <a:prstGeom prst="rect">
            <a:avLst/>
          </a:prstGeom>
          <a:solidFill>
            <a:schemeClr val="bg1"/>
          </a:solidFill>
        </p:spPr>
        <p:txBody>
          <a:bodyPr wrap="square" lIns="0" tIns="0" rIns="0" bIns="0" rtlCol="0">
            <a:spAutoFit/>
          </a:bodyPr>
          <a:lstStyle/>
          <a:p>
            <a:pPr algn="ctr"/>
            <a:r>
              <a:rPr lang="ja-JP" altLang="en-US" sz="900" dirty="0" smtClean="0"/>
              <a:t>大江橋駅</a:t>
            </a:r>
            <a:endParaRPr kumimoji="1" lang="ja-JP" altLang="en-US" sz="900" dirty="0"/>
          </a:p>
        </p:txBody>
      </p:sp>
      <p:sp>
        <p:nvSpPr>
          <p:cNvPr id="92" name="テキスト ボックス 91"/>
          <p:cNvSpPr txBox="1"/>
          <p:nvPr/>
        </p:nvSpPr>
        <p:spPr>
          <a:xfrm rot="20843634">
            <a:off x="4202991" y="3433884"/>
            <a:ext cx="576064" cy="138499"/>
          </a:xfrm>
          <a:prstGeom prst="rect">
            <a:avLst/>
          </a:prstGeom>
          <a:solidFill>
            <a:schemeClr val="bg1"/>
          </a:solidFill>
        </p:spPr>
        <p:txBody>
          <a:bodyPr wrap="square" lIns="0" tIns="0" rIns="0" bIns="0" rtlCol="0">
            <a:spAutoFit/>
          </a:bodyPr>
          <a:lstStyle/>
          <a:p>
            <a:pPr algn="ctr"/>
            <a:r>
              <a:rPr lang="ja-JP" altLang="en-US" sz="900" dirty="0" smtClean="0"/>
              <a:t>渡辺橋駅</a:t>
            </a:r>
            <a:endParaRPr kumimoji="1" lang="ja-JP" altLang="en-US" sz="900" dirty="0"/>
          </a:p>
        </p:txBody>
      </p:sp>
      <p:sp>
        <p:nvSpPr>
          <p:cNvPr id="93" name="テキスト ボックス 92"/>
          <p:cNvSpPr txBox="1"/>
          <p:nvPr/>
        </p:nvSpPr>
        <p:spPr>
          <a:xfrm rot="18875512">
            <a:off x="2410961" y="4287254"/>
            <a:ext cx="576064" cy="138499"/>
          </a:xfrm>
          <a:prstGeom prst="rect">
            <a:avLst/>
          </a:prstGeom>
          <a:solidFill>
            <a:schemeClr val="bg1"/>
          </a:solidFill>
        </p:spPr>
        <p:txBody>
          <a:bodyPr wrap="square" lIns="0" tIns="0" rIns="0" bIns="0" rtlCol="0">
            <a:spAutoFit/>
          </a:bodyPr>
          <a:lstStyle/>
          <a:p>
            <a:pPr algn="ctr"/>
            <a:r>
              <a:rPr lang="ja-JP" altLang="en-US" sz="900" dirty="0" smtClean="0"/>
              <a:t>中之島駅</a:t>
            </a:r>
            <a:endParaRPr kumimoji="1" lang="ja-JP" altLang="en-US" sz="900" dirty="0"/>
          </a:p>
        </p:txBody>
      </p:sp>
      <p:sp>
        <p:nvSpPr>
          <p:cNvPr id="104" name="テキスト ボックス 103"/>
          <p:cNvSpPr txBox="1"/>
          <p:nvPr/>
        </p:nvSpPr>
        <p:spPr>
          <a:xfrm>
            <a:off x="6507247" y="3937939"/>
            <a:ext cx="432049" cy="276999"/>
          </a:xfrm>
          <a:prstGeom prst="rect">
            <a:avLst/>
          </a:prstGeom>
          <a:solidFill>
            <a:schemeClr val="bg1">
              <a:alpha val="50000"/>
            </a:schemeClr>
          </a:solidFill>
        </p:spPr>
        <p:txBody>
          <a:bodyPr wrap="square" lIns="0" tIns="0" rIns="0" bIns="0" rtlCol="0">
            <a:spAutoFit/>
          </a:bodyPr>
          <a:lstStyle/>
          <a:p>
            <a:pPr algn="ctr"/>
            <a:r>
              <a:rPr kumimoji="1" lang="ja-JP" altLang="en-US" sz="900" dirty="0" smtClean="0">
                <a:latin typeface="Meiryo UI" pitchFamily="50" charset="-128"/>
                <a:ea typeface="Meiryo UI" pitchFamily="50" charset="-128"/>
                <a:cs typeface="Meiryo UI" pitchFamily="50" charset="-128"/>
              </a:rPr>
              <a:t>中之島</a:t>
            </a:r>
            <a:endParaRPr kumimoji="1" lang="en-US" altLang="ja-JP" sz="900" dirty="0" smtClean="0">
              <a:latin typeface="Meiryo UI" pitchFamily="50" charset="-128"/>
              <a:ea typeface="Meiryo UI" pitchFamily="50" charset="-128"/>
              <a:cs typeface="Meiryo UI" pitchFamily="50" charset="-128"/>
            </a:endParaRPr>
          </a:p>
          <a:p>
            <a:pPr algn="ctr"/>
            <a:r>
              <a:rPr kumimoji="1" lang="en-US" altLang="ja-JP" sz="900" dirty="0" smtClean="0">
                <a:latin typeface="Meiryo UI" pitchFamily="50" charset="-128"/>
                <a:ea typeface="Meiryo UI" pitchFamily="50" charset="-128"/>
                <a:cs typeface="Meiryo UI" pitchFamily="50" charset="-128"/>
              </a:rPr>
              <a:t>1</a:t>
            </a:r>
            <a:r>
              <a:rPr kumimoji="1" lang="ja-JP" altLang="en-US" sz="900" dirty="0" smtClean="0">
                <a:latin typeface="Meiryo UI" pitchFamily="50" charset="-128"/>
                <a:ea typeface="Meiryo UI" pitchFamily="50" charset="-128"/>
                <a:cs typeface="Meiryo UI" pitchFamily="50" charset="-128"/>
              </a:rPr>
              <a:t>丁目</a:t>
            </a:r>
            <a:endParaRPr kumimoji="1" lang="ja-JP" altLang="en-US" sz="900" dirty="0">
              <a:latin typeface="Meiryo UI" pitchFamily="50" charset="-128"/>
              <a:ea typeface="Meiryo UI" pitchFamily="50" charset="-128"/>
              <a:cs typeface="Meiryo UI" pitchFamily="50" charset="-128"/>
            </a:endParaRPr>
          </a:p>
        </p:txBody>
      </p:sp>
      <p:sp>
        <p:nvSpPr>
          <p:cNvPr id="105" name="テキスト ボックス 104"/>
          <p:cNvSpPr txBox="1"/>
          <p:nvPr/>
        </p:nvSpPr>
        <p:spPr>
          <a:xfrm>
            <a:off x="5211105" y="3793918"/>
            <a:ext cx="432049" cy="276999"/>
          </a:xfrm>
          <a:prstGeom prst="rect">
            <a:avLst/>
          </a:prstGeom>
          <a:solidFill>
            <a:schemeClr val="bg1">
              <a:alpha val="50000"/>
            </a:schemeClr>
          </a:solidFill>
        </p:spPr>
        <p:txBody>
          <a:bodyPr wrap="square" lIns="0" tIns="0" rIns="0" bIns="0" rtlCol="0">
            <a:spAutoFit/>
          </a:bodyPr>
          <a:lstStyle/>
          <a:p>
            <a:pPr algn="ctr"/>
            <a:r>
              <a:rPr kumimoji="1" lang="ja-JP" altLang="en-US" sz="900" dirty="0" smtClean="0">
                <a:latin typeface="Meiryo UI" pitchFamily="50" charset="-128"/>
                <a:ea typeface="Meiryo UI" pitchFamily="50" charset="-128"/>
                <a:cs typeface="Meiryo UI" pitchFamily="50" charset="-128"/>
              </a:rPr>
              <a:t>中之島</a:t>
            </a:r>
            <a:endParaRPr kumimoji="1" lang="en-US" altLang="ja-JP" sz="900" dirty="0" smtClean="0">
              <a:latin typeface="Meiryo UI" pitchFamily="50" charset="-128"/>
              <a:ea typeface="Meiryo UI" pitchFamily="50" charset="-128"/>
              <a:cs typeface="Meiryo UI" pitchFamily="50" charset="-128"/>
            </a:endParaRPr>
          </a:p>
          <a:p>
            <a:pPr algn="ctr"/>
            <a:r>
              <a:rPr lang="ja-JP" altLang="en-US" sz="900" dirty="0" smtClean="0">
                <a:latin typeface="Meiryo UI" pitchFamily="50" charset="-128"/>
                <a:ea typeface="Meiryo UI" pitchFamily="50" charset="-128"/>
                <a:cs typeface="Meiryo UI" pitchFamily="50" charset="-128"/>
              </a:rPr>
              <a:t>２</a:t>
            </a:r>
            <a:r>
              <a:rPr kumimoji="1" lang="ja-JP" altLang="en-US" sz="900" dirty="0" smtClean="0">
                <a:latin typeface="Meiryo UI" pitchFamily="50" charset="-128"/>
                <a:ea typeface="Meiryo UI" pitchFamily="50" charset="-128"/>
                <a:cs typeface="Meiryo UI" pitchFamily="50" charset="-128"/>
              </a:rPr>
              <a:t>丁目</a:t>
            </a:r>
            <a:endParaRPr kumimoji="1" lang="ja-JP" altLang="en-US" sz="900" dirty="0">
              <a:latin typeface="Meiryo UI" pitchFamily="50" charset="-128"/>
              <a:ea typeface="Meiryo UI" pitchFamily="50" charset="-128"/>
              <a:cs typeface="Meiryo UI" pitchFamily="50" charset="-128"/>
            </a:endParaRPr>
          </a:p>
        </p:txBody>
      </p:sp>
      <p:sp>
        <p:nvSpPr>
          <p:cNvPr id="106" name="テキスト ボックス 105"/>
          <p:cNvSpPr txBox="1"/>
          <p:nvPr/>
        </p:nvSpPr>
        <p:spPr>
          <a:xfrm>
            <a:off x="4160912" y="4293180"/>
            <a:ext cx="504056" cy="276999"/>
          </a:xfrm>
          <a:prstGeom prst="rect">
            <a:avLst/>
          </a:prstGeom>
          <a:solidFill>
            <a:schemeClr val="bg1">
              <a:alpha val="50000"/>
            </a:schemeClr>
          </a:solidFill>
        </p:spPr>
        <p:txBody>
          <a:bodyPr wrap="square" lIns="0" tIns="0" rIns="0" bIns="0" rtlCol="0">
            <a:spAutoFit/>
          </a:bodyPr>
          <a:lstStyle/>
          <a:p>
            <a:pPr algn="ctr"/>
            <a:r>
              <a:rPr kumimoji="1" lang="ja-JP" altLang="en-US" sz="900" dirty="0" smtClean="0">
                <a:latin typeface="Meiryo UI" pitchFamily="50" charset="-128"/>
                <a:ea typeface="Meiryo UI" pitchFamily="50" charset="-128"/>
                <a:cs typeface="Meiryo UI" pitchFamily="50" charset="-128"/>
              </a:rPr>
              <a:t>中之島</a:t>
            </a:r>
            <a:endParaRPr kumimoji="1" lang="en-US" altLang="ja-JP" sz="900" dirty="0" smtClean="0">
              <a:latin typeface="Meiryo UI" pitchFamily="50" charset="-128"/>
              <a:ea typeface="Meiryo UI" pitchFamily="50" charset="-128"/>
              <a:cs typeface="Meiryo UI" pitchFamily="50" charset="-128"/>
            </a:endParaRPr>
          </a:p>
          <a:p>
            <a:pPr algn="ctr"/>
            <a:r>
              <a:rPr lang="ja-JP" altLang="en-US" sz="900" dirty="0" smtClean="0">
                <a:latin typeface="Meiryo UI" pitchFamily="50" charset="-128"/>
                <a:ea typeface="Meiryo UI" pitchFamily="50" charset="-128"/>
                <a:cs typeface="Meiryo UI" pitchFamily="50" charset="-128"/>
              </a:rPr>
              <a:t>３</a:t>
            </a:r>
            <a:r>
              <a:rPr kumimoji="1" lang="ja-JP" altLang="en-US" sz="900" dirty="0" smtClean="0">
                <a:latin typeface="Meiryo UI" pitchFamily="50" charset="-128"/>
                <a:ea typeface="Meiryo UI" pitchFamily="50" charset="-128"/>
                <a:cs typeface="Meiryo UI" pitchFamily="50" charset="-128"/>
              </a:rPr>
              <a:t>丁目</a:t>
            </a:r>
            <a:endParaRPr kumimoji="1" lang="ja-JP" altLang="en-US" sz="900" dirty="0">
              <a:latin typeface="Meiryo UI" pitchFamily="50" charset="-128"/>
              <a:ea typeface="Meiryo UI" pitchFamily="50" charset="-128"/>
              <a:cs typeface="Meiryo UI" pitchFamily="50" charset="-128"/>
            </a:endParaRPr>
          </a:p>
        </p:txBody>
      </p:sp>
      <p:graphicFrame>
        <p:nvGraphicFramePr>
          <p:cNvPr id="110" name="表 109"/>
          <p:cNvGraphicFramePr>
            <a:graphicFrameLocks noGrp="1"/>
          </p:cNvGraphicFramePr>
          <p:nvPr/>
        </p:nvGraphicFramePr>
        <p:xfrm>
          <a:off x="5817096" y="5157276"/>
          <a:ext cx="1656184" cy="821255"/>
        </p:xfrm>
        <a:graphic>
          <a:graphicData uri="http://schemas.openxmlformats.org/drawingml/2006/table">
            <a:tbl>
              <a:tblPr firstRow="1" bandRow="1">
                <a:tableStyleId>{5C22544A-7EE6-4342-B048-85BDC9FD1C3A}</a:tableStyleId>
              </a:tblPr>
              <a:tblGrid>
                <a:gridCol w="360040"/>
                <a:gridCol w="1296144"/>
              </a:tblGrid>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番号</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権利者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①</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市中央公会堂</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②</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府立中之島図書館</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r>
              <a:tr h="164251">
                <a:tc>
                  <a:txBody>
                    <a:bodyPr/>
                    <a:lstStyle/>
                    <a:p>
                      <a:pPr algn="ctr"/>
                      <a:r>
                        <a:rPr kumimoji="1" lang="ja-JP" altLang="en-US" sz="1000" b="0" dirty="0" smtClean="0">
                          <a:solidFill>
                            <a:schemeClr val="tx1"/>
                          </a:solidFill>
                        </a:rPr>
                        <a:t>③</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大阪市役所</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r>
              <a:tr h="164251">
                <a:tc>
                  <a:txBody>
                    <a:bodyPr/>
                    <a:lstStyle/>
                    <a:p>
                      <a:pPr algn="ctr"/>
                      <a:r>
                        <a:rPr kumimoji="1" lang="ja-JP" altLang="en-US" sz="1000" b="0" dirty="0" smtClean="0">
                          <a:solidFill>
                            <a:schemeClr val="tx1"/>
                          </a:solidFill>
                        </a:rPr>
                        <a:t>④</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日本銀行大阪支店</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r>
            </a:tbl>
          </a:graphicData>
        </a:graphic>
      </p:graphicFrame>
      <p:sp>
        <p:nvSpPr>
          <p:cNvPr id="113" name="テキスト ボックス 112"/>
          <p:cNvSpPr txBox="1"/>
          <p:nvPr/>
        </p:nvSpPr>
        <p:spPr>
          <a:xfrm>
            <a:off x="6393160" y="3645024"/>
            <a:ext cx="432049"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②</a:t>
            </a:r>
            <a:endParaRPr kumimoji="1" lang="ja-JP" altLang="en-US" sz="1000" dirty="0">
              <a:latin typeface="Meiryo UI" pitchFamily="50" charset="-128"/>
              <a:ea typeface="Meiryo UI" pitchFamily="50" charset="-128"/>
              <a:cs typeface="Meiryo UI" pitchFamily="50" charset="-128"/>
            </a:endParaRPr>
          </a:p>
        </p:txBody>
      </p:sp>
      <p:sp>
        <p:nvSpPr>
          <p:cNvPr id="120" name="フリーフォーム 119"/>
          <p:cNvSpPr/>
          <p:nvPr/>
        </p:nvSpPr>
        <p:spPr>
          <a:xfrm rot="623074">
            <a:off x="4776300" y="3424635"/>
            <a:ext cx="4158528" cy="1036084"/>
          </a:xfrm>
          <a:custGeom>
            <a:avLst/>
            <a:gdLst>
              <a:gd name="connsiteX0" fmla="*/ 0 w 3937485"/>
              <a:gd name="connsiteY0" fmla="*/ 344032 h 946730"/>
              <a:gd name="connsiteX1" fmla="*/ 100765 w 3937485"/>
              <a:gd name="connsiteY1" fmla="*/ 100765 h 946730"/>
              <a:gd name="connsiteX2" fmla="*/ 344033 w 3937485"/>
              <a:gd name="connsiteY2" fmla="*/ 1 h 946730"/>
              <a:gd name="connsiteX3" fmla="*/ 3593453 w 3937485"/>
              <a:gd name="connsiteY3" fmla="*/ 0 h 946730"/>
              <a:gd name="connsiteX4" fmla="*/ 3836720 w 3937485"/>
              <a:gd name="connsiteY4" fmla="*/ 100765 h 946730"/>
              <a:gd name="connsiteX5" fmla="*/ 3937484 w 3937485"/>
              <a:gd name="connsiteY5" fmla="*/ 344033 h 946730"/>
              <a:gd name="connsiteX6" fmla="*/ 3937485 w 3937485"/>
              <a:gd name="connsiteY6" fmla="*/ 602698 h 946730"/>
              <a:gd name="connsiteX7" fmla="*/ 3836720 w 3937485"/>
              <a:gd name="connsiteY7" fmla="*/ 845965 h 946730"/>
              <a:gd name="connsiteX8" fmla="*/ 3593453 w 3937485"/>
              <a:gd name="connsiteY8" fmla="*/ 946730 h 946730"/>
              <a:gd name="connsiteX9" fmla="*/ 344032 w 3937485"/>
              <a:gd name="connsiteY9" fmla="*/ 946730 h 946730"/>
              <a:gd name="connsiteX10" fmla="*/ 100765 w 3937485"/>
              <a:gd name="connsiteY10" fmla="*/ 845965 h 946730"/>
              <a:gd name="connsiteX11" fmla="*/ 1 w 3937485"/>
              <a:gd name="connsiteY11" fmla="*/ 602697 h 946730"/>
              <a:gd name="connsiteX12" fmla="*/ 0 w 3937485"/>
              <a:gd name="connsiteY12" fmla="*/ 344032 h 946730"/>
              <a:gd name="connsiteX0" fmla="*/ 0 w 3982391"/>
              <a:gd name="connsiteY0" fmla="*/ 279538 h 946730"/>
              <a:gd name="connsiteX1" fmla="*/ 145671 w 3982391"/>
              <a:gd name="connsiteY1" fmla="*/ 100765 h 946730"/>
              <a:gd name="connsiteX2" fmla="*/ 388939 w 3982391"/>
              <a:gd name="connsiteY2" fmla="*/ 1 h 946730"/>
              <a:gd name="connsiteX3" fmla="*/ 3638359 w 3982391"/>
              <a:gd name="connsiteY3" fmla="*/ 0 h 946730"/>
              <a:gd name="connsiteX4" fmla="*/ 3881626 w 3982391"/>
              <a:gd name="connsiteY4" fmla="*/ 100765 h 946730"/>
              <a:gd name="connsiteX5" fmla="*/ 3982390 w 3982391"/>
              <a:gd name="connsiteY5" fmla="*/ 344033 h 946730"/>
              <a:gd name="connsiteX6" fmla="*/ 3982391 w 3982391"/>
              <a:gd name="connsiteY6" fmla="*/ 602698 h 946730"/>
              <a:gd name="connsiteX7" fmla="*/ 3881626 w 3982391"/>
              <a:gd name="connsiteY7" fmla="*/ 845965 h 946730"/>
              <a:gd name="connsiteX8" fmla="*/ 3638359 w 3982391"/>
              <a:gd name="connsiteY8" fmla="*/ 946730 h 946730"/>
              <a:gd name="connsiteX9" fmla="*/ 388938 w 3982391"/>
              <a:gd name="connsiteY9" fmla="*/ 946730 h 946730"/>
              <a:gd name="connsiteX10" fmla="*/ 145671 w 3982391"/>
              <a:gd name="connsiteY10" fmla="*/ 845965 h 946730"/>
              <a:gd name="connsiteX11" fmla="*/ 44907 w 3982391"/>
              <a:gd name="connsiteY11" fmla="*/ 602697 h 946730"/>
              <a:gd name="connsiteX12" fmla="*/ 0 w 3982391"/>
              <a:gd name="connsiteY12" fmla="*/ 279538 h 946730"/>
              <a:gd name="connsiteX0" fmla="*/ 61007 w 4043398"/>
              <a:gd name="connsiteY0" fmla="*/ 294986 h 962178"/>
              <a:gd name="connsiteX1" fmla="*/ 206678 w 4043398"/>
              <a:gd name="connsiteY1" fmla="*/ 116213 h 962178"/>
              <a:gd name="connsiteX2" fmla="*/ 1301074 w 4043398"/>
              <a:gd name="connsiteY2" fmla="*/ 0 h 962178"/>
              <a:gd name="connsiteX3" fmla="*/ 3699366 w 4043398"/>
              <a:gd name="connsiteY3" fmla="*/ 15448 h 962178"/>
              <a:gd name="connsiteX4" fmla="*/ 3942633 w 4043398"/>
              <a:gd name="connsiteY4" fmla="*/ 116213 h 962178"/>
              <a:gd name="connsiteX5" fmla="*/ 4043397 w 4043398"/>
              <a:gd name="connsiteY5" fmla="*/ 359481 h 962178"/>
              <a:gd name="connsiteX6" fmla="*/ 4043398 w 4043398"/>
              <a:gd name="connsiteY6" fmla="*/ 618146 h 962178"/>
              <a:gd name="connsiteX7" fmla="*/ 3942633 w 4043398"/>
              <a:gd name="connsiteY7" fmla="*/ 861413 h 962178"/>
              <a:gd name="connsiteX8" fmla="*/ 3699366 w 4043398"/>
              <a:gd name="connsiteY8" fmla="*/ 962178 h 962178"/>
              <a:gd name="connsiteX9" fmla="*/ 449945 w 4043398"/>
              <a:gd name="connsiteY9" fmla="*/ 962178 h 962178"/>
              <a:gd name="connsiteX10" fmla="*/ 206678 w 4043398"/>
              <a:gd name="connsiteY10" fmla="*/ 861413 h 962178"/>
              <a:gd name="connsiteX11" fmla="*/ 105914 w 4043398"/>
              <a:gd name="connsiteY11" fmla="*/ 618145 h 962178"/>
              <a:gd name="connsiteX12" fmla="*/ 61007 w 4043398"/>
              <a:gd name="connsiteY12" fmla="*/ 294986 h 962178"/>
              <a:gd name="connsiteX0" fmla="*/ 0 w 3982391"/>
              <a:gd name="connsiteY0" fmla="*/ 294986 h 962178"/>
              <a:gd name="connsiteX1" fmla="*/ 469005 w 3982391"/>
              <a:gd name="connsiteY1" fmla="*/ 111007 h 962178"/>
              <a:gd name="connsiteX2" fmla="*/ 1240067 w 3982391"/>
              <a:gd name="connsiteY2" fmla="*/ 0 h 962178"/>
              <a:gd name="connsiteX3" fmla="*/ 3638359 w 3982391"/>
              <a:gd name="connsiteY3" fmla="*/ 15448 h 962178"/>
              <a:gd name="connsiteX4" fmla="*/ 3881626 w 3982391"/>
              <a:gd name="connsiteY4" fmla="*/ 116213 h 962178"/>
              <a:gd name="connsiteX5" fmla="*/ 3982390 w 3982391"/>
              <a:gd name="connsiteY5" fmla="*/ 359481 h 962178"/>
              <a:gd name="connsiteX6" fmla="*/ 3982391 w 3982391"/>
              <a:gd name="connsiteY6" fmla="*/ 618146 h 962178"/>
              <a:gd name="connsiteX7" fmla="*/ 3881626 w 3982391"/>
              <a:gd name="connsiteY7" fmla="*/ 861413 h 962178"/>
              <a:gd name="connsiteX8" fmla="*/ 3638359 w 3982391"/>
              <a:gd name="connsiteY8" fmla="*/ 962178 h 962178"/>
              <a:gd name="connsiteX9" fmla="*/ 388938 w 3982391"/>
              <a:gd name="connsiteY9" fmla="*/ 962178 h 962178"/>
              <a:gd name="connsiteX10" fmla="*/ 145671 w 3982391"/>
              <a:gd name="connsiteY10" fmla="*/ 861413 h 962178"/>
              <a:gd name="connsiteX11" fmla="*/ 44907 w 3982391"/>
              <a:gd name="connsiteY11" fmla="*/ 618145 h 962178"/>
              <a:gd name="connsiteX12" fmla="*/ 0 w 3982391"/>
              <a:gd name="connsiteY12" fmla="*/ 294986 h 962178"/>
              <a:gd name="connsiteX0" fmla="*/ 0 w 4018479"/>
              <a:gd name="connsiteY0" fmla="*/ 294986 h 962178"/>
              <a:gd name="connsiteX1" fmla="*/ 469005 w 4018479"/>
              <a:gd name="connsiteY1" fmla="*/ 111007 h 962178"/>
              <a:gd name="connsiteX2" fmla="*/ 1240067 w 4018479"/>
              <a:gd name="connsiteY2" fmla="*/ 0 h 962178"/>
              <a:gd name="connsiteX3" fmla="*/ 3161271 w 4018479"/>
              <a:gd name="connsiteY3" fmla="*/ 243402 h 962178"/>
              <a:gd name="connsiteX4" fmla="*/ 3881626 w 4018479"/>
              <a:gd name="connsiteY4" fmla="*/ 116213 h 962178"/>
              <a:gd name="connsiteX5" fmla="*/ 3982390 w 4018479"/>
              <a:gd name="connsiteY5" fmla="*/ 359481 h 962178"/>
              <a:gd name="connsiteX6" fmla="*/ 3982391 w 4018479"/>
              <a:gd name="connsiteY6" fmla="*/ 618146 h 962178"/>
              <a:gd name="connsiteX7" fmla="*/ 3881626 w 4018479"/>
              <a:gd name="connsiteY7" fmla="*/ 861413 h 962178"/>
              <a:gd name="connsiteX8" fmla="*/ 3638359 w 4018479"/>
              <a:gd name="connsiteY8" fmla="*/ 962178 h 962178"/>
              <a:gd name="connsiteX9" fmla="*/ 388938 w 4018479"/>
              <a:gd name="connsiteY9" fmla="*/ 962178 h 962178"/>
              <a:gd name="connsiteX10" fmla="*/ 145671 w 4018479"/>
              <a:gd name="connsiteY10" fmla="*/ 861413 h 962178"/>
              <a:gd name="connsiteX11" fmla="*/ 44907 w 4018479"/>
              <a:gd name="connsiteY11" fmla="*/ 618145 h 962178"/>
              <a:gd name="connsiteX12" fmla="*/ 0 w 4018479"/>
              <a:gd name="connsiteY12" fmla="*/ 294986 h 962178"/>
              <a:gd name="connsiteX0" fmla="*/ 0 w 3982391"/>
              <a:gd name="connsiteY0" fmla="*/ 294986 h 962178"/>
              <a:gd name="connsiteX1" fmla="*/ 469005 w 3982391"/>
              <a:gd name="connsiteY1" fmla="*/ 111007 h 962178"/>
              <a:gd name="connsiteX2" fmla="*/ 1240067 w 3982391"/>
              <a:gd name="connsiteY2" fmla="*/ 0 h 962178"/>
              <a:gd name="connsiteX3" fmla="*/ 3161271 w 3982391"/>
              <a:gd name="connsiteY3" fmla="*/ 243402 h 962178"/>
              <a:gd name="connsiteX4" fmla="*/ 3674705 w 3982391"/>
              <a:gd name="connsiteY4" fmla="*/ 402753 h 962178"/>
              <a:gd name="connsiteX5" fmla="*/ 3982390 w 3982391"/>
              <a:gd name="connsiteY5" fmla="*/ 359481 h 962178"/>
              <a:gd name="connsiteX6" fmla="*/ 3982391 w 3982391"/>
              <a:gd name="connsiteY6" fmla="*/ 618146 h 962178"/>
              <a:gd name="connsiteX7" fmla="*/ 3881626 w 3982391"/>
              <a:gd name="connsiteY7" fmla="*/ 861413 h 962178"/>
              <a:gd name="connsiteX8" fmla="*/ 3638359 w 3982391"/>
              <a:gd name="connsiteY8" fmla="*/ 962178 h 962178"/>
              <a:gd name="connsiteX9" fmla="*/ 388938 w 3982391"/>
              <a:gd name="connsiteY9" fmla="*/ 962178 h 962178"/>
              <a:gd name="connsiteX10" fmla="*/ 145671 w 3982391"/>
              <a:gd name="connsiteY10" fmla="*/ 861413 h 962178"/>
              <a:gd name="connsiteX11" fmla="*/ 44907 w 3982391"/>
              <a:gd name="connsiteY11" fmla="*/ 618145 h 962178"/>
              <a:gd name="connsiteX12" fmla="*/ 0 w 3982391"/>
              <a:gd name="connsiteY12" fmla="*/ 294986 h 962178"/>
              <a:gd name="connsiteX0" fmla="*/ 0 w 3982391"/>
              <a:gd name="connsiteY0" fmla="*/ 294986 h 962178"/>
              <a:gd name="connsiteX1" fmla="*/ 469005 w 3982391"/>
              <a:gd name="connsiteY1" fmla="*/ 111007 h 962178"/>
              <a:gd name="connsiteX2" fmla="*/ 1240067 w 3982391"/>
              <a:gd name="connsiteY2" fmla="*/ 0 h 962178"/>
              <a:gd name="connsiteX3" fmla="*/ 3161271 w 3982391"/>
              <a:gd name="connsiteY3" fmla="*/ 243402 h 962178"/>
              <a:gd name="connsiteX4" fmla="*/ 3674705 w 3982391"/>
              <a:gd name="connsiteY4" fmla="*/ 402753 h 962178"/>
              <a:gd name="connsiteX5" fmla="*/ 3936014 w 3982391"/>
              <a:gd name="connsiteY5" fmla="*/ 519314 h 962178"/>
              <a:gd name="connsiteX6" fmla="*/ 3982391 w 3982391"/>
              <a:gd name="connsiteY6" fmla="*/ 618146 h 962178"/>
              <a:gd name="connsiteX7" fmla="*/ 3881626 w 3982391"/>
              <a:gd name="connsiteY7" fmla="*/ 861413 h 962178"/>
              <a:gd name="connsiteX8" fmla="*/ 3638359 w 3982391"/>
              <a:gd name="connsiteY8" fmla="*/ 962178 h 962178"/>
              <a:gd name="connsiteX9" fmla="*/ 388938 w 3982391"/>
              <a:gd name="connsiteY9" fmla="*/ 962178 h 962178"/>
              <a:gd name="connsiteX10" fmla="*/ 145671 w 3982391"/>
              <a:gd name="connsiteY10" fmla="*/ 861413 h 962178"/>
              <a:gd name="connsiteX11" fmla="*/ 44907 w 3982391"/>
              <a:gd name="connsiteY11" fmla="*/ 618145 h 962178"/>
              <a:gd name="connsiteX12" fmla="*/ 0 w 3982391"/>
              <a:gd name="connsiteY12" fmla="*/ 294986 h 962178"/>
              <a:gd name="connsiteX0" fmla="*/ 0 w 3982391"/>
              <a:gd name="connsiteY0" fmla="*/ 294986 h 1048475"/>
              <a:gd name="connsiteX1" fmla="*/ 469005 w 3982391"/>
              <a:gd name="connsiteY1" fmla="*/ 111007 h 1048475"/>
              <a:gd name="connsiteX2" fmla="*/ 1240067 w 3982391"/>
              <a:gd name="connsiteY2" fmla="*/ 0 h 1048475"/>
              <a:gd name="connsiteX3" fmla="*/ 3161271 w 3982391"/>
              <a:gd name="connsiteY3" fmla="*/ 243402 h 1048475"/>
              <a:gd name="connsiteX4" fmla="*/ 3674705 w 3982391"/>
              <a:gd name="connsiteY4" fmla="*/ 402753 h 1048475"/>
              <a:gd name="connsiteX5" fmla="*/ 3936014 w 3982391"/>
              <a:gd name="connsiteY5" fmla="*/ 519314 h 1048475"/>
              <a:gd name="connsiteX6" fmla="*/ 3982391 w 3982391"/>
              <a:gd name="connsiteY6" fmla="*/ 618146 h 1048475"/>
              <a:gd name="connsiteX7" fmla="*/ 3881626 w 3982391"/>
              <a:gd name="connsiteY7" fmla="*/ 861413 h 1048475"/>
              <a:gd name="connsiteX8" fmla="*/ 3638359 w 3982391"/>
              <a:gd name="connsiteY8" fmla="*/ 962178 h 1048475"/>
              <a:gd name="connsiteX9" fmla="*/ 388938 w 3982391"/>
              <a:gd name="connsiteY9" fmla="*/ 962178 h 1048475"/>
              <a:gd name="connsiteX10" fmla="*/ 243796 w 3982391"/>
              <a:gd name="connsiteY10" fmla="*/ 983956 h 1048475"/>
              <a:gd name="connsiteX11" fmla="*/ 44907 w 3982391"/>
              <a:gd name="connsiteY11" fmla="*/ 618145 h 1048475"/>
              <a:gd name="connsiteX12" fmla="*/ 0 w 3982391"/>
              <a:gd name="connsiteY12" fmla="*/ 294986 h 1048475"/>
              <a:gd name="connsiteX0" fmla="*/ 0 w 3982391"/>
              <a:gd name="connsiteY0" fmla="*/ 294986 h 1023060"/>
              <a:gd name="connsiteX1" fmla="*/ 469005 w 3982391"/>
              <a:gd name="connsiteY1" fmla="*/ 111007 h 1023060"/>
              <a:gd name="connsiteX2" fmla="*/ 1240067 w 3982391"/>
              <a:gd name="connsiteY2" fmla="*/ 0 h 1023060"/>
              <a:gd name="connsiteX3" fmla="*/ 3161271 w 3982391"/>
              <a:gd name="connsiteY3" fmla="*/ 243402 h 1023060"/>
              <a:gd name="connsiteX4" fmla="*/ 3674705 w 3982391"/>
              <a:gd name="connsiteY4" fmla="*/ 402753 h 1023060"/>
              <a:gd name="connsiteX5" fmla="*/ 3936014 w 3982391"/>
              <a:gd name="connsiteY5" fmla="*/ 519314 h 1023060"/>
              <a:gd name="connsiteX6" fmla="*/ 3982391 w 3982391"/>
              <a:gd name="connsiteY6" fmla="*/ 618146 h 1023060"/>
              <a:gd name="connsiteX7" fmla="*/ 3881626 w 3982391"/>
              <a:gd name="connsiteY7" fmla="*/ 861413 h 1023060"/>
              <a:gd name="connsiteX8" fmla="*/ 3638359 w 3982391"/>
              <a:gd name="connsiteY8" fmla="*/ 962178 h 1023060"/>
              <a:gd name="connsiteX9" fmla="*/ 1103942 w 3982391"/>
              <a:gd name="connsiteY9" fmla="*/ 852769 h 1023060"/>
              <a:gd name="connsiteX10" fmla="*/ 243796 w 3982391"/>
              <a:gd name="connsiteY10" fmla="*/ 983956 h 1023060"/>
              <a:gd name="connsiteX11" fmla="*/ 44907 w 3982391"/>
              <a:gd name="connsiteY11" fmla="*/ 618145 h 1023060"/>
              <a:gd name="connsiteX12" fmla="*/ 0 w 3982391"/>
              <a:gd name="connsiteY12" fmla="*/ 294986 h 1023060"/>
              <a:gd name="connsiteX0" fmla="*/ 0 w 4158528"/>
              <a:gd name="connsiteY0" fmla="*/ 294986 h 1023060"/>
              <a:gd name="connsiteX1" fmla="*/ 469005 w 4158528"/>
              <a:gd name="connsiteY1" fmla="*/ 111007 h 1023060"/>
              <a:gd name="connsiteX2" fmla="*/ 1240067 w 4158528"/>
              <a:gd name="connsiteY2" fmla="*/ 0 h 1023060"/>
              <a:gd name="connsiteX3" fmla="*/ 3161271 w 4158528"/>
              <a:gd name="connsiteY3" fmla="*/ 243402 h 1023060"/>
              <a:gd name="connsiteX4" fmla="*/ 3674705 w 4158528"/>
              <a:gd name="connsiteY4" fmla="*/ 402753 h 1023060"/>
              <a:gd name="connsiteX5" fmla="*/ 3936014 w 4158528"/>
              <a:gd name="connsiteY5" fmla="*/ 519314 h 1023060"/>
              <a:gd name="connsiteX6" fmla="*/ 3982391 w 4158528"/>
              <a:gd name="connsiteY6" fmla="*/ 618146 h 1023060"/>
              <a:gd name="connsiteX7" fmla="*/ 3881626 w 4158528"/>
              <a:gd name="connsiteY7" fmla="*/ 861413 h 1023060"/>
              <a:gd name="connsiteX8" fmla="*/ 2320981 w 4158528"/>
              <a:gd name="connsiteY8" fmla="*/ 792830 h 1023060"/>
              <a:gd name="connsiteX9" fmla="*/ 1103942 w 4158528"/>
              <a:gd name="connsiteY9" fmla="*/ 852769 h 1023060"/>
              <a:gd name="connsiteX10" fmla="*/ 243796 w 4158528"/>
              <a:gd name="connsiteY10" fmla="*/ 983956 h 1023060"/>
              <a:gd name="connsiteX11" fmla="*/ 44907 w 4158528"/>
              <a:gd name="connsiteY11" fmla="*/ 618145 h 1023060"/>
              <a:gd name="connsiteX12" fmla="*/ 0 w 4158528"/>
              <a:gd name="connsiteY12" fmla="*/ 294986 h 1023060"/>
              <a:gd name="connsiteX0" fmla="*/ 0 w 4158528"/>
              <a:gd name="connsiteY0" fmla="*/ 294986 h 1006324"/>
              <a:gd name="connsiteX1" fmla="*/ 469005 w 4158528"/>
              <a:gd name="connsiteY1" fmla="*/ 111007 h 1006324"/>
              <a:gd name="connsiteX2" fmla="*/ 1240067 w 4158528"/>
              <a:gd name="connsiteY2" fmla="*/ 0 h 1006324"/>
              <a:gd name="connsiteX3" fmla="*/ 3161271 w 4158528"/>
              <a:gd name="connsiteY3" fmla="*/ 243402 h 1006324"/>
              <a:gd name="connsiteX4" fmla="*/ 3674705 w 4158528"/>
              <a:gd name="connsiteY4" fmla="*/ 402753 h 1006324"/>
              <a:gd name="connsiteX5" fmla="*/ 3936014 w 4158528"/>
              <a:gd name="connsiteY5" fmla="*/ 519314 h 1006324"/>
              <a:gd name="connsiteX6" fmla="*/ 3982391 w 4158528"/>
              <a:gd name="connsiteY6" fmla="*/ 618146 h 1006324"/>
              <a:gd name="connsiteX7" fmla="*/ 3881626 w 4158528"/>
              <a:gd name="connsiteY7" fmla="*/ 861413 h 1006324"/>
              <a:gd name="connsiteX8" fmla="*/ 2320981 w 4158528"/>
              <a:gd name="connsiteY8" fmla="*/ 792830 h 1006324"/>
              <a:gd name="connsiteX9" fmla="*/ 1103942 w 4158528"/>
              <a:gd name="connsiteY9" fmla="*/ 852769 h 1006324"/>
              <a:gd name="connsiteX10" fmla="*/ 373750 w 4158528"/>
              <a:gd name="connsiteY10" fmla="*/ 967220 h 1006324"/>
              <a:gd name="connsiteX11" fmla="*/ 44907 w 4158528"/>
              <a:gd name="connsiteY11" fmla="*/ 618145 h 1006324"/>
              <a:gd name="connsiteX12" fmla="*/ 0 w 4158528"/>
              <a:gd name="connsiteY12" fmla="*/ 294986 h 1006324"/>
              <a:gd name="connsiteX0" fmla="*/ 0 w 4158528"/>
              <a:gd name="connsiteY0" fmla="*/ 294986 h 1030017"/>
              <a:gd name="connsiteX1" fmla="*/ 469005 w 4158528"/>
              <a:gd name="connsiteY1" fmla="*/ 111007 h 1030017"/>
              <a:gd name="connsiteX2" fmla="*/ 1240067 w 4158528"/>
              <a:gd name="connsiteY2" fmla="*/ 0 h 1030017"/>
              <a:gd name="connsiteX3" fmla="*/ 3161271 w 4158528"/>
              <a:gd name="connsiteY3" fmla="*/ 243402 h 1030017"/>
              <a:gd name="connsiteX4" fmla="*/ 3674705 w 4158528"/>
              <a:gd name="connsiteY4" fmla="*/ 402753 h 1030017"/>
              <a:gd name="connsiteX5" fmla="*/ 3936014 w 4158528"/>
              <a:gd name="connsiteY5" fmla="*/ 519314 h 1030017"/>
              <a:gd name="connsiteX6" fmla="*/ 3982391 w 4158528"/>
              <a:gd name="connsiteY6" fmla="*/ 618146 h 1030017"/>
              <a:gd name="connsiteX7" fmla="*/ 3881626 w 4158528"/>
              <a:gd name="connsiteY7" fmla="*/ 861413 h 1030017"/>
              <a:gd name="connsiteX8" fmla="*/ 2320981 w 4158528"/>
              <a:gd name="connsiteY8" fmla="*/ 792830 h 1030017"/>
              <a:gd name="connsiteX9" fmla="*/ 1103942 w 4158528"/>
              <a:gd name="connsiteY9" fmla="*/ 852769 h 1030017"/>
              <a:gd name="connsiteX10" fmla="*/ 373750 w 4158528"/>
              <a:gd name="connsiteY10" fmla="*/ 967220 h 1030017"/>
              <a:gd name="connsiteX11" fmla="*/ 24100 w 4158528"/>
              <a:gd name="connsiteY11" fmla="*/ 475988 h 1030017"/>
              <a:gd name="connsiteX12" fmla="*/ 0 w 4158528"/>
              <a:gd name="connsiteY12" fmla="*/ 294986 h 1030017"/>
              <a:gd name="connsiteX0" fmla="*/ 0 w 4158528"/>
              <a:gd name="connsiteY0" fmla="*/ 294986 h 1036084"/>
              <a:gd name="connsiteX1" fmla="*/ 469005 w 4158528"/>
              <a:gd name="connsiteY1" fmla="*/ 111007 h 1036084"/>
              <a:gd name="connsiteX2" fmla="*/ 1240067 w 4158528"/>
              <a:gd name="connsiteY2" fmla="*/ 0 h 1036084"/>
              <a:gd name="connsiteX3" fmla="*/ 3161271 w 4158528"/>
              <a:gd name="connsiteY3" fmla="*/ 243402 h 1036084"/>
              <a:gd name="connsiteX4" fmla="*/ 3674705 w 4158528"/>
              <a:gd name="connsiteY4" fmla="*/ 402753 h 1036084"/>
              <a:gd name="connsiteX5" fmla="*/ 3936014 w 4158528"/>
              <a:gd name="connsiteY5" fmla="*/ 519314 h 1036084"/>
              <a:gd name="connsiteX6" fmla="*/ 3982391 w 4158528"/>
              <a:gd name="connsiteY6" fmla="*/ 618146 h 1036084"/>
              <a:gd name="connsiteX7" fmla="*/ 3881626 w 4158528"/>
              <a:gd name="connsiteY7" fmla="*/ 861413 h 1036084"/>
              <a:gd name="connsiteX8" fmla="*/ 2320981 w 4158528"/>
              <a:gd name="connsiteY8" fmla="*/ 792830 h 1036084"/>
              <a:gd name="connsiteX9" fmla="*/ 1103942 w 4158528"/>
              <a:gd name="connsiteY9" fmla="*/ 852769 h 1036084"/>
              <a:gd name="connsiteX10" fmla="*/ 340642 w 4158528"/>
              <a:gd name="connsiteY10" fmla="*/ 973287 h 1036084"/>
              <a:gd name="connsiteX11" fmla="*/ 24100 w 4158528"/>
              <a:gd name="connsiteY11" fmla="*/ 475988 h 1036084"/>
              <a:gd name="connsiteX12" fmla="*/ 0 w 4158528"/>
              <a:gd name="connsiteY12" fmla="*/ 294986 h 10360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158528" h="1036084">
                <a:moveTo>
                  <a:pt x="0" y="294986"/>
                </a:moveTo>
                <a:cubicBezTo>
                  <a:pt x="0" y="203743"/>
                  <a:pt x="262327" y="160171"/>
                  <a:pt x="469005" y="111007"/>
                </a:cubicBezTo>
                <a:cubicBezTo>
                  <a:pt x="675683" y="61843"/>
                  <a:pt x="1148824" y="0"/>
                  <a:pt x="1240067" y="0"/>
                </a:cubicBezTo>
                <a:lnTo>
                  <a:pt x="3161271" y="243402"/>
                </a:lnTo>
                <a:cubicBezTo>
                  <a:pt x="3252514" y="243402"/>
                  <a:pt x="3545581" y="356768"/>
                  <a:pt x="3674705" y="402753"/>
                </a:cubicBezTo>
                <a:cubicBezTo>
                  <a:pt x="3803829" y="448738"/>
                  <a:pt x="3936014" y="428071"/>
                  <a:pt x="3936014" y="519314"/>
                </a:cubicBezTo>
                <a:cubicBezTo>
                  <a:pt x="3936014" y="605536"/>
                  <a:pt x="3982391" y="531924"/>
                  <a:pt x="3982391" y="618146"/>
                </a:cubicBezTo>
                <a:cubicBezTo>
                  <a:pt x="3982391" y="709389"/>
                  <a:pt x="4158528" y="832299"/>
                  <a:pt x="3881626" y="861413"/>
                </a:cubicBezTo>
                <a:cubicBezTo>
                  <a:pt x="3604724" y="890527"/>
                  <a:pt x="2412224" y="792830"/>
                  <a:pt x="2320981" y="792830"/>
                </a:cubicBezTo>
                <a:lnTo>
                  <a:pt x="1103942" y="852769"/>
                </a:lnTo>
                <a:cubicBezTo>
                  <a:pt x="1012699" y="852769"/>
                  <a:pt x="520616" y="1036084"/>
                  <a:pt x="340642" y="973287"/>
                </a:cubicBezTo>
                <a:cubicBezTo>
                  <a:pt x="160668" y="910490"/>
                  <a:pt x="24099" y="567231"/>
                  <a:pt x="24100" y="475988"/>
                </a:cubicBezTo>
                <a:cubicBezTo>
                  <a:pt x="24100" y="389766"/>
                  <a:pt x="0" y="381208"/>
                  <a:pt x="0" y="294986"/>
                </a:cubicBezTo>
                <a:close/>
              </a:path>
            </a:pathLst>
          </a:custGeom>
          <a:noFill/>
          <a:ln w="28575">
            <a:solidFill>
              <a:srgbClr val="002060"/>
            </a:solidFill>
            <a:prstDash val="dash"/>
          </a:ln>
          <a:effectLst>
            <a:glow rad="101600">
              <a:schemeClr val="accent4">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1" name="フリーフォーム 120"/>
          <p:cNvSpPr/>
          <p:nvPr/>
        </p:nvSpPr>
        <p:spPr>
          <a:xfrm rot="19427312">
            <a:off x="946931" y="4020882"/>
            <a:ext cx="4203021" cy="1298433"/>
          </a:xfrm>
          <a:custGeom>
            <a:avLst/>
            <a:gdLst>
              <a:gd name="connsiteX0" fmla="*/ 0 w 4167100"/>
              <a:gd name="connsiteY0" fmla="*/ 429050 h 1180687"/>
              <a:gd name="connsiteX1" fmla="*/ 125666 w 4167100"/>
              <a:gd name="connsiteY1" fmla="*/ 125666 h 1180687"/>
              <a:gd name="connsiteX2" fmla="*/ 429050 w 4167100"/>
              <a:gd name="connsiteY2" fmla="*/ 1 h 1180687"/>
              <a:gd name="connsiteX3" fmla="*/ 3738050 w 4167100"/>
              <a:gd name="connsiteY3" fmla="*/ 0 h 1180687"/>
              <a:gd name="connsiteX4" fmla="*/ 4041434 w 4167100"/>
              <a:gd name="connsiteY4" fmla="*/ 125666 h 1180687"/>
              <a:gd name="connsiteX5" fmla="*/ 4167099 w 4167100"/>
              <a:gd name="connsiteY5" fmla="*/ 429050 h 1180687"/>
              <a:gd name="connsiteX6" fmla="*/ 4167100 w 4167100"/>
              <a:gd name="connsiteY6" fmla="*/ 751637 h 1180687"/>
              <a:gd name="connsiteX7" fmla="*/ 4041434 w 4167100"/>
              <a:gd name="connsiteY7" fmla="*/ 1055021 h 1180687"/>
              <a:gd name="connsiteX8" fmla="*/ 3738050 w 4167100"/>
              <a:gd name="connsiteY8" fmla="*/ 1180687 h 1180687"/>
              <a:gd name="connsiteX9" fmla="*/ 429050 w 4167100"/>
              <a:gd name="connsiteY9" fmla="*/ 1180687 h 1180687"/>
              <a:gd name="connsiteX10" fmla="*/ 125666 w 4167100"/>
              <a:gd name="connsiteY10" fmla="*/ 1055021 h 1180687"/>
              <a:gd name="connsiteX11" fmla="*/ 0 w 4167100"/>
              <a:gd name="connsiteY11" fmla="*/ 751637 h 1180687"/>
              <a:gd name="connsiteX12" fmla="*/ 0 w 4167100"/>
              <a:gd name="connsiteY12" fmla="*/ 429050 h 1180687"/>
              <a:gd name="connsiteX0" fmla="*/ 0 w 4239633"/>
              <a:gd name="connsiteY0" fmla="*/ 429050 h 1180687"/>
              <a:gd name="connsiteX1" fmla="*/ 125666 w 4239633"/>
              <a:gd name="connsiteY1" fmla="*/ 125666 h 1180687"/>
              <a:gd name="connsiteX2" fmla="*/ 429050 w 4239633"/>
              <a:gd name="connsiteY2" fmla="*/ 1 h 1180687"/>
              <a:gd name="connsiteX3" fmla="*/ 3738050 w 4239633"/>
              <a:gd name="connsiteY3" fmla="*/ 0 h 1180687"/>
              <a:gd name="connsiteX4" fmla="*/ 4041434 w 4239633"/>
              <a:gd name="connsiteY4" fmla="*/ 125666 h 1180687"/>
              <a:gd name="connsiteX5" fmla="*/ 4239632 w 4239633"/>
              <a:gd name="connsiteY5" fmla="*/ 527282 h 1180687"/>
              <a:gd name="connsiteX6" fmla="*/ 4167100 w 4239633"/>
              <a:gd name="connsiteY6" fmla="*/ 751637 h 1180687"/>
              <a:gd name="connsiteX7" fmla="*/ 4041434 w 4239633"/>
              <a:gd name="connsiteY7" fmla="*/ 1055021 h 1180687"/>
              <a:gd name="connsiteX8" fmla="*/ 3738050 w 4239633"/>
              <a:gd name="connsiteY8" fmla="*/ 1180687 h 1180687"/>
              <a:gd name="connsiteX9" fmla="*/ 429050 w 4239633"/>
              <a:gd name="connsiteY9" fmla="*/ 1180687 h 1180687"/>
              <a:gd name="connsiteX10" fmla="*/ 125666 w 4239633"/>
              <a:gd name="connsiteY10" fmla="*/ 1055021 h 1180687"/>
              <a:gd name="connsiteX11" fmla="*/ 0 w 4239633"/>
              <a:gd name="connsiteY11" fmla="*/ 751637 h 1180687"/>
              <a:gd name="connsiteX12" fmla="*/ 0 w 4239633"/>
              <a:gd name="connsiteY12" fmla="*/ 429050 h 1180687"/>
              <a:gd name="connsiteX0" fmla="*/ 0 w 4239633"/>
              <a:gd name="connsiteY0" fmla="*/ 429050 h 1180687"/>
              <a:gd name="connsiteX1" fmla="*/ 125666 w 4239633"/>
              <a:gd name="connsiteY1" fmla="*/ 125666 h 1180687"/>
              <a:gd name="connsiteX2" fmla="*/ 429050 w 4239633"/>
              <a:gd name="connsiteY2" fmla="*/ 1 h 1180687"/>
              <a:gd name="connsiteX3" fmla="*/ 3738050 w 4239633"/>
              <a:gd name="connsiteY3" fmla="*/ 0 h 1180687"/>
              <a:gd name="connsiteX4" fmla="*/ 3949137 w 4239633"/>
              <a:gd name="connsiteY4" fmla="*/ 314582 h 1180687"/>
              <a:gd name="connsiteX5" fmla="*/ 4239632 w 4239633"/>
              <a:gd name="connsiteY5" fmla="*/ 527282 h 1180687"/>
              <a:gd name="connsiteX6" fmla="*/ 4167100 w 4239633"/>
              <a:gd name="connsiteY6" fmla="*/ 751637 h 1180687"/>
              <a:gd name="connsiteX7" fmla="*/ 4041434 w 4239633"/>
              <a:gd name="connsiteY7" fmla="*/ 1055021 h 1180687"/>
              <a:gd name="connsiteX8" fmla="*/ 3738050 w 4239633"/>
              <a:gd name="connsiteY8" fmla="*/ 1180687 h 1180687"/>
              <a:gd name="connsiteX9" fmla="*/ 429050 w 4239633"/>
              <a:gd name="connsiteY9" fmla="*/ 1180687 h 1180687"/>
              <a:gd name="connsiteX10" fmla="*/ 125666 w 4239633"/>
              <a:gd name="connsiteY10" fmla="*/ 1055021 h 1180687"/>
              <a:gd name="connsiteX11" fmla="*/ 0 w 4239633"/>
              <a:gd name="connsiteY11" fmla="*/ 751637 h 1180687"/>
              <a:gd name="connsiteX12" fmla="*/ 0 w 4239633"/>
              <a:gd name="connsiteY12" fmla="*/ 429050 h 1180687"/>
              <a:gd name="connsiteX0" fmla="*/ 0 w 4239633"/>
              <a:gd name="connsiteY0" fmla="*/ 429050 h 1180687"/>
              <a:gd name="connsiteX1" fmla="*/ 125666 w 4239633"/>
              <a:gd name="connsiteY1" fmla="*/ 125666 h 1180687"/>
              <a:gd name="connsiteX2" fmla="*/ 429050 w 4239633"/>
              <a:gd name="connsiteY2" fmla="*/ 1 h 1180687"/>
              <a:gd name="connsiteX3" fmla="*/ 3393785 w 4239633"/>
              <a:gd name="connsiteY3" fmla="*/ 77971 h 1180687"/>
              <a:gd name="connsiteX4" fmla="*/ 3949137 w 4239633"/>
              <a:gd name="connsiteY4" fmla="*/ 314582 h 1180687"/>
              <a:gd name="connsiteX5" fmla="*/ 4239632 w 4239633"/>
              <a:gd name="connsiteY5" fmla="*/ 527282 h 1180687"/>
              <a:gd name="connsiteX6" fmla="*/ 4167100 w 4239633"/>
              <a:gd name="connsiteY6" fmla="*/ 751637 h 1180687"/>
              <a:gd name="connsiteX7" fmla="*/ 4041434 w 4239633"/>
              <a:gd name="connsiteY7" fmla="*/ 1055021 h 1180687"/>
              <a:gd name="connsiteX8" fmla="*/ 3738050 w 4239633"/>
              <a:gd name="connsiteY8" fmla="*/ 1180687 h 1180687"/>
              <a:gd name="connsiteX9" fmla="*/ 429050 w 4239633"/>
              <a:gd name="connsiteY9" fmla="*/ 1180687 h 1180687"/>
              <a:gd name="connsiteX10" fmla="*/ 125666 w 4239633"/>
              <a:gd name="connsiteY10" fmla="*/ 1055021 h 1180687"/>
              <a:gd name="connsiteX11" fmla="*/ 0 w 4239633"/>
              <a:gd name="connsiteY11" fmla="*/ 751637 h 1180687"/>
              <a:gd name="connsiteX12" fmla="*/ 0 w 4239633"/>
              <a:gd name="connsiteY12" fmla="*/ 429050 h 1180687"/>
              <a:gd name="connsiteX0" fmla="*/ 44033 w 4283666"/>
              <a:gd name="connsiteY0" fmla="*/ 743303 h 1494940"/>
              <a:gd name="connsiteX1" fmla="*/ 169699 w 4283666"/>
              <a:gd name="connsiteY1" fmla="*/ 439919 h 1494940"/>
              <a:gd name="connsiteX2" fmla="*/ 1062226 w 4283666"/>
              <a:gd name="connsiteY2" fmla="*/ 1 h 1494940"/>
              <a:gd name="connsiteX3" fmla="*/ 3437818 w 4283666"/>
              <a:gd name="connsiteY3" fmla="*/ 392224 h 1494940"/>
              <a:gd name="connsiteX4" fmla="*/ 3993170 w 4283666"/>
              <a:gd name="connsiteY4" fmla="*/ 628835 h 1494940"/>
              <a:gd name="connsiteX5" fmla="*/ 4283665 w 4283666"/>
              <a:gd name="connsiteY5" fmla="*/ 841535 h 1494940"/>
              <a:gd name="connsiteX6" fmla="*/ 4211133 w 4283666"/>
              <a:gd name="connsiteY6" fmla="*/ 1065890 h 1494940"/>
              <a:gd name="connsiteX7" fmla="*/ 4085467 w 4283666"/>
              <a:gd name="connsiteY7" fmla="*/ 1369274 h 1494940"/>
              <a:gd name="connsiteX8" fmla="*/ 3782083 w 4283666"/>
              <a:gd name="connsiteY8" fmla="*/ 1494940 h 1494940"/>
              <a:gd name="connsiteX9" fmla="*/ 473083 w 4283666"/>
              <a:gd name="connsiteY9" fmla="*/ 1494940 h 1494940"/>
              <a:gd name="connsiteX10" fmla="*/ 169699 w 4283666"/>
              <a:gd name="connsiteY10" fmla="*/ 1369274 h 1494940"/>
              <a:gd name="connsiteX11" fmla="*/ 44033 w 4283666"/>
              <a:gd name="connsiteY11" fmla="*/ 1065890 h 1494940"/>
              <a:gd name="connsiteX12" fmla="*/ 44033 w 4283666"/>
              <a:gd name="connsiteY12" fmla="*/ 743303 h 1494940"/>
              <a:gd name="connsiteX0" fmla="*/ 44033 w 4283666"/>
              <a:gd name="connsiteY0" fmla="*/ 743303 h 1494940"/>
              <a:gd name="connsiteX1" fmla="*/ 169699 w 4283666"/>
              <a:gd name="connsiteY1" fmla="*/ 439919 h 1494940"/>
              <a:gd name="connsiteX2" fmla="*/ 1062226 w 4283666"/>
              <a:gd name="connsiteY2" fmla="*/ 1 h 1494940"/>
              <a:gd name="connsiteX3" fmla="*/ 2750246 w 4283666"/>
              <a:gd name="connsiteY3" fmla="*/ 254250 h 1494940"/>
              <a:gd name="connsiteX4" fmla="*/ 3993170 w 4283666"/>
              <a:gd name="connsiteY4" fmla="*/ 628835 h 1494940"/>
              <a:gd name="connsiteX5" fmla="*/ 4283665 w 4283666"/>
              <a:gd name="connsiteY5" fmla="*/ 841535 h 1494940"/>
              <a:gd name="connsiteX6" fmla="*/ 4211133 w 4283666"/>
              <a:gd name="connsiteY6" fmla="*/ 1065890 h 1494940"/>
              <a:gd name="connsiteX7" fmla="*/ 4085467 w 4283666"/>
              <a:gd name="connsiteY7" fmla="*/ 1369274 h 1494940"/>
              <a:gd name="connsiteX8" fmla="*/ 3782083 w 4283666"/>
              <a:gd name="connsiteY8" fmla="*/ 1494940 h 1494940"/>
              <a:gd name="connsiteX9" fmla="*/ 473083 w 4283666"/>
              <a:gd name="connsiteY9" fmla="*/ 1494940 h 1494940"/>
              <a:gd name="connsiteX10" fmla="*/ 169699 w 4283666"/>
              <a:gd name="connsiteY10" fmla="*/ 1369274 h 1494940"/>
              <a:gd name="connsiteX11" fmla="*/ 44033 w 4283666"/>
              <a:gd name="connsiteY11" fmla="*/ 1065890 h 1494940"/>
              <a:gd name="connsiteX12" fmla="*/ 44033 w 4283666"/>
              <a:gd name="connsiteY12" fmla="*/ 743303 h 1494940"/>
              <a:gd name="connsiteX0" fmla="*/ 199251 w 4438884"/>
              <a:gd name="connsiteY0" fmla="*/ 489053 h 1240690"/>
              <a:gd name="connsiteX1" fmla="*/ 324917 w 4438884"/>
              <a:gd name="connsiteY1" fmla="*/ 185669 h 1240690"/>
              <a:gd name="connsiteX2" fmla="*/ 2148755 w 4438884"/>
              <a:gd name="connsiteY2" fmla="*/ 34179 h 1240690"/>
              <a:gd name="connsiteX3" fmla="*/ 2905464 w 4438884"/>
              <a:gd name="connsiteY3" fmla="*/ 0 h 1240690"/>
              <a:gd name="connsiteX4" fmla="*/ 4148388 w 4438884"/>
              <a:gd name="connsiteY4" fmla="*/ 374585 h 1240690"/>
              <a:gd name="connsiteX5" fmla="*/ 4438883 w 4438884"/>
              <a:gd name="connsiteY5" fmla="*/ 587285 h 1240690"/>
              <a:gd name="connsiteX6" fmla="*/ 4366351 w 4438884"/>
              <a:gd name="connsiteY6" fmla="*/ 811640 h 1240690"/>
              <a:gd name="connsiteX7" fmla="*/ 4240685 w 4438884"/>
              <a:gd name="connsiteY7" fmla="*/ 1115024 h 1240690"/>
              <a:gd name="connsiteX8" fmla="*/ 3937301 w 4438884"/>
              <a:gd name="connsiteY8" fmla="*/ 1240690 h 1240690"/>
              <a:gd name="connsiteX9" fmla="*/ 628301 w 4438884"/>
              <a:gd name="connsiteY9" fmla="*/ 1240690 h 1240690"/>
              <a:gd name="connsiteX10" fmla="*/ 324917 w 4438884"/>
              <a:gd name="connsiteY10" fmla="*/ 1115024 h 1240690"/>
              <a:gd name="connsiteX11" fmla="*/ 199251 w 4438884"/>
              <a:gd name="connsiteY11" fmla="*/ 811640 h 1240690"/>
              <a:gd name="connsiteX12" fmla="*/ 199251 w 4438884"/>
              <a:gd name="connsiteY12" fmla="*/ 489053 h 1240690"/>
              <a:gd name="connsiteX0" fmla="*/ 0 w 4239633"/>
              <a:gd name="connsiteY0" fmla="*/ 489053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429050 w 4239633"/>
              <a:gd name="connsiteY9" fmla="*/ 1240690 h 1240690"/>
              <a:gd name="connsiteX10" fmla="*/ 125666 w 4239633"/>
              <a:gd name="connsiteY10" fmla="*/ 1115024 h 1240690"/>
              <a:gd name="connsiteX11" fmla="*/ 0 w 4239633"/>
              <a:gd name="connsiteY11" fmla="*/ 811640 h 1240690"/>
              <a:gd name="connsiteX12" fmla="*/ 0 w 4239633"/>
              <a:gd name="connsiteY12" fmla="*/ 489053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429050 w 4239633"/>
              <a:gd name="connsiteY9" fmla="*/ 1240690 h 1240690"/>
              <a:gd name="connsiteX10" fmla="*/ 125666 w 4239633"/>
              <a:gd name="connsiteY10" fmla="*/ 1115024 h 1240690"/>
              <a:gd name="connsiteX11" fmla="*/ 0 w 4239633"/>
              <a:gd name="connsiteY11" fmla="*/ 811640 h 1240690"/>
              <a:gd name="connsiteX12" fmla="*/ 178816 w 4239633"/>
              <a:gd name="connsiteY12" fmla="*/ 648355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357251 w 4239633"/>
              <a:gd name="connsiteY9" fmla="*/ 1135991 h 1240690"/>
              <a:gd name="connsiteX10" fmla="*/ 125666 w 4239633"/>
              <a:gd name="connsiteY10" fmla="*/ 1115024 h 1240690"/>
              <a:gd name="connsiteX11" fmla="*/ 0 w 4239633"/>
              <a:gd name="connsiteY11" fmla="*/ 811640 h 1240690"/>
              <a:gd name="connsiteX12" fmla="*/ 178816 w 4239633"/>
              <a:gd name="connsiteY12" fmla="*/ 648355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949137 w 4239633"/>
              <a:gd name="connsiteY4" fmla="*/ 374585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357251 w 4239633"/>
              <a:gd name="connsiteY9" fmla="*/ 1135991 h 1240690"/>
              <a:gd name="connsiteX10" fmla="*/ 78543 w 4239633"/>
              <a:gd name="connsiteY10" fmla="*/ 980055 h 1240690"/>
              <a:gd name="connsiteX11" fmla="*/ 0 w 4239633"/>
              <a:gd name="connsiteY11" fmla="*/ 811640 h 1240690"/>
              <a:gd name="connsiteX12" fmla="*/ 178816 w 4239633"/>
              <a:gd name="connsiteY12" fmla="*/ 648355 h 1240690"/>
              <a:gd name="connsiteX0" fmla="*/ 178816 w 4239633"/>
              <a:gd name="connsiteY0" fmla="*/ 648355 h 1240690"/>
              <a:gd name="connsiteX1" fmla="*/ 952809 w 4239633"/>
              <a:gd name="connsiteY1" fmla="*/ 322604 h 1240690"/>
              <a:gd name="connsiteX2" fmla="*/ 1949504 w 4239633"/>
              <a:gd name="connsiteY2" fmla="*/ 34179 h 1240690"/>
              <a:gd name="connsiteX3" fmla="*/ 2706213 w 4239633"/>
              <a:gd name="connsiteY3" fmla="*/ 0 h 1240690"/>
              <a:gd name="connsiteX4" fmla="*/ 3692994 w 4239633"/>
              <a:gd name="connsiteY4" fmla="*/ 292462 h 1240690"/>
              <a:gd name="connsiteX5" fmla="*/ 4239632 w 4239633"/>
              <a:gd name="connsiteY5" fmla="*/ 587285 h 1240690"/>
              <a:gd name="connsiteX6" fmla="*/ 4167100 w 4239633"/>
              <a:gd name="connsiteY6" fmla="*/ 811640 h 1240690"/>
              <a:gd name="connsiteX7" fmla="*/ 4041434 w 4239633"/>
              <a:gd name="connsiteY7" fmla="*/ 1115024 h 1240690"/>
              <a:gd name="connsiteX8" fmla="*/ 3738050 w 4239633"/>
              <a:gd name="connsiteY8" fmla="*/ 1240690 h 1240690"/>
              <a:gd name="connsiteX9" fmla="*/ 357251 w 4239633"/>
              <a:gd name="connsiteY9" fmla="*/ 1135991 h 1240690"/>
              <a:gd name="connsiteX10" fmla="*/ 78543 w 4239633"/>
              <a:gd name="connsiteY10" fmla="*/ 980055 h 1240690"/>
              <a:gd name="connsiteX11" fmla="*/ 0 w 4239633"/>
              <a:gd name="connsiteY11" fmla="*/ 811640 h 1240690"/>
              <a:gd name="connsiteX12" fmla="*/ 178816 w 4239633"/>
              <a:gd name="connsiteY12" fmla="*/ 648355 h 1240690"/>
              <a:gd name="connsiteX0" fmla="*/ 178816 w 4203021"/>
              <a:gd name="connsiteY0" fmla="*/ 648355 h 1240690"/>
              <a:gd name="connsiteX1" fmla="*/ 952809 w 4203021"/>
              <a:gd name="connsiteY1" fmla="*/ 322604 h 1240690"/>
              <a:gd name="connsiteX2" fmla="*/ 1949504 w 4203021"/>
              <a:gd name="connsiteY2" fmla="*/ 34179 h 1240690"/>
              <a:gd name="connsiteX3" fmla="*/ 2706213 w 4203021"/>
              <a:gd name="connsiteY3" fmla="*/ 0 h 1240690"/>
              <a:gd name="connsiteX4" fmla="*/ 3692994 w 4203021"/>
              <a:gd name="connsiteY4" fmla="*/ 292462 h 1240690"/>
              <a:gd name="connsiteX5" fmla="*/ 4203020 w 4203021"/>
              <a:gd name="connsiteY5" fmla="*/ 547299 h 1240690"/>
              <a:gd name="connsiteX6" fmla="*/ 4167100 w 4203021"/>
              <a:gd name="connsiteY6" fmla="*/ 811640 h 1240690"/>
              <a:gd name="connsiteX7" fmla="*/ 4041434 w 4203021"/>
              <a:gd name="connsiteY7" fmla="*/ 1115024 h 1240690"/>
              <a:gd name="connsiteX8" fmla="*/ 3738050 w 4203021"/>
              <a:gd name="connsiteY8" fmla="*/ 1240690 h 1240690"/>
              <a:gd name="connsiteX9" fmla="*/ 357251 w 4203021"/>
              <a:gd name="connsiteY9" fmla="*/ 1135991 h 1240690"/>
              <a:gd name="connsiteX10" fmla="*/ 78543 w 4203021"/>
              <a:gd name="connsiteY10" fmla="*/ 980055 h 1240690"/>
              <a:gd name="connsiteX11" fmla="*/ 0 w 4203021"/>
              <a:gd name="connsiteY11" fmla="*/ 811640 h 1240690"/>
              <a:gd name="connsiteX12" fmla="*/ 178816 w 4203021"/>
              <a:gd name="connsiteY12" fmla="*/ 648355 h 1240690"/>
              <a:gd name="connsiteX0" fmla="*/ 178816 w 4203021"/>
              <a:gd name="connsiteY0" fmla="*/ 648355 h 1291277"/>
              <a:gd name="connsiteX1" fmla="*/ 952809 w 4203021"/>
              <a:gd name="connsiteY1" fmla="*/ 322604 h 1291277"/>
              <a:gd name="connsiteX2" fmla="*/ 1949504 w 4203021"/>
              <a:gd name="connsiteY2" fmla="*/ 34179 h 1291277"/>
              <a:gd name="connsiteX3" fmla="*/ 2706213 w 4203021"/>
              <a:gd name="connsiteY3" fmla="*/ 0 h 1291277"/>
              <a:gd name="connsiteX4" fmla="*/ 3692994 w 4203021"/>
              <a:gd name="connsiteY4" fmla="*/ 292462 h 1291277"/>
              <a:gd name="connsiteX5" fmla="*/ 4203020 w 4203021"/>
              <a:gd name="connsiteY5" fmla="*/ 547299 h 1291277"/>
              <a:gd name="connsiteX6" fmla="*/ 4167100 w 4203021"/>
              <a:gd name="connsiteY6" fmla="*/ 811640 h 1291277"/>
              <a:gd name="connsiteX7" fmla="*/ 3872333 w 4203021"/>
              <a:gd name="connsiteY7" fmla="*/ 1210815 h 1291277"/>
              <a:gd name="connsiteX8" fmla="*/ 3738050 w 4203021"/>
              <a:gd name="connsiteY8" fmla="*/ 1240690 h 1291277"/>
              <a:gd name="connsiteX9" fmla="*/ 357251 w 4203021"/>
              <a:gd name="connsiteY9" fmla="*/ 1135991 h 1291277"/>
              <a:gd name="connsiteX10" fmla="*/ 78543 w 4203021"/>
              <a:gd name="connsiteY10" fmla="*/ 980055 h 1291277"/>
              <a:gd name="connsiteX11" fmla="*/ 0 w 4203021"/>
              <a:gd name="connsiteY11" fmla="*/ 811640 h 1291277"/>
              <a:gd name="connsiteX12" fmla="*/ 178816 w 4203021"/>
              <a:gd name="connsiteY12" fmla="*/ 648355 h 1291277"/>
              <a:gd name="connsiteX0" fmla="*/ 178816 w 4212652"/>
              <a:gd name="connsiteY0" fmla="*/ 648355 h 1293260"/>
              <a:gd name="connsiteX1" fmla="*/ 952809 w 4212652"/>
              <a:gd name="connsiteY1" fmla="*/ 322604 h 1293260"/>
              <a:gd name="connsiteX2" fmla="*/ 1949504 w 4212652"/>
              <a:gd name="connsiteY2" fmla="*/ 34179 h 1293260"/>
              <a:gd name="connsiteX3" fmla="*/ 2706213 w 4212652"/>
              <a:gd name="connsiteY3" fmla="*/ 0 h 1293260"/>
              <a:gd name="connsiteX4" fmla="*/ 3692994 w 4212652"/>
              <a:gd name="connsiteY4" fmla="*/ 292462 h 1293260"/>
              <a:gd name="connsiteX5" fmla="*/ 4203020 w 4212652"/>
              <a:gd name="connsiteY5" fmla="*/ 547299 h 1293260"/>
              <a:gd name="connsiteX6" fmla="*/ 4212652 w 4212652"/>
              <a:gd name="connsiteY6" fmla="*/ 746022 h 1293260"/>
              <a:gd name="connsiteX7" fmla="*/ 3872333 w 4212652"/>
              <a:gd name="connsiteY7" fmla="*/ 1210815 h 1293260"/>
              <a:gd name="connsiteX8" fmla="*/ 3738050 w 4212652"/>
              <a:gd name="connsiteY8" fmla="*/ 1240690 h 1293260"/>
              <a:gd name="connsiteX9" fmla="*/ 357251 w 4212652"/>
              <a:gd name="connsiteY9" fmla="*/ 1135991 h 1293260"/>
              <a:gd name="connsiteX10" fmla="*/ 78543 w 4212652"/>
              <a:gd name="connsiteY10" fmla="*/ 980055 h 1293260"/>
              <a:gd name="connsiteX11" fmla="*/ 0 w 4212652"/>
              <a:gd name="connsiteY11" fmla="*/ 811640 h 1293260"/>
              <a:gd name="connsiteX12" fmla="*/ 178816 w 4212652"/>
              <a:gd name="connsiteY12" fmla="*/ 648355 h 1293260"/>
              <a:gd name="connsiteX0" fmla="*/ 178816 w 4203021"/>
              <a:gd name="connsiteY0" fmla="*/ 648355 h 1311936"/>
              <a:gd name="connsiteX1" fmla="*/ 952809 w 4203021"/>
              <a:gd name="connsiteY1" fmla="*/ 322604 h 1311936"/>
              <a:gd name="connsiteX2" fmla="*/ 1949504 w 4203021"/>
              <a:gd name="connsiteY2" fmla="*/ 34179 h 1311936"/>
              <a:gd name="connsiteX3" fmla="*/ 2706213 w 4203021"/>
              <a:gd name="connsiteY3" fmla="*/ 0 h 1311936"/>
              <a:gd name="connsiteX4" fmla="*/ 3692994 w 4203021"/>
              <a:gd name="connsiteY4" fmla="*/ 292462 h 1311936"/>
              <a:gd name="connsiteX5" fmla="*/ 4203020 w 4203021"/>
              <a:gd name="connsiteY5" fmla="*/ 547299 h 1311936"/>
              <a:gd name="connsiteX6" fmla="*/ 3937716 w 4203021"/>
              <a:gd name="connsiteY6" fmla="*/ 633961 h 1311936"/>
              <a:gd name="connsiteX7" fmla="*/ 3872333 w 4203021"/>
              <a:gd name="connsiteY7" fmla="*/ 1210815 h 1311936"/>
              <a:gd name="connsiteX8" fmla="*/ 3738050 w 4203021"/>
              <a:gd name="connsiteY8" fmla="*/ 1240690 h 1311936"/>
              <a:gd name="connsiteX9" fmla="*/ 357251 w 4203021"/>
              <a:gd name="connsiteY9" fmla="*/ 1135991 h 1311936"/>
              <a:gd name="connsiteX10" fmla="*/ 78543 w 4203021"/>
              <a:gd name="connsiteY10" fmla="*/ 980055 h 1311936"/>
              <a:gd name="connsiteX11" fmla="*/ 0 w 4203021"/>
              <a:gd name="connsiteY11" fmla="*/ 811640 h 1311936"/>
              <a:gd name="connsiteX12" fmla="*/ 178816 w 4203021"/>
              <a:gd name="connsiteY12" fmla="*/ 648355 h 1311936"/>
              <a:gd name="connsiteX0" fmla="*/ 178816 w 4203021"/>
              <a:gd name="connsiteY0" fmla="*/ 648355 h 1271300"/>
              <a:gd name="connsiteX1" fmla="*/ 952809 w 4203021"/>
              <a:gd name="connsiteY1" fmla="*/ 322604 h 1271300"/>
              <a:gd name="connsiteX2" fmla="*/ 1949504 w 4203021"/>
              <a:gd name="connsiteY2" fmla="*/ 34179 h 1271300"/>
              <a:gd name="connsiteX3" fmla="*/ 2706213 w 4203021"/>
              <a:gd name="connsiteY3" fmla="*/ 0 h 1271300"/>
              <a:gd name="connsiteX4" fmla="*/ 3692994 w 4203021"/>
              <a:gd name="connsiteY4" fmla="*/ 292462 h 1271300"/>
              <a:gd name="connsiteX5" fmla="*/ 4203020 w 4203021"/>
              <a:gd name="connsiteY5" fmla="*/ 547299 h 1271300"/>
              <a:gd name="connsiteX6" fmla="*/ 4026934 w 4203021"/>
              <a:gd name="connsiteY6" fmla="*/ 877779 h 1271300"/>
              <a:gd name="connsiteX7" fmla="*/ 3872333 w 4203021"/>
              <a:gd name="connsiteY7" fmla="*/ 1210815 h 1271300"/>
              <a:gd name="connsiteX8" fmla="*/ 3738050 w 4203021"/>
              <a:gd name="connsiteY8" fmla="*/ 1240690 h 1271300"/>
              <a:gd name="connsiteX9" fmla="*/ 357251 w 4203021"/>
              <a:gd name="connsiteY9" fmla="*/ 1135991 h 1271300"/>
              <a:gd name="connsiteX10" fmla="*/ 78543 w 4203021"/>
              <a:gd name="connsiteY10" fmla="*/ 980055 h 1271300"/>
              <a:gd name="connsiteX11" fmla="*/ 0 w 4203021"/>
              <a:gd name="connsiteY11" fmla="*/ 811640 h 1271300"/>
              <a:gd name="connsiteX12" fmla="*/ 178816 w 4203021"/>
              <a:gd name="connsiteY12" fmla="*/ 648355 h 1271300"/>
              <a:gd name="connsiteX0" fmla="*/ 178816 w 4203021"/>
              <a:gd name="connsiteY0" fmla="*/ 648355 h 1266383"/>
              <a:gd name="connsiteX1" fmla="*/ 952809 w 4203021"/>
              <a:gd name="connsiteY1" fmla="*/ 322604 h 1266383"/>
              <a:gd name="connsiteX2" fmla="*/ 1949504 w 4203021"/>
              <a:gd name="connsiteY2" fmla="*/ 34179 h 1266383"/>
              <a:gd name="connsiteX3" fmla="*/ 2706213 w 4203021"/>
              <a:gd name="connsiteY3" fmla="*/ 0 h 1266383"/>
              <a:gd name="connsiteX4" fmla="*/ 3692994 w 4203021"/>
              <a:gd name="connsiteY4" fmla="*/ 292462 h 1266383"/>
              <a:gd name="connsiteX5" fmla="*/ 4203020 w 4203021"/>
              <a:gd name="connsiteY5" fmla="*/ 547299 h 1266383"/>
              <a:gd name="connsiteX6" fmla="*/ 4095719 w 4203021"/>
              <a:gd name="connsiteY6" fmla="*/ 907284 h 1266383"/>
              <a:gd name="connsiteX7" fmla="*/ 3872333 w 4203021"/>
              <a:gd name="connsiteY7" fmla="*/ 1210815 h 1266383"/>
              <a:gd name="connsiteX8" fmla="*/ 3738050 w 4203021"/>
              <a:gd name="connsiteY8" fmla="*/ 1240690 h 1266383"/>
              <a:gd name="connsiteX9" fmla="*/ 357251 w 4203021"/>
              <a:gd name="connsiteY9" fmla="*/ 1135991 h 1266383"/>
              <a:gd name="connsiteX10" fmla="*/ 78543 w 4203021"/>
              <a:gd name="connsiteY10" fmla="*/ 980055 h 1266383"/>
              <a:gd name="connsiteX11" fmla="*/ 0 w 4203021"/>
              <a:gd name="connsiteY11" fmla="*/ 811640 h 1266383"/>
              <a:gd name="connsiteX12" fmla="*/ 178816 w 4203021"/>
              <a:gd name="connsiteY12" fmla="*/ 648355 h 1266383"/>
              <a:gd name="connsiteX0" fmla="*/ 178816 w 4203021"/>
              <a:gd name="connsiteY0" fmla="*/ 648355 h 1292126"/>
              <a:gd name="connsiteX1" fmla="*/ 952809 w 4203021"/>
              <a:gd name="connsiteY1" fmla="*/ 322604 h 1292126"/>
              <a:gd name="connsiteX2" fmla="*/ 1949504 w 4203021"/>
              <a:gd name="connsiteY2" fmla="*/ 34179 h 1292126"/>
              <a:gd name="connsiteX3" fmla="*/ 2706213 w 4203021"/>
              <a:gd name="connsiteY3" fmla="*/ 0 h 1292126"/>
              <a:gd name="connsiteX4" fmla="*/ 3692994 w 4203021"/>
              <a:gd name="connsiteY4" fmla="*/ 292462 h 1292126"/>
              <a:gd name="connsiteX5" fmla="*/ 4203020 w 4203021"/>
              <a:gd name="connsiteY5" fmla="*/ 547299 h 1292126"/>
              <a:gd name="connsiteX6" fmla="*/ 4160144 w 4203021"/>
              <a:gd name="connsiteY6" fmla="*/ 752824 h 1292126"/>
              <a:gd name="connsiteX7" fmla="*/ 3872333 w 4203021"/>
              <a:gd name="connsiteY7" fmla="*/ 1210815 h 1292126"/>
              <a:gd name="connsiteX8" fmla="*/ 3738050 w 4203021"/>
              <a:gd name="connsiteY8" fmla="*/ 1240690 h 1292126"/>
              <a:gd name="connsiteX9" fmla="*/ 357251 w 4203021"/>
              <a:gd name="connsiteY9" fmla="*/ 1135991 h 1292126"/>
              <a:gd name="connsiteX10" fmla="*/ 78543 w 4203021"/>
              <a:gd name="connsiteY10" fmla="*/ 980055 h 1292126"/>
              <a:gd name="connsiteX11" fmla="*/ 0 w 4203021"/>
              <a:gd name="connsiteY11" fmla="*/ 811640 h 1292126"/>
              <a:gd name="connsiteX12" fmla="*/ 178816 w 4203021"/>
              <a:gd name="connsiteY12" fmla="*/ 648355 h 1292126"/>
              <a:gd name="connsiteX0" fmla="*/ 178816 w 4203021"/>
              <a:gd name="connsiteY0" fmla="*/ 648355 h 1298433"/>
              <a:gd name="connsiteX1" fmla="*/ 952809 w 4203021"/>
              <a:gd name="connsiteY1" fmla="*/ 322604 h 1298433"/>
              <a:gd name="connsiteX2" fmla="*/ 1949504 w 4203021"/>
              <a:gd name="connsiteY2" fmla="*/ 34179 h 1298433"/>
              <a:gd name="connsiteX3" fmla="*/ 2706213 w 4203021"/>
              <a:gd name="connsiteY3" fmla="*/ 0 h 1298433"/>
              <a:gd name="connsiteX4" fmla="*/ 3692994 w 4203021"/>
              <a:gd name="connsiteY4" fmla="*/ 292462 h 1298433"/>
              <a:gd name="connsiteX5" fmla="*/ 4203020 w 4203021"/>
              <a:gd name="connsiteY5" fmla="*/ 547299 h 1298433"/>
              <a:gd name="connsiteX6" fmla="*/ 4160144 w 4203021"/>
              <a:gd name="connsiteY6" fmla="*/ 752824 h 1298433"/>
              <a:gd name="connsiteX7" fmla="*/ 3909433 w 4203021"/>
              <a:gd name="connsiteY7" fmla="*/ 1217122 h 1298433"/>
              <a:gd name="connsiteX8" fmla="*/ 3738050 w 4203021"/>
              <a:gd name="connsiteY8" fmla="*/ 1240690 h 1298433"/>
              <a:gd name="connsiteX9" fmla="*/ 357251 w 4203021"/>
              <a:gd name="connsiteY9" fmla="*/ 1135991 h 1298433"/>
              <a:gd name="connsiteX10" fmla="*/ 78543 w 4203021"/>
              <a:gd name="connsiteY10" fmla="*/ 980055 h 1298433"/>
              <a:gd name="connsiteX11" fmla="*/ 0 w 4203021"/>
              <a:gd name="connsiteY11" fmla="*/ 811640 h 1298433"/>
              <a:gd name="connsiteX12" fmla="*/ 178816 w 4203021"/>
              <a:gd name="connsiteY12" fmla="*/ 648355 h 12984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4203021" h="1298433">
                <a:moveTo>
                  <a:pt x="178816" y="648355"/>
                </a:moveTo>
                <a:cubicBezTo>
                  <a:pt x="178816" y="534564"/>
                  <a:pt x="657694" y="424967"/>
                  <a:pt x="952809" y="322604"/>
                </a:cubicBezTo>
                <a:cubicBezTo>
                  <a:pt x="1247924" y="220241"/>
                  <a:pt x="1835713" y="34178"/>
                  <a:pt x="1949504" y="34179"/>
                </a:cubicBezTo>
                <a:lnTo>
                  <a:pt x="2706213" y="0"/>
                </a:lnTo>
                <a:cubicBezTo>
                  <a:pt x="2820004" y="0"/>
                  <a:pt x="3443526" y="201246"/>
                  <a:pt x="3692994" y="292462"/>
                </a:cubicBezTo>
                <a:cubicBezTo>
                  <a:pt x="3942462" y="383679"/>
                  <a:pt x="4203021" y="433508"/>
                  <a:pt x="4203020" y="547299"/>
                </a:cubicBezTo>
                <a:cubicBezTo>
                  <a:pt x="4203020" y="654828"/>
                  <a:pt x="4160144" y="645295"/>
                  <a:pt x="4160144" y="752824"/>
                </a:cubicBezTo>
                <a:cubicBezTo>
                  <a:pt x="4160144" y="866615"/>
                  <a:pt x="3979782" y="1135811"/>
                  <a:pt x="3909433" y="1217122"/>
                </a:cubicBezTo>
                <a:cubicBezTo>
                  <a:pt x="3839084" y="1298433"/>
                  <a:pt x="3851841" y="1240690"/>
                  <a:pt x="3738050" y="1240690"/>
                </a:cubicBezTo>
                <a:lnTo>
                  <a:pt x="357251" y="1135991"/>
                </a:lnTo>
                <a:cubicBezTo>
                  <a:pt x="243460" y="1135991"/>
                  <a:pt x="138085" y="1034113"/>
                  <a:pt x="78543" y="980055"/>
                </a:cubicBezTo>
                <a:cubicBezTo>
                  <a:pt x="19001" y="925997"/>
                  <a:pt x="0" y="925431"/>
                  <a:pt x="0" y="811640"/>
                </a:cubicBezTo>
                <a:lnTo>
                  <a:pt x="178816" y="648355"/>
                </a:lnTo>
                <a:close/>
              </a:path>
            </a:pathLst>
          </a:custGeom>
          <a:noFill/>
          <a:ln w="28575">
            <a:solidFill>
              <a:srgbClr val="002060"/>
            </a:solidFill>
            <a:prstDash val="dash"/>
          </a:ln>
          <a:effectLst>
            <a:glow rad="101600">
              <a:schemeClr val="accent6">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22" name="表 121"/>
          <p:cNvGraphicFramePr>
            <a:graphicFrameLocks noGrp="1"/>
          </p:cNvGraphicFramePr>
          <p:nvPr/>
        </p:nvGraphicFramePr>
        <p:xfrm>
          <a:off x="3584850" y="5157192"/>
          <a:ext cx="1656184" cy="1314008"/>
        </p:xfrm>
        <a:graphic>
          <a:graphicData uri="http://schemas.openxmlformats.org/drawingml/2006/table">
            <a:tbl>
              <a:tblPr firstRow="1" bandRow="1">
                <a:tableStyleId>{5C22544A-7EE6-4342-B048-85BDC9FD1C3A}</a:tableStyleId>
              </a:tblPr>
              <a:tblGrid>
                <a:gridCol w="321835"/>
                <a:gridCol w="1334349"/>
              </a:tblGrid>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番号</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権利者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algn="ctr"/>
                      <a:r>
                        <a:rPr kumimoji="1" lang="ja-JP" altLang="en-US" sz="1000" b="0" dirty="0" smtClean="0">
                          <a:solidFill>
                            <a:schemeClr val="tx1"/>
                          </a:solidFill>
                        </a:rPr>
                        <a:t>⑤</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新美術館予定地</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r>
              <a:tr h="164251">
                <a:tc>
                  <a:txBody>
                    <a:bodyPr/>
                    <a:lstStyle/>
                    <a:p>
                      <a:pPr algn="ctr"/>
                      <a:r>
                        <a:rPr kumimoji="1" lang="ja-JP" altLang="en-US" sz="1000" b="0" dirty="0" smtClean="0">
                          <a:solidFill>
                            <a:schemeClr val="tx1"/>
                          </a:solidFill>
                        </a:rPr>
                        <a:t>⑥</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国立国際美術館</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⑦</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c>
                  <a:txBody>
                    <a:bodyPr/>
                    <a:lstStyle/>
                    <a:p>
                      <a:pPr algn="ctr"/>
                      <a:r>
                        <a:rPr lang="ja-JP" altLang="en-US" sz="1000" dirty="0" smtClean="0"/>
                        <a:t>大阪市立科学館</a:t>
                      </a:r>
                      <a:endParaRPr lang="ja-JP" altLang="en-US" sz="10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75000"/>
                      </a:srgbClr>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⑧</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大学中之島センター</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⑨</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市有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⑩</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市立扇町高校跡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⑪</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府立国際会議場</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75000"/>
                      </a:srgbClr>
                    </a:solidFill>
                  </a:tcPr>
                </a:tc>
              </a:tr>
            </a:tbl>
          </a:graphicData>
        </a:graphic>
      </p:graphicFrame>
      <p:sp>
        <p:nvSpPr>
          <p:cNvPr id="38" name="テキスト ボックス 37"/>
          <p:cNvSpPr txBox="1"/>
          <p:nvPr/>
        </p:nvSpPr>
        <p:spPr>
          <a:xfrm>
            <a:off x="3698979" y="3937933"/>
            <a:ext cx="173943"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⑤</a:t>
            </a:r>
            <a:endParaRPr kumimoji="1" lang="ja-JP" altLang="en-US" sz="1000" dirty="0">
              <a:latin typeface="Meiryo UI" pitchFamily="50" charset="-128"/>
              <a:ea typeface="Meiryo UI" pitchFamily="50" charset="-128"/>
              <a:cs typeface="Meiryo UI" pitchFamily="50" charset="-128"/>
            </a:endParaRPr>
          </a:p>
        </p:txBody>
      </p:sp>
      <p:sp>
        <p:nvSpPr>
          <p:cNvPr id="36" name="テキスト ボックス 35"/>
          <p:cNvSpPr txBox="1"/>
          <p:nvPr/>
        </p:nvSpPr>
        <p:spPr>
          <a:xfrm>
            <a:off x="3224811" y="4369981"/>
            <a:ext cx="360040"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⑩</a:t>
            </a:r>
            <a:endParaRPr kumimoji="1" lang="ja-JP" altLang="en-US" sz="1000" dirty="0">
              <a:latin typeface="Meiryo UI" pitchFamily="50" charset="-128"/>
              <a:ea typeface="Meiryo UI" pitchFamily="50" charset="-128"/>
              <a:cs typeface="Meiryo UI" pitchFamily="50" charset="-128"/>
            </a:endParaRPr>
          </a:p>
        </p:txBody>
      </p:sp>
      <p:sp>
        <p:nvSpPr>
          <p:cNvPr id="37" name="テキスト ボックス 36"/>
          <p:cNvSpPr txBox="1"/>
          <p:nvPr/>
        </p:nvSpPr>
        <p:spPr>
          <a:xfrm>
            <a:off x="3440832" y="4149080"/>
            <a:ext cx="360040" cy="153888"/>
          </a:xfrm>
          <a:prstGeom prst="rect">
            <a:avLst/>
          </a:prstGeom>
          <a:noFill/>
        </p:spPr>
        <p:txBody>
          <a:bodyPr wrap="square" lIns="0" tIns="0" rIns="0" bIns="0" rtlCol="0">
            <a:spAutoFit/>
          </a:bodyPr>
          <a:lstStyle/>
          <a:p>
            <a:r>
              <a:rPr lang="ja-JP" altLang="en-US" sz="1000" dirty="0" smtClean="0">
                <a:latin typeface="Meiryo UI" pitchFamily="50" charset="-128"/>
                <a:ea typeface="Meiryo UI" pitchFamily="50" charset="-128"/>
                <a:cs typeface="Meiryo UI" pitchFamily="50" charset="-128"/>
              </a:rPr>
              <a:t>⑨</a:t>
            </a:r>
            <a:endParaRPr kumimoji="1" lang="ja-JP" altLang="en-US" sz="1000" dirty="0">
              <a:latin typeface="Meiryo UI" pitchFamily="50" charset="-128"/>
              <a:ea typeface="Meiryo UI" pitchFamily="50" charset="-128"/>
              <a:cs typeface="Meiryo UI" pitchFamily="50" charset="-128"/>
            </a:endParaRPr>
          </a:p>
        </p:txBody>
      </p:sp>
      <p:sp>
        <p:nvSpPr>
          <p:cNvPr id="107" name="テキスト ボックス 106"/>
          <p:cNvSpPr txBox="1"/>
          <p:nvPr/>
        </p:nvSpPr>
        <p:spPr>
          <a:xfrm>
            <a:off x="3770943" y="4658107"/>
            <a:ext cx="504056" cy="276999"/>
          </a:xfrm>
          <a:prstGeom prst="rect">
            <a:avLst/>
          </a:prstGeom>
          <a:solidFill>
            <a:schemeClr val="bg1">
              <a:alpha val="50000"/>
            </a:schemeClr>
          </a:solidFill>
        </p:spPr>
        <p:txBody>
          <a:bodyPr wrap="square" lIns="0" tIns="0" rIns="0" bIns="0" rtlCol="0">
            <a:spAutoFit/>
          </a:bodyPr>
          <a:lstStyle/>
          <a:p>
            <a:pPr algn="ctr"/>
            <a:r>
              <a:rPr kumimoji="1" lang="ja-JP" altLang="en-US" sz="900" dirty="0" smtClean="0">
                <a:latin typeface="Meiryo UI" pitchFamily="50" charset="-128"/>
                <a:ea typeface="Meiryo UI" pitchFamily="50" charset="-128"/>
                <a:cs typeface="Meiryo UI" pitchFamily="50" charset="-128"/>
              </a:rPr>
              <a:t>中之島</a:t>
            </a:r>
            <a:endParaRPr kumimoji="1" lang="en-US" altLang="ja-JP" sz="900" dirty="0" smtClean="0">
              <a:latin typeface="Meiryo UI" pitchFamily="50" charset="-128"/>
              <a:ea typeface="Meiryo UI" pitchFamily="50" charset="-128"/>
              <a:cs typeface="Meiryo UI" pitchFamily="50" charset="-128"/>
            </a:endParaRPr>
          </a:p>
          <a:p>
            <a:pPr algn="ctr"/>
            <a:r>
              <a:rPr lang="ja-JP" altLang="en-US" sz="900" dirty="0" smtClean="0">
                <a:latin typeface="Meiryo UI" pitchFamily="50" charset="-128"/>
                <a:ea typeface="Meiryo UI" pitchFamily="50" charset="-128"/>
                <a:cs typeface="Meiryo UI" pitchFamily="50" charset="-128"/>
              </a:rPr>
              <a:t>４</a:t>
            </a:r>
            <a:r>
              <a:rPr kumimoji="1" lang="ja-JP" altLang="en-US" sz="900" dirty="0" smtClean="0">
                <a:latin typeface="Meiryo UI" pitchFamily="50" charset="-128"/>
                <a:ea typeface="Meiryo UI" pitchFamily="50" charset="-128"/>
                <a:cs typeface="Meiryo UI" pitchFamily="50" charset="-128"/>
              </a:rPr>
              <a:t>丁目</a:t>
            </a:r>
            <a:endParaRPr kumimoji="1" lang="ja-JP" altLang="en-US" sz="900" dirty="0">
              <a:latin typeface="Meiryo UI" pitchFamily="50" charset="-128"/>
              <a:ea typeface="Meiryo UI" pitchFamily="50" charset="-128"/>
              <a:cs typeface="Meiryo UI" pitchFamily="50" charset="-128"/>
            </a:endParaRPr>
          </a:p>
        </p:txBody>
      </p:sp>
      <p:graphicFrame>
        <p:nvGraphicFramePr>
          <p:cNvPr id="99" name="表 98"/>
          <p:cNvGraphicFramePr>
            <a:graphicFrameLocks noGrp="1"/>
          </p:cNvGraphicFramePr>
          <p:nvPr/>
        </p:nvGraphicFramePr>
        <p:xfrm>
          <a:off x="8121353" y="5661248"/>
          <a:ext cx="1440000" cy="931324"/>
        </p:xfrm>
        <a:graphic>
          <a:graphicData uri="http://schemas.openxmlformats.org/drawingml/2006/table">
            <a:tbl>
              <a:tblPr firstRow="1" bandRow="1">
                <a:tableStyleId>{5C22544A-7EE6-4342-B048-85BDC9FD1C3A}</a:tableStyleId>
              </a:tblPr>
              <a:tblGrid>
                <a:gridCol w="792088"/>
                <a:gridCol w="323956"/>
                <a:gridCol w="323956"/>
              </a:tblGrid>
              <a:tr h="164251">
                <a:tc gridSpan="3">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凡　　例</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hMerge="1">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済み</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整備</a:t>
                      </a:r>
                      <a:endParaRPr kumimoji="1" lang="en-US" altLang="ja-JP" sz="900" b="0" dirty="0" smtClean="0">
                        <a:solidFill>
                          <a:schemeClr val="tx1"/>
                        </a:solidFill>
                        <a:latin typeface="Meiryo UI" pitchFamily="50" charset="-128"/>
                        <a:ea typeface="Meiryo UI" pitchFamily="50" charset="-128"/>
                        <a:cs typeface="Meiryo UI" pitchFamily="50" charset="-128"/>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予定</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164251">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大阪市</a:t>
                      </a: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endParaRPr kumimoji="1" lang="en-US" altLang="ja-JP"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0000">
                        <a:alpha val="25000"/>
                      </a:srgbClr>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その他公的施設</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FFC000">
                        <a:alpha val="25000"/>
                      </a:srgbClr>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900" b="0" dirty="0" smtClean="0">
                          <a:solidFill>
                            <a:schemeClr val="tx1"/>
                          </a:solidFill>
                          <a:latin typeface="Meiryo UI" pitchFamily="50" charset="-128"/>
                          <a:ea typeface="Meiryo UI" pitchFamily="50" charset="-128"/>
                          <a:cs typeface="Meiryo UI" pitchFamily="50" charset="-128"/>
                        </a:rPr>
                        <a:t>民間事業者</a:t>
                      </a:r>
                    </a:p>
                  </a:txBody>
                  <a:tcPr marL="0" marR="0" marT="0" marB="0" anchor="ctr">
                    <a:lnL w="12700"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endParaRPr kumimoji="1" lang="ja-JP" altLang="en-US" sz="900" b="0" dirty="0" smtClean="0">
                        <a:solidFill>
                          <a:schemeClr val="tx1"/>
                        </a:solidFill>
                        <a:latin typeface="Meiryo UI" pitchFamily="50" charset="-128"/>
                        <a:ea typeface="Meiryo UI" pitchFamily="50" charset="-128"/>
                        <a:cs typeface="Meiryo UI" pitchFamily="50" charset="-128"/>
                      </a:endParaRPr>
                    </a:p>
                  </a:txBody>
                  <a:tcPr marL="0" marR="0" marT="0" marB="0" anchor="ctr">
                    <a:lnL w="31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B0F0">
                        <a:alpha val="25000"/>
                      </a:srgbClr>
                    </a:solidFill>
                  </a:tcPr>
                </a:tc>
              </a:tr>
            </a:tbl>
          </a:graphicData>
        </a:graphic>
      </p:graphicFrame>
      <p:sp>
        <p:nvSpPr>
          <p:cNvPr id="95" name="フリーフォーム 94"/>
          <p:cNvSpPr/>
          <p:nvPr/>
        </p:nvSpPr>
        <p:spPr>
          <a:xfrm>
            <a:off x="3295105" y="3941444"/>
            <a:ext cx="300038" cy="264319"/>
          </a:xfrm>
          <a:custGeom>
            <a:avLst/>
            <a:gdLst>
              <a:gd name="connsiteX0" fmla="*/ 0 w 416719"/>
              <a:gd name="connsiteY0" fmla="*/ 57150 h 342900"/>
              <a:gd name="connsiteX1" fmla="*/ 357188 w 416719"/>
              <a:gd name="connsiteY1" fmla="*/ 0 h 342900"/>
              <a:gd name="connsiteX2" fmla="*/ 416719 w 416719"/>
              <a:gd name="connsiteY2" fmla="*/ 259557 h 342900"/>
              <a:gd name="connsiteX3" fmla="*/ 128588 w 416719"/>
              <a:gd name="connsiteY3" fmla="*/ 342900 h 342900"/>
              <a:gd name="connsiteX4" fmla="*/ 0 w 416719"/>
              <a:gd name="connsiteY4" fmla="*/ 57150 h 342900"/>
              <a:gd name="connsiteX0" fmla="*/ 0 w 514350"/>
              <a:gd name="connsiteY0" fmla="*/ 57150 h 342900"/>
              <a:gd name="connsiteX1" fmla="*/ 357188 w 514350"/>
              <a:gd name="connsiteY1" fmla="*/ 0 h 342900"/>
              <a:gd name="connsiteX2" fmla="*/ 514350 w 514350"/>
              <a:gd name="connsiteY2" fmla="*/ 276226 h 342900"/>
              <a:gd name="connsiteX3" fmla="*/ 128588 w 514350"/>
              <a:gd name="connsiteY3" fmla="*/ 342900 h 342900"/>
              <a:gd name="connsiteX4" fmla="*/ 0 w 514350"/>
              <a:gd name="connsiteY4" fmla="*/ 57150 h 342900"/>
              <a:gd name="connsiteX0" fmla="*/ 0 w 514350"/>
              <a:gd name="connsiteY0" fmla="*/ 0 h 285750"/>
              <a:gd name="connsiteX1" fmla="*/ 442913 w 514350"/>
              <a:gd name="connsiteY1" fmla="*/ 95250 h 285750"/>
              <a:gd name="connsiteX2" fmla="*/ 514350 w 514350"/>
              <a:gd name="connsiteY2" fmla="*/ 219076 h 285750"/>
              <a:gd name="connsiteX3" fmla="*/ 128588 w 514350"/>
              <a:gd name="connsiteY3" fmla="*/ 285750 h 285750"/>
              <a:gd name="connsiteX4" fmla="*/ 0 w 514350"/>
              <a:gd name="connsiteY4" fmla="*/ 0 h 285750"/>
              <a:gd name="connsiteX0" fmla="*/ 0 w 514350"/>
              <a:gd name="connsiteY0" fmla="*/ 0 h 352425"/>
              <a:gd name="connsiteX1" fmla="*/ 442913 w 514350"/>
              <a:gd name="connsiteY1" fmla="*/ 95250 h 352425"/>
              <a:gd name="connsiteX2" fmla="*/ 514350 w 514350"/>
              <a:gd name="connsiteY2" fmla="*/ 219076 h 352425"/>
              <a:gd name="connsiteX3" fmla="*/ 309563 w 514350"/>
              <a:gd name="connsiteY3" fmla="*/ 352425 h 352425"/>
              <a:gd name="connsiteX4" fmla="*/ 0 w 514350"/>
              <a:gd name="connsiteY4" fmla="*/ 0 h 35242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0 w 300038"/>
              <a:gd name="connsiteY4"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19595 w 300038"/>
              <a:gd name="connsiteY4" fmla="*/ 144785 h 257175"/>
              <a:gd name="connsiteX5" fmla="*/ 0 w 300038"/>
              <a:gd name="connsiteY5"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60076 w 300038"/>
              <a:gd name="connsiteY4" fmla="*/ 211460 h 257175"/>
              <a:gd name="connsiteX5" fmla="*/ 19595 w 300038"/>
              <a:gd name="connsiteY5" fmla="*/ 144785 h 257175"/>
              <a:gd name="connsiteX6" fmla="*/ 0 w 300038"/>
              <a:gd name="connsiteY6"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36908 w 300038"/>
              <a:gd name="connsiteY4" fmla="*/ 134318 h 257175"/>
              <a:gd name="connsiteX5" fmla="*/ 19595 w 300038"/>
              <a:gd name="connsiteY5" fmla="*/ 144785 h 257175"/>
              <a:gd name="connsiteX6" fmla="*/ 0 w 300038"/>
              <a:gd name="connsiteY6"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71983 w 300038"/>
              <a:gd name="connsiteY4" fmla="*/ 204316 h 257175"/>
              <a:gd name="connsiteX5" fmla="*/ 36908 w 300038"/>
              <a:gd name="connsiteY5" fmla="*/ 134318 h 257175"/>
              <a:gd name="connsiteX6" fmla="*/ 19595 w 300038"/>
              <a:gd name="connsiteY6" fmla="*/ 144785 h 257175"/>
              <a:gd name="connsiteX7" fmla="*/ 0 w 300038"/>
              <a:gd name="connsiteY7"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86270 w 300038"/>
              <a:gd name="connsiteY4" fmla="*/ 240035 h 257175"/>
              <a:gd name="connsiteX5" fmla="*/ 71983 w 300038"/>
              <a:gd name="connsiteY5" fmla="*/ 204316 h 257175"/>
              <a:gd name="connsiteX6" fmla="*/ 36908 w 300038"/>
              <a:gd name="connsiteY6" fmla="*/ 134318 h 257175"/>
              <a:gd name="connsiteX7" fmla="*/ 19595 w 300038"/>
              <a:gd name="connsiteY7" fmla="*/ 144785 h 257175"/>
              <a:gd name="connsiteX8" fmla="*/ 0 w 300038"/>
              <a:gd name="connsiteY8" fmla="*/ 109537 h 257175"/>
              <a:gd name="connsiteX0" fmla="*/ 0 w 300038"/>
              <a:gd name="connsiteY0" fmla="*/ 109537 h 257175"/>
              <a:gd name="connsiteX1" fmla="*/ 228601 w 300038"/>
              <a:gd name="connsiteY1" fmla="*/ 0 h 257175"/>
              <a:gd name="connsiteX2" fmla="*/ 300038 w 300038"/>
              <a:gd name="connsiteY2" fmla="*/ 123826 h 257175"/>
              <a:gd name="connsiteX3" fmla="*/ 95251 w 300038"/>
              <a:gd name="connsiteY3" fmla="*/ 257175 h 257175"/>
              <a:gd name="connsiteX4" fmla="*/ 58340 w 300038"/>
              <a:gd name="connsiteY4" fmla="*/ 217661 h 257175"/>
              <a:gd name="connsiteX5" fmla="*/ 71983 w 300038"/>
              <a:gd name="connsiteY5" fmla="*/ 204316 h 257175"/>
              <a:gd name="connsiteX6" fmla="*/ 36908 w 300038"/>
              <a:gd name="connsiteY6" fmla="*/ 134318 h 257175"/>
              <a:gd name="connsiteX7" fmla="*/ 19595 w 300038"/>
              <a:gd name="connsiteY7" fmla="*/ 144785 h 257175"/>
              <a:gd name="connsiteX8" fmla="*/ 0 w 300038"/>
              <a:gd name="connsiteY8" fmla="*/ 109537 h 257175"/>
              <a:gd name="connsiteX0" fmla="*/ 0 w 300038"/>
              <a:gd name="connsiteY0" fmla="*/ 109537 h 264319"/>
              <a:gd name="connsiteX1" fmla="*/ 228601 w 300038"/>
              <a:gd name="connsiteY1" fmla="*/ 0 h 264319"/>
              <a:gd name="connsiteX2" fmla="*/ 300038 w 300038"/>
              <a:gd name="connsiteY2" fmla="*/ 123826 h 264319"/>
              <a:gd name="connsiteX3" fmla="*/ 85726 w 300038"/>
              <a:gd name="connsiteY3" fmla="*/ 264319 h 264319"/>
              <a:gd name="connsiteX4" fmla="*/ 58340 w 300038"/>
              <a:gd name="connsiteY4" fmla="*/ 217661 h 264319"/>
              <a:gd name="connsiteX5" fmla="*/ 71983 w 300038"/>
              <a:gd name="connsiteY5" fmla="*/ 204316 h 264319"/>
              <a:gd name="connsiteX6" fmla="*/ 36908 w 300038"/>
              <a:gd name="connsiteY6" fmla="*/ 134318 h 264319"/>
              <a:gd name="connsiteX7" fmla="*/ 19595 w 300038"/>
              <a:gd name="connsiteY7" fmla="*/ 144785 h 264319"/>
              <a:gd name="connsiteX8" fmla="*/ 0 w 300038"/>
              <a:gd name="connsiteY8" fmla="*/ 109537 h 2643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300038" h="264319">
                <a:moveTo>
                  <a:pt x="0" y="109537"/>
                </a:moveTo>
                <a:lnTo>
                  <a:pt x="228601" y="0"/>
                </a:lnTo>
                <a:lnTo>
                  <a:pt x="300038" y="123826"/>
                </a:lnTo>
                <a:lnTo>
                  <a:pt x="85726" y="264319"/>
                </a:lnTo>
                <a:lnTo>
                  <a:pt x="58340" y="217661"/>
                </a:lnTo>
                <a:lnTo>
                  <a:pt x="71983" y="204316"/>
                </a:lnTo>
                <a:lnTo>
                  <a:pt x="36908" y="134318"/>
                </a:lnTo>
                <a:lnTo>
                  <a:pt x="19595" y="144785"/>
                </a:lnTo>
                <a:lnTo>
                  <a:pt x="0" y="109537"/>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8" name="フリーフォーム 97"/>
          <p:cNvSpPr/>
          <p:nvPr/>
        </p:nvSpPr>
        <p:spPr>
          <a:xfrm>
            <a:off x="4455522" y="3670757"/>
            <a:ext cx="143657" cy="25244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 name="connsiteX0" fmla="*/ 59439 w 324160"/>
              <a:gd name="connsiteY0" fmla="*/ 32343 h 199990"/>
              <a:gd name="connsiteX1" fmla="*/ 0 w 324160"/>
              <a:gd name="connsiteY1" fmla="*/ 194381 h 199990"/>
              <a:gd name="connsiteX2" fmla="*/ 315669 w 324160"/>
              <a:gd name="connsiteY2" fmla="*/ 199990 h 199990"/>
              <a:gd name="connsiteX3" fmla="*/ 324160 w 324160"/>
              <a:gd name="connsiteY3" fmla="*/ 12935 h 199990"/>
              <a:gd name="connsiteX4" fmla="*/ 134491 w 324160"/>
              <a:gd name="connsiteY4" fmla="*/ 0 h 199990"/>
              <a:gd name="connsiteX5" fmla="*/ 59439 w 324160"/>
              <a:gd name="connsiteY5" fmla="*/ 32343 h 199990"/>
              <a:gd name="connsiteX0" fmla="*/ 0 w 264721"/>
              <a:gd name="connsiteY0" fmla="*/ 32343 h 230099"/>
              <a:gd name="connsiteX1" fmla="*/ 28401 w 264721"/>
              <a:gd name="connsiteY1" fmla="*/ 230099 h 230099"/>
              <a:gd name="connsiteX2" fmla="*/ 256230 w 264721"/>
              <a:gd name="connsiteY2" fmla="*/ 199990 h 230099"/>
              <a:gd name="connsiteX3" fmla="*/ 264721 w 264721"/>
              <a:gd name="connsiteY3" fmla="*/ 12935 h 230099"/>
              <a:gd name="connsiteX4" fmla="*/ 75052 w 264721"/>
              <a:gd name="connsiteY4" fmla="*/ 0 h 230099"/>
              <a:gd name="connsiteX5" fmla="*/ 0 w 264721"/>
              <a:gd name="connsiteY5" fmla="*/ 32343 h 230099"/>
              <a:gd name="connsiteX0" fmla="*/ 0 w 264721"/>
              <a:gd name="connsiteY0" fmla="*/ 32343 h 230099"/>
              <a:gd name="connsiteX1" fmla="*/ 28401 w 264721"/>
              <a:gd name="connsiteY1" fmla="*/ 230099 h 230099"/>
              <a:gd name="connsiteX2" fmla="*/ 215239 w 264721"/>
              <a:gd name="connsiteY2" fmla="*/ 219040 h 230099"/>
              <a:gd name="connsiteX3" fmla="*/ 264721 w 264721"/>
              <a:gd name="connsiteY3" fmla="*/ 12935 h 230099"/>
              <a:gd name="connsiteX4" fmla="*/ 75052 w 264721"/>
              <a:gd name="connsiteY4" fmla="*/ 0 h 230099"/>
              <a:gd name="connsiteX5" fmla="*/ 0 w 264721"/>
              <a:gd name="connsiteY5" fmla="*/ 32343 h 230099"/>
              <a:gd name="connsiteX0" fmla="*/ 0 w 215771"/>
              <a:gd name="connsiteY0" fmla="*/ 32343 h 230099"/>
              <a:gd name="connsiteX1" fmla="*/ 28401 w 215771"/>
              <a:gd name="connsiteY1" fmla="*/ 230099 h 230099"/>
              <a:gd name="connsiteX2" fmla="*/ 215239 w 215771"/>
              <a:gd name="connsiteY2" fmla="*/ 219040 h 230099"/>
              <a:gd name="connsiteX3" fmla="*/ 200307 w 215771"/>
              <a:gd name="connsiteY3" fmla="*/ 27223 h 230099"/>
              <a:gd name="connsiteX4" fmla="*/ 75052 w 215771"/>
              <a:gd name="connsiteY4" fmla="*/ 0 h 230099"/>
              <a:gd name="connsiteX5" fmla="*/ 0 w 215771"/>
              <a:gd name="connsiteY5" fmla="*/ 32343 h 230099"/>
              <a:gd name="connsiteX0" fmla="*/ 0 w 215771"/>
              <a:gd name="connsiteY0" fmla="*/ 5120 h 202876"/>
              <a:gd name="connsiteX1" fmla="*/ 28401 w 215771"/>
              <a:gd name="connsiteY1" fmla="*/ 202876 h 202876"/>
              <a:gd name="connsiteX2" fmla="*/ 215239 w 215771"/>
              <a:gd name="connsiteY2" fmla="*/ 191817 h 202876"/>
              <a:gd name="connsiteX3" fmla="*/ 200307 w 215771"/>
              <a:gd name="connsiteY3" fmla="*/ 0 h 202876"/>
              <a:gd name="connsiteX4" fmla="*/ 75053 w 215771"/>
              <a:gd name="connsiteY4" fmla="*/ 1352 h 202876"/>
              <a:gd name="connsiteX5" fmla="*/ 0 w 215771"/>
              <a:gd name="connsiteY5" fmla="*/ 5120 h 202876"/>
              <a:gd name="connsiteX0" fmla="*/ 0 w 301578"/>
              <a:gd name="connsiteY0" fmla="*/ 51395 h 249151"/>
              <a:gd name="connsiteX1" fmla="*/ 28401 w 301578"/>
              <a:gd name="connsiteY1" fmla="*/ 249151 h 249151"/>
              <a:gd name="connsiteX2" fmla="*/ 215239 w 301578"/>
              <a:gd name="connsiteY2" fmla="*/ 238092 h 249151"/>
              <a:gd name="connsiteX3" fmla="*/ 301578 w 301578"/>
              <a:gd name="connsiteY3" fmla="*/ 0 h 249151"/>
              <a:gd name="connsiteX4" fmla="*/ 75053 w 301578"/>
              <a:gd name="connsiteY4" fmla="*/ 47627 h 249151"/>
              <a:gd name="connsiteX5" fmla="*/ 0 w 301578"/>
              <a:gd name="connsiteY5" fmla="*/ 51395 h 249151"/>
              <a:gd name="connsiteX0" fmla="*/ 0 w 369460"/>
              <a:gd name="connsiteY0" fmla="*/ 51395 h 249151"/>
              <a:gd name="connsiteX1" fmla="*/ 28401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147853 w 369460"/>
              <a:gd name="connsiteY4" fmla="*/ 21314 h 249151"/>
              <a:gd name="connsiteX5" fmla="*/ 0 w 369460"/>
              <a:gd name="connsiteY5" fmla="*/ 51395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21314 h 249151"/>
              <a:gd name="connsiteX5" fmla="*/ 0 w 288572"/>
              <a:gd name="connsiteY5" fmla="*/ 5346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8157 h 249151"/>
              <a:gd name="connsiteX5" fmla="*/ 0 w 288572"/>
              <a:gd name="connsiteY5" fmla="*/ 5346 h 249151"/>
              <a:gd name="connsiteX0" fmla="*/ 0 w 288572"/>
              <a:gd name="connsiteY0" fmla="*/ 5346 h 252440"/>
              <a:gd name="connsiteX1" fmla="*/ 44578 w 288572"/>
              <a:gd name="connsiteY1" fmla="*/ 252440 h 252440"/>
              <a:gd name="connsiteX2" fmla="*/ 288040 w 288572"/>
              <a:gd name="connsiteY2" fmla="*/ 221646 h 252440"/>
              <a:gd name="connsiteX3" fmla="*/ 220690 w 288572"/>
              <a:gd name="connsiteY3" fmla="*/ 0 h 252440"/>
              <a:gd name="connsiteX4" fmla="*/ 66965 w 288572"/>
              <a:gd name="connsiteY4" fmla="*/ 8157 h 252440"/>
              <a:gd name="connsiteX5" fmla="*/ 0 w 288572"/>
              <a:gd name="connsiteY5" fmla="*/ 5346 h 252440"/>
              <a:gd name="connsiteX0" fmla="*/ 0 w 353281"/>
              <a:gd name="connsiteY0" fmla="*/ 8635 h 252440"/>
              <a:gd name="connsiteX1" fmla="*/ 109287 w 353281"/>
              <a:gd name="connsiteY1" fmla="*/ 252440 h 252440"/>
              <a:gd name="connsiteX2" fmla="*/ 352749 w 353281"/>
              <a:gd name="connsiteY2" fmla="*/ 221646 h 252440"/>
              <a:gd name="connsiteX3" fmla="*/ 285399 w 353281"/>
              <a:gd name="connsiteY3" fmla="*/ 0 h 252440"/>
              <a:gd name="connsiteX4" fmla="*/ 131674 w 353281"/>
              <a:gd name="connsiteY4" fmla="*/ 8157 h 252440"/>
              <a:gd name="connsiteX5" fmla="*/ 0 w 353281"/>
              <a:gd name="connsiteY5" fmla="*/ 8635 h 2524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53281" h="252440">
                <a:moveTo>
                  <a:pt x="0" y="8635"/>
                </a:moveTo>
                <a:lnTo>
                  <a:pt x="109287" y="252440"/>
                </a:lnTo>
                <a:lnTo>
                  <a:pt x="352749" y="221646"/>
                </a:lnTo>
                <a:cubicBezTo>
                  <a:pt x="353281" y="156489"/>
                  <a:pt x="284867" y="65157"/>
                  <a:pt x="285399" y="0"/>
                </a:cubicBezTo>
                <a:lnTo>
                  <a:pt x="131674" y="8157"/>
                </a:lnTo>
                <a:lnTo>
                  <a:pt x="0" y="8635"/>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フリーフォーム 102"/>
          <p:cNvSpPr/>
          <p:nvPr/>
        </p:nvSpPr>
        <p:spPr>
          <a:xfrm>
            <a:off x="4177002" y="4002998"/>
            <a:ext cx="162088" cy="171920"/>
          </a:xfrm>
          <a:custGeom>
            <a:avLst/>
            <a:gdLst>
              <a:gd name="connsiteX0" fmla="*/ 8415 w 325370"/>
              <a:gd name="connsiteY0" fmla="*/ 0 h 215978"/>
              <a:gd name="connsiteX1" fmla="*/ 0 w 325370"/>
              <a:gd name="connsiteY1" fmla="*/ 201954 h 215978"/>
              <a:gd name="connsiteX2" fmla="*/ 322565 w 325370"/>
              <a:gd name="connsiteY2" fmla="*/ 215978 h 215978"/>
              <a:gd name="connsiteX3" fmla="*/ 325370 w 325370"/>
              <a:gd name="connsiteY3" fmla="*/ 19635 h 215978"/>
              <a:gd name="connsiteX4" fmla="*/ 8415 w 325370"/>
              <a:gd name="connsiteY4" fmla="*/ 0 h 215978"/>
              <a:gd name="connsiteX0" fmla="*/ 8415 w 342009"/>
              <a:gd name="connsiteY0" fmla="*/ 0 h 215978"/>
              <a:gd name="connsiteX1" fmla="*/ 0 w 342009"/>
              <a:gd name="connsiteY1" fmla="*/ 201954 h 215978"/>
              <a:gd name="connsiteX2" fmla="*/ 322565 w 342009"/>
              <a:gd name="connsiteY2" fmla="*/ 215978 h 215978"/>
              <a:gd name="connsiteX3" fmla="*/ 342009 w 342009"/>
              <a:gd name="connsiteY3" fmla="*/ 34096 h 215978"/>
              <a:gd name="connsiteX4" fmla="*/ 8415 w 342009"/>
              <a:gd name="connsiteY4" fmla="*/ 0 h 215978"/>
              <a:gd name="connsiteX0" fmla="*/ 8415 w 342009"/>
              <a:gd name="connsiteY0" fmla="*/ 0 h 201954"/>
              <a:gd name="connsiteX1" fmla="*/ 0 w 342009"/>
              <a:gd name="connsiteY1" fmla="*/ 187930 h 201954"/>
              <a:gd name="connsiteX2" fmla="*/ 322565 w 342009"/>
              <a:gd name="connsiteY2" fmla="*/ 201954 h 201954"/>
              <a:gd name="connsiteX3" fmla="*/ 342009 w 342009"/>
              <a:gd name="connsiteY3" fmla="*/ 20072 h 201954"/>
              <a:gd name="connsiteX4" fmla="*/ 8415 w 342009"/>
              <a:gd name="connsiteY4" fmla="*/ 0 h 201954"/>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0 w 370804"/>
              <a:gd name="connsiteY4" fmla="*/ 0 h 216820"/>
              <a:gd name="connsiteX0" fmla="*/ 0 w 370804"/>
              <a:gd name="connsiteY0" fmla="*/ 0 h 216820"/>
              <a:gd name="connsiteX1" fmla="*/ 28795 w 370804"/>
              <a:gd name="connsiteY1" fmla="*/ 202796 h 216820"/>
              <a:gd name="connsiteX2" fmla="*/ 351360 w 370804"/>
              <a:gd name="connsiteY2" fmla="*/ 216820 h 216820"/>
              <a:gd name="connsiteX3" fmla="*/ 370804 w 370804"/>
              <a:gd name="connsiteY3" fmla="*/ 34938 h 216820"/>
              <a:gd name="connsiteX4" fmla="*/ 177083 w 370804"/>
              <a:gd name="connsiteY4" fmla="*/ 0 h 216820"/>
              <a:gd name="connsiteX5" fmla="*/ 0 w 370804"/>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77083 w 352955"/>
              <a:gd name="connsiteY4" fmla="*/ 0 h 216820"/>
              <a:gd name="connsiteX5" fmla="*/ 0 w 352955"/>
              <a:gd name="connsiteY5" fmla="*/ 0 h 216820"/>
              <a:gd name="connsiteX0" fmla="*/ 0 w 352955"/>
              <a:gd name="connsiteY0" fmla="*/ 0 h 216820"/>
              <a:gd name="connsiteX1" fmla="*/ 28795 w 352955"/>
              <a:gd name="connsiteY1" fmla="*/ 202796 h 216820"/>
              <a:gd name="connsiteX2" fmla="*/ 351360 w 352955"/>
              <a:gd name="connsiteY2" fmla="*/ 216820 h 216820"/>
              <a:gd name="connsiteX3" fmla="*/ 352955 w 352955"/>
              <a:gd name="connsiteY3" fmla="*/ 21350 h 216820"/>
              <a:gd name="connsiteX4" fmla="*/ 163286 w 352955"/>
              <a:gd name="connsiteY4" fmla="*/ 8415 h 216820"/>
              <a:gd name="connsiteX5" fmla="*/ 0 w 352955"/>
              <a:gd name="connsiteY5" fmla="*/ 0 h 216820"/>
              <a:gd name="connsiteX0" fmla="*/ 0 w 372587"/>
              <a:gd name="connsiteY0" fmla="*/ 0 h 202796"/>
              <a:gd name="connsiteX1" fmla="*/ 28795 w 372587"/>
              <a:gd name="connsiteY1" fmla="*/ 202796 h 202796"/>
              <a:gd name="connsiteX2" fmla="*/ 372056 w 372587"/>
              <a:gd name="connsiteY2" fmla="*/ 202795 h 202796"/>
              <a:gd name="connsiteX3" fmla="*/ 352955 w 372587"/>
              <a:gd name="connsiteY3" fmla="*/ 21350 h 202796"/>
              <a:gd name="connsiteX4" fmla="*/ 163286 w 372587"/>
              <a:gd name="connsiteY4" fmla="*/ 8415 h 202796"/>
              <a:gd name="connsiteX5" fmla="*/ 0 w 372587"/>
              <a:gd name="connsiteY5" fmla="*/ 0 h 202796"/>
              <a:gd name="connsiteX0" fmla="*/ 0 w 352955"/>
              <a:gd name="connsiteY0" fmla="*/ 0 h 208405"/>
              <a:gd name="connsiteX1" fmla="*/ 28795 w 352955"/>
              <a:gd name="connsiteY1" fmla="*/ 202796 h 208405"/>
              <a:gd name="connsiteX2" fmla="*/ 344464 w 352955"/>
              <a:gd name="connsiteY2" fmla="*/ 208405 h 208405"/>
              <a:gd name="connsiteX3" fmla="*/ 352955 w 352955"/>
              <a:gd name="connsiteY3" fmla="*/ 21350 h 208405"/>
              <a:gd name="connsiteX4" fmla="*/ 163286 w 352955"/>
              <a:gd name="connsiteY4" fmla="*/ 8415 h 208405"/>
              <a:gd name="connsiteX5" fmla="*/ 0 w 352955"/>
              <a:gd name="connsiteY5" fmla="*/ 0 h 208405"/>
              <a:gd name="connsiteX0" fmla="*/ 12591 w 324160"/>
              <a:gd name="connsiteY0" fmla="*/ 0 h 202795"/>
              <a:gd name="connsiteX1" fmla="*/ 0 w 324160"/>
              <a:gd name="connsiteY1" fmla="*/ 197186 h 202795"/>
              <a:gd name="connsiteX2" fmla="*/ 315669 w 324160"/>
              <a:gd name="connsiteY2" fmla="*/ 202795 h 202795"/>
              <a:gd name="connsiteX3" fmla="*/ 324160 w 324160"/>
              <a:gd name="connsiteY3" fmla="*/ 15740 h 202795"/>
              <a:gd name="connsiteX4" fmla="*/ 134491 w 324160"/>
              <a:gd name="connsiteY4" fmla="*/ 2805 h 202795"/>
              <a:gd name="connsiteX5" fmla="*/ 12591 w 324160"/>
              <a:gd name="connsiteY5" fmla="*/ 0 h 202795"/>
              <a:gd name="connsiteX0" fmla="*/ 59439 w 324160"/>
              <a:gd name="connsiteY0" fmla="*/ 32343 h 199990"/>
              <a:gd name="connsiteX1" fmla="*/ 0 w 324160"/>
              <a:gd name="connsiteY1" fmla="*/ 194381 h 199990"/>
              <a:gd name="connsiteX2" fmla="*/ 315669 w 324160"/>
              <a:gd name="connsiteY2" fmla="*/ 199990 h 199990"/>
              <a:gd name="connsiteX3" fmla="*/ 324160 w 324160"/>
              <a:gd name="connsiteY3" fmla="*/ 12935 h 199990"/>
              <a:gd name="connsiteX4" fmla="*/ 134491 w 324160"/>
              <a:gd name="connsiteY4" fmla="*/ 0 h 199990"/>
              <a:gd name="connsiteX5" fmla="*/ 59439 w 324160"/>
              <a:gd name="connsiteY5" fmla="*/ 32343 h 199990"/>
              <a:gd name="connsiteX0" fmla="*/ 0 w 264721"/>
              <a:gd name="connsiteY0" fmla="*/ 32343 h 230099"/>
              <a:gd name="connsiteX1" fmla="*/ 28401 w 264721"/>
              <a:gd name="connsiteY1" fmla="*/ 230099 h 230099"/>
              <a:gd name="connsiteX2" fmla="*/ 256230 w 264721"/>
              <a:gd name="connsiteY2" fmla="*/ 199990 h 230099"/>
              <a:gd name="connsiteX3" fmla="*/ 264721 w 264721"/>
              <a:gd name="connsiteY3" fmla="*/ 12935 h 230099"/>
              <a:gd name="connsiteX4" fmla="*/ 75052 w 264721"/>
              <a:gd name="connsiteY4" fmla="*/ 0 h 230099"/>
              <a:gd name="connsiteX5" fmla="*/ 0 w 264721"/>
              <a:gd name="connsiteY5" fmla="*/ 32343 h 230099"/>
              <a:gd name="connsiteX0" fmla="*/ 0 w 264721"/>
              <a:gd name="connsiteY0" fmla="*/ 32343 h 230099"/>
              <a:gd name="connsiteX1" fmla="*/ 28401 w 264721"/>
              <a:gd name="connsiteY1" fmla="*/ 230099 h 230099"/>
              <a:gd name="connsiteX2" fmla="*/ 215239 w 264721"/>
              <a:gd name="connsiteY2" fmla="*/ 219040 h 230099"/>
              <a:gd name="connsiteX3" fmla="*/ 264721 w 264721"/>
              <a:gd name="connsiteY3" fmla="*/ 12935 h 230099"/>
              <a:gd name="connsiteX4" fmla="*/ 75052 w 264721"/>
              <a:gd name="connsiteY4" fmla="*/ 0 h 230099"/>
              <a:gd name="connsiteX5" fmla="*/ 0 w 264721"/>
              <a:gd name="connsiteY5" fmla="*/ 32343 h 230099"/>
              <a:gd name="connsiteX0" fmla="*/ 0 w 215771"/>
              <a:gd name="connsiteY0" fmla="*/ 32343 h 230099"/>
              <a:gd name="connsiteX1" fmla="*/ 28401 w 215771"/>
              <a:gd name="connsiteY1" fmla="*/ 230099 h 230099"/>
              <a:gd name="connsiteX2" fmla="*/ 215239 w 215771"/>
              <a:gd name="connsiteY2" fmla="*/ 219040 h 230099"/>
              <a:gd name="connsiteX3" fmla="*/ 200307 w 215771"/>
              <a:gd name="connsiteY3" fmla="*/ 27223 h 230099"/>
              <a:gd name="connsiteX4" fmla="*/ 75052 w 215771"/>
              <a:gd name="connsiteY4" fmla="*/ 0 h 230099"/>
              <a:gd name="connsiteX5" fmla="*/ 0 w 215771"/>
              <a:gd name="connsiteY5" fmla="*/ 32343 h 230099"/>
              <a:gd name="connsiteX0" fmla="*/ 0 w 215771"/>
              <a:gd name="connsiteY0" fmla="*/ 5120 h 202876"/>
              <a:gd name="connsiteX1" fmla="*/ 28401 w 215771"/>
              <a:gd name="connsiteY1" fmla="*/ 202876 h 202876"/>
              <a:gd name="connsiteX2" fmla="*/ 215239 w 215771"/>
              <a:gd name="connsiteY2" fmla="*/ 191817 h 202876"/>
              <a:gd name="connsiteX3" fmla="*/ 200307 w 215771"/>
              <a:gd name="connsiteY3" fmla="*/ 0 h 202876"/>
              <a:gd name="connsiteX4" fmla="*/ 75053 w 215771"/>
              <a:gd name="connsiteY4" fmla="*/ 1352 h 202876"/>
              <a:gd name="connsiteX5" fmla="*/ 0 w 215771"/>
              <a:gd name="connsiteY5" fmla="*/ 5120 h 202876"/>
              <a:gd name="connsiteX0" fmla="*/ 0 w 301578"/>
              <a:gd name="connsiteY0" fmla="*/ 51395 h 249151"/>
              <a:gd name="connsiteX1" fmla="*/ 28401 w 301578"/>
              <a:gd name="connsiteY1" fmla="*/ 249151 h 249151"/>
              <a:gd name="connsiteX2" fmla="*/ 215239 w 301578"/>
              <a:gd name="connsiteY2" fmla="*/ 238092 h 249151"/>
              <a:gd name="connsiteX3" fmla="*/ 301578 w 301578"/>
              <a:gd name="connsiteY3" fmla="*/ 0 h 249151"/>
              <a:gd name="connsiteX4" fmla="*/ 75053 w 301578"/>
              <a:gd name="connsiteY4" fmla="*/ 47627 h 249151"/>
              <a:gd name="connsiteX5" fmla="*/ 0 w 301578"/>
              <a:gd name="connsiteY5" fmla="*/ 51395 h 249151"/>
              <a:gd name="connsiteX0" fmla="*/ 0 w 369460"/>
              <a:gd name="connsiteY0" fmla="*/ 51395 h 249151"/>
              <a:gd name="connsiteX1" fmla="*/ 28401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75053 w 369460"/>
              <a:gd name="connsiteY4" fmla="*/ 47627 h 249151"/>
              <a:gd name="connsiteX5" fmla="*/ 0 w 369460"/>
              <a:gd name="connsiteY5" fmla="*/ 51395 h 249151"/>
              <a:gd name="connsiteX0" fmla="*/ 0 w 369460"/>
              <a:gd name="connsiteY0" fmla="*/ 51395 h 249151"/>
              <a:gd name="connsiteX1" fmla="*/ 190178 w 369460"/>
              <a:gd name="connsiteY1" fmla="*/ 249151 h 249151"/>
              <a:gd name="connsiteX2" fmla="*/ 368928 w 369460"/>
              <a:gd name="connsiteY2" fmla="*/ 221646 h 249151"/>
              <a:gd name="connsiteX3" fmla="*/ 301578 w 369460"/>
              <a:gd name="connsiteY3" fmla="*/ 0 h 249151"/>
              <a:gd name="connsiteX4" fmla="*/ 147853 w 369460"/>
              <a:gd name="connsiteY4" fmla="*/ 21314 h 249151"/>
              <a:gd name="connsiteX5" fmla="*/ 0 w 369460"/>
              <a:gd name="connsiteY5" fmla="*/ 51395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21314 h 249151"/>
              <a:gd name="connsiteX5" fmla="*/ 0 w 288572"/>
              <a:gd name="connsiteY5" fmla="*/ 5346 h 249151"/>
              <a:gd name="connsiteX0" fmla="*/ 0 w 288572"/>
              <a:gd name="connsiteY0" fmla="*/ 5346 h 249151"/>
              <a:gd name="connsiteX1" fmla="*/ 109290 w 288572"/>
              <a:gd name="connsiteY1" fmla="*/ 249151 h 249151"/>
              <a:gd name="connsiteX2" fmla="*/ 288040 w 288572"/>
              <a:gd name="connsiteY2" fmla="*/ 221646 h 249151"/>
              <a:gd name="connsiteX3" fmla="*/ 220690 w 288572"/>
              <a:gd name="connsiteY3" fmla="*/ 0 h 249151"/>
              <a:gd name="connsiteX4" fmla="*/ 66965 w 288572"/>
              <a:gd name="connsiteY4" fmla="*/ 8157 h 249151"/>
              <a:gd name="connsiteX5" fmla="*/ 0 w 288572"/>
              <a:gd name="connsiteY5" fmla="*/ 5346 h 249151"/>
              <a:gd name="connsiteX0" fmla="*/ 0 w 288572"/>
              <a:gd name="connsiteY0" fmla="*/ 5346 h 252440"/>
              <a:gd name="connsiteX1" fmla="*/ 44578 w 288572"/>
              <a:gd name="connsiteY1" fmla="*/ 252440 h 252440"/>
              <a:gd name="connsiteX2" fmla="*/ 288040 w 288572"/>
              <a:gd name="connsiteY2" fmla="*/ 221646 h 252440"/>
              <a:gd name="connsiteX3" fmla="*/ 220690 w 288572"/>
              <a:gd name="connsiteY3" fmla="*/ 0 h 252440"/>
              <a:gd name="connsiteX4" fmla="*/ 66965 w 288572"/>
              <a:gd name="connsiteY4" fmla="*/ 8157 h 252440"/>
              <a:gd name="connsiteX5" fmla="*/ 0 w 288572"/>
              <a:gd name="connsiteY5" fmla="*/ 5346 h 252440"/>
              <a:gd name="connsiteX0" fmla="*/ 0 w 353281"/>
              <a:gd name="connsiteY0" fmla="*/ 8635 h 252440"/>
              <a:gd name="connsiteX1" fmla="*/ 109287 w 353281"/>
              <a:gd name="connsiteY1" fmla="*/ 252440 h 252440"/>
              <a:gd name="connsiteX2" fmla="*/ 352749 w 353281"/>
              <a:gd name="connsiteY2" fmla="*/ 221646 h 252440"/>
              <a:gd name="connsiteX3" fmla="*/ 285399 w 353281"/>
              <a:gd name="connsiteY3" fmla="*/ 0 h 252440"/>
              <a:gd name="connsiteX4" fmla="*/ 131674 w 353281"/>
              <a:gd name="connsiteY4" fmla="*/ 8157 h 252440"/>
              <a:gd name="connsiteX5" fmla="*/ 0 w 353281"/>
              <a:gd name="connsiteY5" fmla="*/ 8635 h 252440"/>
              <a:gd name="connsiteX0" fmla="*/ 0 w 490793"/>
              <a:gd name="connsiteY0" fmla="*/ 0 h 283275"/>
              <a:gd name="connsiteX1" fmla="*/ 246799 w 490793"/>
              <a:gd name="connsiteY1" fmla="*/ 283275 h 283275"/>
              <a:gd name="connsiteX2" fmla="*/ 490261 w 490793"/>
              <a:gd name="connsiteY2" fmla="*/ 252481 h 283275"/>
              <a:gd name="connsiteX3" fmla="*/ 422911 w 490793"/>
              <a:gd name="connsiteY3" fmla="*/ 30835 h 283275"/>
              <a:gd name="connsiteX4" fmla="*/ 269186 w 490793"/>
              <a:gd name="connsiteY4" fmla="*/ 38992 h 283275"/>
              <a:gd name="connsiteX5" fmla="*/ 0 w 490793"/>
              <a:gd name="connsiteY5" fmla="*/ 0 h 283275"/>
              <a:gd name="connsiteX0" fmla="*/ 0 w 490793"/>
              <a:gd name="connsiteY0" fmla="*/ 43238 h 326513"/>
              <a:gd name="connsiteX1" fmla="*/ 246799 w 490793"/>
              <a:gd name="connsiteY1" fmla="*/ 326513 h 326513"/>
              <a:gd name="connsiteX2" fmla="*/ 490261 w 490793"/>
              <a:gd name="connsiteY2" fmla="*/ 295719 h 326513"/>
              <a:gd name="connsiteX3" fmla="*/ 422911 w 490793"/>
              <a:gd name="connsiteY3" fmla="*/ 74073 h 326513"/>
              <a:gd name="connsiteX4" fmla="*/ 398609 w 490793"/>
              <a:gd name="connsiteY4" fmla="*/ 0 h 326513"/>
              <a:gd name="connsiteX5" fmla="*/ 0 w 490793"/>
              <a:gd name="connsiteY5" fmla="*/ 43238 h 326513"/>
              <a:gd name="connsiteX0" fmla="*/ 0 w 490793"/>
              <a:gd name="connsiteY0" fmla="*/ 43238 h 326513"/>
              <a:gd name="connsiteX1" fmla="*/ 246799 w 490793"/>
              <a:gd name="connsiteY1" fmla="*/ 326513 h 326513"/>
              <a:gd name="connsiteX2" fmla="*/ 490261 w 490793"/>
              <a:gd name="connsiteY2" fmla="*/ 295719 h 326513"/>
              <a:gd name="connsiteX3" fmla="*/ 390555 w 490793"/>
              <a:gd name="connsiteY3" fmla="*/ 44470 h 326513"/>
              <a:gd name="connsiteX4" fmla="*/ 398609 w 490793"/>
              <a:gd name="connsiteY4" fmla="*/ 0 h 326513"/>
              <a:gd name="connsiteX5" fmla="*/ 0 w 490793"/>
              <a:gd name="connsiteY5" fmla="*/ 43238 h 326513"/>
              <a:gd name="connsiteX0" fmla="*/ 0 w 458437"/>
              <a:gd name="connsiteY0" fmla="*/ 43238 h 326513"/>
              <a:gd name="connsiteX1" fmla="*/ 246799 w 458437"/>
              <a:gd name="connsiteY1" fmla="*/ 326513 h 326513"/>
              <a:gd name="connsiteX2" fmla="*/ 457906 w 458437"/>
              <a:gd name="connsiteY2" fmla="*/ 259538 h 326513"/>
              <a:gd name="connsiteX3" fmla="*/ 390555 w 458437"/>
              <a:gd name="connsiteY3" fmla="*/ 44470 h 326513"/>
              <a:gd name="connsiteX4" fmla="*/ 398609 w 458437"/>
              <a:gd name="connsiteY4" fmla="*/ 0 h 326513"/>
              <a:gd name="connsiteX5" fmla="*/ 0 w 458437"/>
              <a:gd name="connsiteY5" fmla="*/ 43238 h 326513"/>
              <a:gd name="connsiteX0" fmla="*/ 0 w 398609"/>
              <a:gd name="connsiteY0" fmla="*/ 43238 h 326513"/>
              <a:gd name="connsiteX1" fmla="*/ 246799 w 398609"/>
              <a:gd name="connsiteY1" fmla="*/ 326513 h 326513"/>
              <a:gd name="connsiteX2" fmla="*/ 390555 w 398609"/>
              <a:gd name="connsiteY2" fmla="*/ 44470 h 326513"/>
              <a:gd name="connsiteX3" fmla="*/ 398609 w 398609"/>
              <a:gd name="connsiteY3" fmla="*/ 0 h 326513"/>
              <a:gd name="connsiteX4" fmla="*/ 0 w 398609"/>
              <a:gd name="connsiteY4" fmla="*/ 43238 h 326513"/>
              <a:gd name="connsiteX0" fmla="*/ 0 w 398609"/>
              <a:gd name="connsiteY0" fmla="*/ 43238 h 171920"/>
              <a:gd name="connsiteX1" fmla="*/ 141646 w 398609"/>
              <a:gd name="connsiteY1" fmla="*/ 171920 h 171920"/>
              <a:gd name="connsiteX2" fmla="*/ 390555 w 398609"/>
              <a:gd name="connsiteY2" fmla="*/ 44470 h 171920"/>
              <a:gd name="connsiteX3" fmla="*/ 398609 w 398609"/>
              <a:gd name="connsiteY3" fmla="*/ 0 h 171920"/>
              <a:gd name="connsiteX4" fmla="*/ 0 w 398609"/>
              <a:gd name="connsiteY4" fmla="*/ 43238 h 17192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98609" h="171920">
                <a:moveTo>
                  <a:pt x="0" y="43238"/>
                </a:moveTo>
                <a:lnTo>
                  <a:pt x="141646" y="171920"/>
                </a:lnTo>
                <a:lnTo>
                  <a:pt x="390555" y="44470"/>
                </a:lnTo>
                <a:lnTo>
                  <a:pt x="398609" y="0"/>
                </a:lnTo>
                <a:lnTo>
                  <a:pt x="0" y="43238"/>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7" name="フリーフォーム 116"/>
          <p:cNvSpPr/>
          <p:nvPr/>
        </p:nvSpPr>
        <p:spPr>
          <a:xfrm>
            <a:off x="3038521" y="4086225"/>
            <a:ext cx="288131" cy="323850"/>
          </a:xfrm>
          <a:custGeom>
            <a:avLst/>
            <a:gdLst>
              <a:gd name="connsiteX0" fmla="*/ 195263 w 288131"/>
              <a:gd name="connsiteY0" fmla="*/ 0 h 323850"/>
              <a:gd name="connsiteX1" fmla="*/ 288131 w 288131"/>
              <a:gd name="connsiteY1" fmla="*/ 154781 h 323850"/>
              <a:gd name="connsiteX2" fmla="*/ 114300 w 288131"/>
              <a:gd name="connsiteY2" fmla="*/ 261938 h 323850"/>
              <a:gd name="connsiteX3" fmla="*/ 142875 w 288131"/>
              <a:gd name="connsiteY3" fmla="*/ 304800 h 323850"/>
              <a:gd name="connsiteX4" fmla="*/ 104775 w 288131"/>
              <a:gd name="connsiteY4" fmla="*/ 323850 h 323850"/>
              <a:gd name="connsiteX5" fmla="*/ 0 w 288131"/>
              <a:gd name="connsiteY5" fmla="*/ 138113 h 323850"/>
              <a:gd name="connsiteX6" fmla="*/ 195263 w 288131"/>
              <a:gd name="connsiteY6" fmla="*/ 0 h 3238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88131" h="323850">
                <a:moveTo>
                  <a:pt x="195263" y="0"/>
                </a:moveTo>
                <a:lnTo>
                  <a:pt x="288131" y="154781"/>
                </a:lnTo>
                <a:lnTo>
                  <a:pt x="114300" y="261938"/>
                </a:lnTo>
                <a:lnTo>
                  <a:pt x="142875" y="304800"/>
                </a:lnTo>
                <a:lnTo>
                  <a:pt x="104775" y="323850"/>
                </a:lnTo>
                <a:lnTo>
                  <a:pt x="0" y="138113"/>
                </a:lnTo>
                <a:lnTo>
                  <a:pt x="195263"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8" name="フリーフォーム 117"/>
          <p:cNvSpPr/>
          <p:nvPr/>
        </p:nvSpPr>
        <p:spPr>
          <a:xfrm>
            <a:off x="2697956" y="4829259"/>
            <a:ext cx="361950" cy="321469"/>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78594 w 361950"/>
              <a:gd name="connsiteY5" fmla="*/ 9525 h 321469"/>
              <a:gd name="connsiteX6" fmla="*/ 142875 w 361950"/>
              <a:gd name="connsiteY6" fmla="*/ 16669 h 321469"/>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73707 w 361950"/>
              <a:gd name="connsiteY5" fmla="*/ 24309 h 321469"/>
              <a:gd name="connsiteX6" fmla="*/ 142875 w 361950"/>
              <a:gd name="connsiteY6" fmla="*/ 16669 h 3214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61950" h="321469">
                <a:moveTo>
                  <a:pt x="142875" y="16669"/>
                </a:moveTo>
                <a:lnTo>
                  <a:pt x="0" y="178594"/>
                </a:lnTo>
                <a:lnTo>
                  <a:pt x="159544" y="321469"/>
                </a:lnTo>
                <a:lnTo>
                  <a:pt x="361950" y="185738"/>
                </a:lnTo>
                <a:lnTo>
                  <a:pt x="221457" y="0"/>
                </a:lnTo>
                <a:lnTo>
                  <a:pt x="173707" y="24309"/>
                </a:lnTo>
                <a:lnTo>
                  <a:pt x="142875" y="16669"/>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9" name="フリーフォーム 118"/>
          <p:cNvSpPr/>
          <p:nvPr/>
        </p:nvSpPr>
        <p:spPr>
          <a:xfrm>
            <a:off x="2090738" y="5067360"/>
            <a:ext cx="380182" cy="521493"/>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80182" h="521493">
                <a:moveTo>
                  <a:pt x="239688" y="0"/>
                </a:moveTo>
                <a:lnTo>
                  <a:pt x="0" y="351308"/>
                </a:lnTo>
                <a:lnTo>
                  <a:pt x="111100" y="521493"/>
                </a:lnTo>
                <a:lnTo>
                  <a:pt x="352425" y="361974"/>
                </a:lnTo>
                <a:lnTo>
                  <a:pt x="282550" y="250031"/>
                </a:lnTo>
                <a:lnTo>
                  <a:pt x="380182" y="176211"/>
                </a:lnTo>
                <a:lnTo>
                  <a:pt x="239688"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3" name="フリーフォーム 122"/>
          <p:cNvSpPr/>
          <p:nvPr/>
        </p:nvSpPr>
        <p:spPr>
          <a:xfrm>
            <a:off x="2374107" y="5245978"/>
            <a:ext cx="170632" cy="180949"/>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70632" h="180949">
                <a:moveTo>
                  <a:pt x="94779" y="0"/>
                </a:moveTo>
                <a:lnTo>
                  <a:pt x="0" y="67914"/>
                </a:lnTo>
                <a:lnTo>
                  <a:pt x="72999" y="180949"/>
                </a:lnTo>
                <a:lnTo>
                  <a:pt x="170632" y="111892"/>
                </a:lnTo>
                <a:lnTo>
                  <a:pt x="94779"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4" name="フリーフォーム 123"/>
          <p:cNvSpPr/>
          <p:nvPr/>
        </p:nvSpPr>
        <p:spPr>
          <a:xfrm>
            <a:off x="2347913" y="4900586"/>
            <a:ext cx="299218" cy="256036"/>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09079 w 380182"/>
              <a:gd name="connsiteY0" fmla="*/ 0 h 831030"/>
              <a:gd name="connsiteX1" fmla="*/ 0 w 380182"/>
              <a:gd name="connsiteY1" fmla="*/ 660845 h 831030"/>
              <a:gd name="connsiteX2" fmla="*/ 111100 w 380182"/>
              <a:gd name="connsiteY2" fmla="*/ 831030 h 831030"/>
              <a:gd name="connsiteX3" fmla="*/ 352425 w 380182"/>
              <a:gd name="connsiteY3" fmla="*/ 671511 h 831030"/>
              <a:gd name="connsiteX4" fmla="*/ 282550 w 380182"/>
              <a:gd name="connsiteY4" fmla="*/ 559568 h 831030"/>
              <a:gd name="connsiteX5" fmla="*/ 380182 w 380182"/>
              <a:gd name="connsiteY5" fmla="*/ 485748 h 831030"/>
              <a:gd name="connsiteX6" fmla="*/ 209079 w 380182"/>
              <a:gd name="connsiteY6" fmla="*/ 0 h 831030"/>
              <a:gd name="connsiteX0" fmla="*/ 209079 w 352425"/>
              <a:gd name="connsiteY0" fmla="*/ 9552 h 840582"/>
              <a:gd name="connsiteX1" fmla="*/ 0 w 352425"/>
              <a:gd name="connsiteY1" fmla="*/ 670397 h 840582"/>
              <a:gd name="connsiteX2" fmla="*/ 111100 w 352425"/>
              <a:gd name="connsiteY2" fmla="*/ 840582 h 840582"/>
              <a:gd name="connsiteX3" fmla="*/ 352425 w 352425"/>
              <a:gd name="connsiteY3" fmla="*/ 681063 h 840582"/>
              <a:gd name="connsiteX4" fmla="*/ 282550 w 352425"/>
              <a:gd name="connsiteY4" fmla="*/ 569120 h 840582"/>
              <a:gd name="connsiteX5" fmla="*/ 251594 w 352425"/>
              <a:gd name="connsiteY5" fmla="*/ 0 h 840582"/>
              <a:gd name="connsiteX6" fmla="*/ 209079 w 352425"/>
              <a:gd name="connsiteY6" fmla="*/ 9552 h 840582"/>
              <a:gd name="connsiteX0" fmla="*/ 209079 w 352425"/>
              <a:gd name="connsiteY0" fmla="*/ 9552 h 840582"/>
              <a:gd name="connsiteX1" fmla="*/ 0 w 352425"/>
              <a:gd name="connsiteY1" fmla="*/ 670397 h 840582"/>
              <a:gd name="connsiteX2" fmla="*/ 111100 w 352425"/>
              <a:gd name="connsiteY2" fmla="*/ 840582 h 840582"/>
              <a:gd name="connsiteX3" fmla="*/ 352425 w 352425"/>
              <a:gd name="connsiteY3" fmla="*/ 681063 h 840582"/>
              <a:gd name="connsiteX4" fmla="*/ 306362 w 352425"/>
              <a:gd name="connsiteY4" fmla="*/ 52388 h 840582"/>
              <a:gd name="connsiteX5" fmla="*/ 251594 w 352425"/>
              <a:gd name="connsiteY5" fmla="*/ 0 h 840582"/>
              <a:gd name="connsiteX6" fmla="*/ 209079 w 352425"/>
              <a:gd name="connsiteY6" fmla="*/ 9552 h 840582"/>
              <a:gd name="connsiteX0" fmla="*/ 209079 w 306362"/>
              <a:gd name="connsiteY0" fmla="*/ 9552 h 840582"/>
              <a:gd name="connsiteX1" fmla="*/ 0 w 306362"/>
              <a:gd name="connsiteY1" fmla="*/ 670397 h 840582"/>
              <a:gd name="connsiteX2" fmla="*/ 111100 w 306362"/>
              <a:gd name="connsiteY2" fmla="*/ 840582 h 840582"/>
              <a:gd name="connsiteX3" fmla="*/ 276225 w 306362"/>
              <a:gd name="connsiteY3" fmla="*/ 80988 h 840582"/>
              <a:gd name="connsiteX4" fmla="*/ 306362 w 306362"/>
              <a:gd name="connsiteY4" fmla="*/ 52388 h 840582"/>
              <a:gd name="connsiteX5" fmla="*/ 251594 w 306362"/>
              <a:gd name="connsiteY5" fmla="*/ 0 h 840582"/>
              <a:gd name="connsiteX6" fmla="*/ 209079 w 306362"/>
              <a:gd name="connsiteY6" fmla="*/ 9552 h 840582"/>
              <a:gd name="connsiteX0" fmla="*/ 209079 w 403994"/>
              <a:gd name="connsiteY0" fmla="*/ 9552 h 670397"/>
              <a:gd name="connsiteX1" fmla="*/ 0 w 403994"/>
              <a:gd name="connsiteY1" fmla="*/ 670397 h 670397"/>
              <a:gd name="connsiteX2" fmla="*/ 403994 w 403994"/>
              <a:gd name="connsiteY2" fmla="*/ 195263 h 670397"/>
              <a:gd name="connsiteX3" fmla="*/ 276225 w 403994"/>
              <a:gd name="connsiteY3" fmla="*/ 80988 h 670397"/>
              <a:gd name="connsiteX4" fmla="*/ 306362 w 403994"/>
              <a:gd name="connsiteY4" fmla="*/ 52388 h 670397"/>
              <a:gd name="connsiteX5" fmla="*/ 251594 w 403994"/>
              <a:gd name="connsiteY5" fmla="*/ 0 h 670397"/>
              <a:gd name="connsiteX6" fmla="*/ 209079 w 403994"/>
              <a:gd name="connsiteY6" fmla="*/ 9552 h 670397"/>
              <a:gd name="connsiteX0" fmla="*/ 0 w 194915"/>
              <a:gd name="connsiteY0" fmla="*/ 9552 h 229866"/>
              <a:gd name="connsiteX1" fmla="*/ 152871 w 194915"/>
              <a:gd name="connsiteY1" fmla="*/ 229866 h 229866"/>
              <a:gd name="connsiteX2" fmla="*/ 194915 w 194915"/>
              <a:gd name="connsiteY2" fmla="*/ 195263 h 229866"/>
              <a:gd name="connsiteX3" fmla="*/ 67146 w 194915"/>
              <a:gd name="connsiteY3" fmla="*/ 80988 h 229866"/>
              <a:gd name="connsiteX4" fmla="*/ 97283 w 194915"/>
              <a:gd name="connsiteY4" fmla="*/ 52388 h 229866"/>
              <a:gd name="connsiteX5" fmla="*/ 42515 w 194915"/>
              <a:gd name="connsiteY5" fmla="*/ 0 h 229866"/>
              <a:gd name="connsiteX6" fmla="*/ 0 w 194915"/>
              <a:gd name="connsiteY6" fmla="*/ 9552 h 229866"/>
              <a:gd name="connsiteX0" fmla="*/ 0 w 194915"/>
              <a:gd name="connsiteY0" fmla="*/ 9552 h 229866"/>
              <a:gd name="connsiteX1" fmla="*/ 52512 w 194915"/>
              <a:gd name="connsiteY1" fmla="*/ 112590 h 229866"/>
              <a:gd name="connsiteX2" fmla="*/ 152871 w 194915"/>
              <a:gd name="connsiteY2" fmla="*/ 229866 h 229866"/>
              <a:gd name="connsiteX3" fmla="*/ 194915 w 194915"/>
              <a:gd name="connsiteY3" fmla="*/ 195263 h 229866"/>
              <a:gd name="connsiteX4" fmla="*/ 67146 w 194915"/>
              <a:gd name="connsiteY4" fmla="*/ 80988 h 229866"/>
              <a:gd name="connsiteX5" fmla="*/ 97283 w 194915"/>
              <a:gd name="connsiteY5" fmla="*/ 52388 h 229866"/>
              <a:gd name="connsiteX6" fmla="*/ 42515 w 194915"/>
              <a:gd name="connsiteY6" fmla="*/ 0 h 229866"/>
              <a:gd name="connsiteX7" fmla="*/ 0 w 194915"/>
              <a:gd name="connsiteY7" fmla="*/ 9552 h 229866"/>
              <a:gd name="connsiteX0" fmla="*/ 104303 w 299218"/>
              <a:gd name="connsiteY0" fmla="*/ 9552 h 229866"/>
              <a:gd name="connsiteX1" fmla="*/ 0 w 299218"/>
              <a:gd name="connsiteY1" fmla="*/ 154808 h 229866"/>
              <a:gd name="connsiteX2" fmla="*/ 257174 w 299218"/>
              <a:gd name="connsiteY2" fmla="*/ 229866 h 229866"/>
              <a:gd name="connsiteX3" fmla="*/ 299218 w 299218"/>
              <a:gd name="connsiteY3" fmla="*/ 195263 h 229866"/>
              <a:gd name="connsiteX4" fmla="*/ 171449 w 299218"/>
              <a:gd name="connsiteY4" fmla="*/ 80988 h 229866"/>
              <a:gd name="connsiteX5" fmla="*/ 201586 w 299218"/>
              <a:gd name="connsiteY5" fmla="*/ 52388 h 229866"/>
              <a:gd name="connsiteX6" fmla="*/ 146818 w 299218"/>
              <a:gd name="connsiteY6" fmla="*/ 0 h 229866"/>
              <a:gd name="connsiteX7" fmla="*/ 104303 w 299218"/>
              <a:gd name="connsiteY7" fmla="*/ 9552 h 229866"/>
              <a:gd name="connsiteX0" fmla="*/ 104303 w 299218"/>
              <a:gd name="connsiteY0" fmla="*/ 9552 h 229866"/>
              <a:gd name="connsiteX1" fmla="*/ 0 w 299218"/>
              <a:gd name="connsiteY1" fmla="*/ 154808 h 229866"/>
              <a:gd name="connsiteX2" fmla="*/ 12799 w 299218"/>
              <a:gd name="connsiteY2" fmla="*/ 184598 h 229866"/>
              <a:gd name="connsiteX3" fmla="*/ 257174 w 299218"/>
              <a:gd name="connsiteY3" fmla="*/ 229866 h 229866"/>
              <a:gd name="connsiteX4" fmla="*/ 299218 w 299218"/>
              <a:gd name="connsiteY4" fmla="*/ 195263 h 229866"/>
              <a:gd name="connsiteX5" fmla="*/ 171449 w 299218"/>
              <a:gd name="connsiteY5" fmla="*/ 80988 h 229866"/>
              <a:gd name="connsiteX6" fmla="*/ 201586 w 299218"/>
              <a:gd name="connsiteY6" fmla="*/ 52388 h 229866"/>
              <a:gd name="connsiteX7" fmla="*/ 146818 w 299218"/>
              <a:gd name="connsiteY7" fmla="*/ 0 h 229866"/>
              <a:gd name="connsiteX8" fmla="*/ 104303 w 299218"/>
              <a:gd name="connsiteY8" fmla="*/ 9552 h 229866"/>
              <a:gd name="connsiteX0" fmla="*/ 104303 w 299218"/>
              <a:gd name="connsiteY0" fmla="*/ 9552 h 256036"/>
              <a:gd name="connsiteX1" fmla="*/ 0 w 299218"/>
              <a:gd name="connsiteY1" fmla="*/ 154808 h 256036"/>
              <a:gd name="connsiteX2" fmla="*/ 91380 w 299218"/>
              <a:gd name="connsiteY2" fmla="*/ 256036 h 256036"/>
              <a:gd name="connsiteX3" fmla="*/ 257174 w 299218"/>
              <a:gd name="connsiteY3" fmla="*/ 229866 h 256036"/>
              <a:gd name="connsiteX4" fmla="*/ 299218 w 299218"/>
              <a:gd name="connsiteY4" fmla="*/ 195263 h 256036"/>
              <a:gd name="connsiteX5" fmla="*/ 171449 w 299218"/>
              <a:gd name="connsiteY5" fmla="*/ 80988 h 256036"/>
              <a:gd name="connsiteX6" fmla="*/ 201586 w 299218"/>
              <a:gd name="connsiteY6" fmla="*/ 52388 h 256036"/>
              <a:gd name="connsiteX7" fmla="*/ 146818 w 299218"/>
              <a:gd name="connsiteY7" fmla="*/ 0 h 256036"/>
              <a:gd name="connsiteX8" fmla="*/ 104303 w 299218"/>
              <a:gd name="connsiteY8" fmla="*/ 9552 h 256036"/>
              <a:gd name="connsiteX0" fmla="*/ 104303 w 299218"/>
              <a:gd name="connsiteY0" fmla="*/ 9552 h 256036"/>
              <a:gd name="connsiteX1" fmla="*/ 0 w 299218"/>
              <a:gd name="connsiteY1" fmla="*/ 154808 h 256036"/>
              <a:gd name="connsiteX2" fmla="*/ 91380 w 299218"/>
              <a:gd name="connsiteY2" fmla="*/ 256036 h 256036"/>
              <a:gd name="connsiteX3" fmla="*/ 204787 w 299218"/>
              <a:gd name="connsiteY3" fmla="*/ 240533 h 256036"/>
              <a:gd name="connsiteX4" fmla="*/ 257174 w 299218"/>
              <a:gd name="connsiteY4" fmla="*/ 229866 h 256036"/>
              <a:gd name="connsiteX5" fmla="*/ 299218 w 299218"/>
              <a:gd name="connsiteY5" fmla="*/ 195263 h 256036"/>
              <a:gd name="connsiteX6" fmla="*/ 171449 w 299218"/>
              <a:gd name="connsiteY6" fmla="*/ 80988 h 256036"/>
              <a:gd name="connsiteX7" fmla="*/ 201586 w 299218"/>
              <a:gd name="connsiteY7" fmla="*/ 52388 h 256036"/>
              <a:gd name="connsiteX8" fmla="*/ 146818 w 299218"/>
              <a:gd name="connsiteY8" fmla="*/ 0 h 256036"/>
              <a:gd name="connsiteX9" fmla="*/ 104303 w 299218"/>
              <a:gd name="connsiteY9" fmla="*/ 9552 h 256036"/>
              <a:gd name="connsiteX0" fmla="*/ 104303 w 299218"/>
              <a:gd name="connsiteY0" fmla="*/ 9552 h 256036"/>
              <a:gd name="connsiteX1" fmla="*/ 0 w 299218"/>
              <a:gd name="connsiteY1" fmla="*/ 154808 h 256036"/>
              <a:gd name="connsiteX2" fmla="*/ 91380 w 299218"/>
              <a:gd name="connsiteY2" fmla="*/ 256036 h 256036"/>
              <a:gd name="connsiteX3" fmla="*/ 207168 w 299218"/>
              <a:gd name="connsiteY3" fmla="*/ 169096 h 256036"/>
              <a:gd name="connsiteX4" fmla="*/ 257174 w 299218"/>
              <a:gd name="connsiteY4" fmla="*/ 229866 h 256036"/>
              <a:gd name="connsiteX5" fmla="*/ 299218 w 299218"/>
              <a:gd name="connsiteY5" fmla="*/ 195263 h 256036"/>
              <a:gd name="connsiteX6" fmla="*/ 171449 w 299218"/>
              <a:gd name="connsiteY6" fmla="*/ 80988 h 256036"/>
              <a:gd name="connsiteX7" fmla="*/ 201586 w 299218"/>
              <a:gd name="connsiteY7" fmla="*/ 52388 h 256036"/>
              <a:gd name="connsiteX8" fmla="*/ 146818 w 299218"/>
              <a:gd name="connsiteY8" fmla="*/ 0 h 256036"/>
              <a:gd name="connsiteX9" fmla="*/ 104303 w 299218"/>
              <a:gd name="connsiteY9" fmla="*/ 9552 h 2560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299218" h="256036">
                <a:moveTo>
                  <a:pt x="104303" y="9552"/>
                </a:moveTo>
                <a:lnTo>
                  <a:pt x="0" y="154808"/>
                </a:lnTo>
                <a:lnTo>
                  <a:pt x="91380" y="256036"/>
                </a:lnTo>
                <a:lnTo>
                  <a:pt x="207168" y="169096"/>
                </a:lnTo>
                <a:lnTo>
                  <a:pt x="257174" y="229866"/>
                </a:lnTo>
                <a:lnTo>
                  <a:pt x="299218" y="195263"/>
                </a:lnTo>
                <a:lnTo>
                  <a:pt x="171449" y="80988"/>
                </a:lnTo>
                <a:lnTo>
                  <a:pt x="201586" y="52388"/>
                </a:lnTo>
                <a:lnTo>
                  <a:pt x="146818" y="0"/>
                </a:lnTo>
                <a:lnTo>
                  <a:pt x="104303" y="9552"/>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5" name="フリーフォーム 124"/>
          <p:cNvSpPr/>
          <p:nvPr/>
        </p:nvSpPr>
        <p:spPr>
          <a:xfrm>
            <a:off x="2445366" y="5072842"/>
            <a:ext cx="134913" cy="116655"/>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4913" h="116655">
                <a:moveTo>
                  <a:pt x="106685" y="0"/>
                </a:moveTo>
                <a:lnTo>
                  <a:pt x="0" y="84582"/>
                </a:lnTo>
                <a:lnTo>
                  <a:pt x="32518" y="116655"/>
                </a:lnTo>
                <a:lnTo>
                  <a:pt x="134913" y="30930"/>
                </a:lnTo>
                <a:lnTo>
                  <a:pt x="106685"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6" name="フリーフォーム 125"/>
          <p:cNvSpPr/>
          <p:nvPr/>
        </p:nvSpPr>
        <p:spPr>
          <a:xfrm>
            <a:off x="2573907" y="5118084"/>
            <a:ext cx="144438" cy="176187"/>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44438" h="176187">
                <a:moveTo>
                  <a:pt x="61441" y="0"/>
                </a:moveTo>
                <a:lnTo>
                  <a:pt x="0" y="51245"/>
                </a:lnTo>
                <a:lnTo>
                  <a:pt x="68238" y="176187"/>
                </a:lnTo>
                <a:lnTo>
                  <a:pt x="144438" y="126181"/>
                </a:lnTo>
                <a:lnTo>
                  <a:pt x="61441"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7" name="フリーフォーム 126"/>
          <p:cNvSpPr/>
          <p:nvPr/>
        </p:nvSpPr>
        <p:spPr>
          <a:xfrm>
            <a:off x="2521966" y="4953233"/>
            <a:ext cx="151582" cy="145231"/>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51582" h="145231">
                <a:moveTo>
                  <a:pt x="35247" y="0"/>
                </a:moveTo>
                <a:lnTo>
                  <a:pt x="0" y="36958"/>
                </a:lnTo>
                <a:lnTo>
                  <a:pt x="120625" y="145231"/>
                </a:lnTo>
                <a:lnTo>
                  <a:pt x="151582" y="104750"/>
                </a:lnTo>
                <a:lnTo>
                  <a:pt x="35247"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8" name="フリーフォーム 127"/>
          <p:cNvSpPr/>
          <p:nvPr/>
        </p:nvSpPr>
        <p:spPr>
          <a:xfrm>
            <a:off x="3457010" y="4185668"/>
            <a:ext cx="263501" cy="204764"/>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3501" h="204764">
                <a:moveTo>
                  <a:pt x="213841" y="0"/>
                </a:moveTo>
                <a:lnTo>
                  <a:pt x="0" y="139352"/>
                </a:lnTo>
                <a:lnTo>
                  <a:pt x="39663" y="204764"/>
                </a:lnTo>
                <a:lnTo>
                  <a:pt x="263501" y="69031"/>
                </a:lnTo>
                <a:lnTo>
                  <a:pt x="213841"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9" name="フリーフォーム 128"/>
          <p:cNvSpPr/>
          <p:nvPr/>
        </p:nvSpPr>
        <p:spPr>
          <a:xfrm>
            <a:off x="3514652" y="4305300"/>
            <a:ext cx="214312" cy="326504"/>
          </a:xfrm>
          <a:custGeom>
            <a:avLst/>
            <a:gdLst>
              <a:gd name="connsiteX0" fmla="*/ 195263 w 288131"/>
              <a:gd name="connsiteY0" fmla="*/ 0 h 323850"/>
              <a:gd name="connsiteX1" fmla="*/ 288131 w 288131"/>
              <a:gd name="connsiteY1" fmla="*/ 154781 h 323850"/>
              <a:gd name="connsiteX2" fmla="*/ 114300 w 288131"/>
              <a:gd name="connsiteY2" fmla="*/ 261938 h 323850"/>
              <a:gd name="connsiteX3" fmla="*/ 142875 w 288131"/>
              <a:gd name="connsiteY3" fmla="*/ 304800 h 323850"/>
              <a:gd name="connsiteX4" fmla="*/ 104775 w 288131"/>
              <a:gd name="connsiteY4" fmla="*/ 323850 h 323850"/>
              <a:gd name="connsiteX5" fmla="*/ 0 w 288131"/>
              <a:gd name="connsiteY5" fmla="*/ 138113 h 323850"/>
              <a:gd name="connsiteX6" fmla="*/ 195263 w 288131"/>
              <a:gd name="connsiteY6" fmla="*/ 0 h 323850"/>
              <a:gd name="connsiteX0" fmla="*/ 246013 w 288131"/>
              <a:gd name="connsiteY0" fmla="*/ 0 h 383654"/>
              <a:gd name="connsiteX1" fmla="*/ 288131 w 288131"/>
              <a:gd name="connsiteY1" fmla="*/ 214585 h 383654"/>
              <a:gd name="connsiteX2" fmla="*/ 114300 w 288131"/>
              <a:gd name="connsiteY2" fmla="*/ 321742 h 383654"/>
              <a:gd name="connsiteX3" fmla="*/ 142875 w 288131"/>
              <a:gd name="connsiteY3" fmla="*/ 364604 h 383654"/>
              <a:gd name="connsiteX4" fmla="*/ 104775 w 288131"/>
              <a:gd name="connsiteY4" fmla="*/ 383654 h 383654"/>
              <a:gd name="connsiteX5" fmla="*/ 0 w 288131"/>
              <a:gd name="connsiteY5" fmla="*/ 197917 h 383654"/>
              <a:gd name="connsiteX6" fmla="*/ 246013 w 288131"/>
              <a:gd name="connsiteY6" fmla="*/ 0 h 383654"/>
              <a:gd name="connsiteX0" fmla="*/ 172194 w 214312"/>
              <a:gd name="connsiteY0" fmla="*/ 0 h 383654"/>
              <a:gd name="connsiteX1" fmla="*/ 214312 w 214312"/>
              <a:gd name="connsiteY1" fmla="*/ 214585 h 383654"/>
              <a:gd name="connsiteX2" fmla="*/ 40481 w 214312"/>
              <a:gd name="connsiteY2" fmla="*/ 321742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214585 h 383654"/>
              <a:gd name="connsiteX2" fmla="*/ 116681 w 214312"/>
              <a:gd name="connsiteY2" fmla="*/ 300311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64566 h 383654"/>
              <a:gd name="connsiteX2" fmla="*/ 116681 w 214312"/>
              <a:gd name="connsiteY2" fmla="*/ 300311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64566 h 383654"/>
              <a:gd name="connsiteX2" fmla="*/ 97631 w 214312"/>
              <a:gd name="connsiteY2" fmla="*/ 131242 h 383654"/>
              <a:gd name="connsiteX3" fmla="*/ 69056 w 214312"/>
              <a:gd name="connsiteY3" fmla="*/ 364604 h 383654"/>
              <a:gd name="connsiteX4" fmla="*/ 30956 w 214312"/>
              <a:gd name="connsiteY4" fmla="*/ 383654 h 383654"/>
              <a:gd name="connsiteX5" fmla="*/ 0 w 214312"/>
              <a:gd name="connsiteY5" fmla="*/ 107429 h 383654"/>
              <a:gd name="connsiteX6" fmla="*/ 172194 w 214312"/>
              <a:gd name="connsiteY6" fmla="*/ 0 h 383654"/>
              <a:gd name="connsiteX0" fmla="*/ 172194 w 214312"/>
              <a:gd name="connsiteY0" fmla="*/ 0 h 383654"/>
              <a:gd name="connsiteX1" fmla="*/ 214312 w 214312"/>
              <a:gd name="connsiteY1" fmla="*/ 64566 h 383654"/>
              <a:gd name="connsiteX2" fmla="*/ 97631 w 214312"/>
              <a:gd name="connsiteY2" fmla="*/ 131242 h 383654"/>
              <a:gd name="connsiteX3" fmla="*/ 83417 w 214312"/>
              <a:gd name="connsiteY3" fmla="*/ 247650 h 383654"/>
              <a:gd name="connsiteX4" fmla="*/ 69056 w 214312"/>
              <a:gd name="connsiteY4" fmla="*/ 364604 h 383654"/>
              <a:gd name="connsiteX5" fmla="*/ 30956 w 214312"/>
              <a:gd name="connsiteY5" fmla="*/ 383654 h 383654"/>
              <a:gd name="connsiteX6" fmla="*/ 0 w 214312"/>
              <a:gd name="connsiteY6" fmla="*/ 107429 h 383654"/>
              <a:gd name="connsiteX7" fmla="*/ 172194 w 214312"/>
              <a:gd name="connsiteY7" fmla="*/ 0 h 383654"/>
              <a:gd name="connsiteX0" fmla="*/ 172194 w 214312"/>
              <a:gd name="connsiteY0" fmla="*/ 0 h 383654"/>
              <a:gd name="connsiteX1" fmla="*/ 214312 w 214312"/>
              <a:gd name="connsiteY1" fmla="*/ 64566 h 383654"/>
              <a:gd name="connsiteX2" fmla="*/ 97631 w 214312"/>
              <a:gd name="connsiteY2" fmla="*/ 131242 h 383654"/>
              <a:gd name="connsiteX3" fmla="*/ 83417 w 214312"/>
              <a:gd name="connsiteY3" fmla="*/ 247650 h 383654"/>
              <a:gd name="connsiteX4" fmla="*/ 71511 w 214312"/>
              <a:gd name="connsiteY4" fmla="*/ 328613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71511 w 214312"/>
              <a:gd name="connsiteY4" fmla="*/ 328613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142204 w 214312"/>
              <a:gd name="connsiteY4" fmla="*/ 203820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89817 w 214312"/>
              <a:gd name="connsiteY4" fmla="*/ 196676 h 383654"/>
              <a:gd name="connsiteX5" fmla="*/ 69056 w 214312"/>
              <a:gd name="connsiteY5" fmla="*/ 36460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83654"/>
              <a:gd name="connsiteX1" fmla="*/ 214312 w 214312"/>
              <a:gd name="connsiteY1" fmla="*/ 64566 h 383654"/>
              <a:gd name="connsiteX2" fmla="*/ 97631 w 214312"/>
              <a:gd name="connsiteY2" fmla="*/ 131242 h 383654"/>
              <a:gd name="connsiteX3" fmla="*/ 122832 w 214312"/>
              <a:gd name="connsiteY3" fmla="*/ 171847 h 383654"/>
              <a:gd name="connsiteX4" fmla="*/ 89817 w 214312"/>
              <a:gd name="connsiteY4" fmla="*/ 196676 h 383654"/>
              <a:gd name="connsiteX5" fmla="*/ 154781 w 214312"/>
              <a:gd name="connsiteY5" fmla="*/ 307454 h 383654"/>
              <a:gd name="connsiteX6" fmla="*/ 30956 w 214312"/>
              <a:gd name="connsiteY6" fmla="*/ 383654 h 383654"/>
              <a:gd name="connsiteX7" fmla="*/ 0 w 214312"/>
              <a:gd name="connsiteY7" fmla="*/ 107429 h 383654"/>
              <a:gd name="connsiteX8" fmla="*/ 172194 w 214312"/>
              <a:gd name="connsiteY8" fmla="*/ 0 h 383654"/>
              <a:gd name="connsiteX0" fmla="*/ 172194 w 214312"/>
              <a:gd name="connsiteY0" fmla="*/ 0 h 326504"/>
              <a:gd name="connsiteX1" fmla="*/ 214312 w 214312"/>
              <a:gd name="connsiteY1" fmla="*/ 64566 h 326504"/>
              <a:gd name="connsiteX2" fmla="*/ 97631 w 214312"/>
              <a:gd name="connsiteY2" fmla="*/ 131242 h 326504"/>
              <a:gd name="connsiteX3" fmla="*/ 122832 w 214312"/>
              <a:gd name="connsiteY3" fmla="*/ 171847 h 326504"/>
              <a:gd name="connsiteX4" fmla="*/ 89817 w 214312"/>
              <a:gd name="connsiteY4" fmla="*/ 196676 h 326504"/>
              <a:gd name="connsiteX5" fmla="*/ 154781 w 214312"/>
              <a:gd name="connsiteY5" fmla="*/ 307454 h 326504"/>
              <a:gd name="connsiteX6" fmla="*/ 121444 w 214312"/>
              <a:gd name="connsiteY6" fmla="*/ 326504 h 326504"/>
              <a:gd name="connsiteX7" fmla="*/ 0 w 214312"/>
              <a:gd name="connsiteY7" fmla="*/ 107429 h 326504"/>
              <a:gd name="connsiteX8" fmla="*/ 172194 w 214312"/>
              <a:gd name="connsiteY8" fmla="*/ 0 h 32650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14312" h="326504">
                <a:moveTo>
                  <a:pt x="172194" y="0"/>
                </a:moveTo>
                <a:lnTo>
                  <a:pt x="214312" y="64566"/>
                </a:lnTo>
                <a:lnTo>
                  <a:pt x="97631" y="131242"/>
                </a:lnTo>
                <a:lnTo>
                  <a:pt x="122832" y="171847"/>
                </a:lnTo>
                <a:lnTo>
                  <a:pt x="89817" y="196676"/>
                </a:lnTo>
                <a:lnTo>
                  <a:pt x="154781" y="307454"/>
                </a:lnTo>
                <a:lnTo>
                  <a:pt x="121444" y="326504"/>
                </a:lnTo>
                <a:lnTo>
                  <a:pt x="0" y="107429"/>
                </a:lnTo>
                <a:lnTo>
                  <a:pt x="172194"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0" name="フリーフォーム 129"/>
          <p:cNvSpPr/>
          <p:nvPr/>
        </p:nvSpPr>
        <p:spPr>
          <a:xfrm>
            <a:off x="3603575" y="4464276"/>
            <a:ext cx="114550" cy="145232"/>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9670 w 269330"/>
              <a:gd name="connsiteY0" fmla="*/ 0 h 204764"/>
              <a:gd name="connsiteX1" fmla="*/ 0 w 269330"/>
              <a:gd name="connsiteY1" fmla="*/ 166513 h 204764"/>
              <a:gd name="connsiteX2" fmla="*/ 45492 w 269330"/>
              <a:gd name="connsiteY2" fmla="*/ 204764 h 204764"/>
              <a:gd name="connsiteX3" fmla="*/ 269330 w 269330"/>
              <a:gd name="connsiteY3" fmla="*/ 69031 h 204764"/>
              <a:gd name="connsiteX4" fmla="*/ 219670 w 269330"/>
              <a:gd name="connsiteY4" fmla="*/ 0 h 204764"/>
              <a:gd name="connsiteX0" fmla="*/ 64889 w 269330"/>
              <a:gd name="connsiteY0" fmla="*/ 64319 h 135733"/>
              <a:gd name="connsiteX1" fmla="*/ 0 w 269330"/>
              <a:gd name="connsiteY1" fmla="*/ 97482 h 135733"/>
              <a:gd name="connsiteX2" fmla="*/ 45492 w 269330"/>
              <a:gd name="connsiteY2" fmla="*/ 135733 h 135733"/>
              <a:gd name="connsiteX3" fmla="*/ 269330 w 269330"/>
              <a:gd name="connsiteY3" fmla="*/ 0 h 135733"/>
              <a:gd name="connsiteX4" fmla="*/ 64889 w 269330"/>
              <a:gd name="connsiteY4" fmla="*/ 64319 h 135733"/>
              <a:gd name="connsiteX0" fmla="*/ 64889 w 121693"/>
              <a:gd name="connsiteY0" fmla="*/ 0 h 107131"/>
              <a:gd name="connsiteX1" fmla="*/ 0 w 121693"/>
              <a:gd name="connsiteY1" fmla="*/ 33163 h 107131"/>
              <a:gd name="connsiteX2" fmla="*/ 45492 w 121693"/>
              <a:gd name="connsiteY2" fmla="*/ 71414 h 107131"/>
              <a:gd name="connsiteX3" fmla="*/ 121693 w 121693"/>
              <a:gd name="connsiteY3" fmla="*/ 107131 h 107131"/>
              <a:gd name="connsiteX4" fmla="*/ 64889 w 121693"/>
              <a:gd name="connsiteY4" fmla="*/ 0 h 107131"/>
              <a:gd name="connsiteX0" fmla="*/ 64889 w 121693"/>
              <a:gd name="connsiteY0" fmla="*/ 0 h 138089"/>
              <a:gd name="connsiteX1" fmla="*/ 0 w 121693"/>
              <a:gd name="connsiteY1" fmla="*/ 33163 h 138089"/>
              <a:gd name="connsiteX2" fmla="*/ 69304 w 121693"/>
              <a:gd name="connsiteY2" fmla="*/ 138089 h 138089"/>
              <a:gd name="connsiteX3" fmla="*/ 121693 w 121693"/>
              <a:gd name="connsiteY3" fmla="*/ 107131 h 138089"/>
              <a:gd name="connsiteX4" fmla="*/ 64889 w 121693"/>
              <a:gd name="connsiteY4" fmla="*/ 0 h 138089"/>
              <a:gd name="connsiteX0" fmla="*/ 64889 w 114550"/>
              <a:gd name="connsiteY0" fmla="*/ 0 h 138089"/>
              <a:gd name="connsiteX1" fmla="*/ 0 w 114550"/>
              <a:gd name="connsiteY1" fmla="*/ 33163 h 138089"/>
              <a:gd name="connsiteX2" fmla="*/ 69304 w 114550"/>
              <a:gd name="connsiteY2" fmla="*/ 138089 h 138089"/>
              <a:gd name="connsiteX3" fmla="*/ 114550 w 114550"/>
              <a:gd name="connsiteY3" fmla="*/ 97606 h 138089"/>
              <a:gd name="connsiteX4" fmla="*/ 64889 w 114550"/>
              <a:gd name="connsiteY4" fmla="*/ 0 h 138089"/>
              <a:gd name="connsiteX0" fmla="*/ 57746 w 114550"/>
              <a:gd name="connsiteY0" fmla="*/ 0 h 145232"/>
              <a:gd name="connsiteX1" fmla="*/ 0 w 114550"/>
              <a:gd name="connsiteY1" fmla="*/ 40306 h 145232"/>
              <a:gd name="connsiteX2" fmla="*/ 69304 w 114550"/>
              <a:gd name="connsiteY2" fmla="*/ 145232 h 145232"/>
              <a:gd name="connsiteX3" fmla="*/ 114550 w 114550"/>
              <a:gd name="connsiteY3" fmla="*/ 104749 h 145232"/>
              <a:gd name="connsiteX4" fmla="*/ 57746 w 114550"/>
              <a:gd name="connsiteY4" fmla="*/ 0 h 14523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14550" h="145232">
                <a:moveTo>
                  <a:pt x="57746" y="0"/>
                </a:moveTo>
                <a:lnTo>
                  <a:pt x="0" y="40306"/>
                </a:lnTo>
                <a:lnTo>
                  <a:pt x="69304" y="145232"/>
                </a:lnTo>
                <a:lnTo>
                  <a:pt x="114550" y="104749"/>
                </a:lnTo>
                <a:lnTo>
                  <a:pt x="57746" y="0"/>
                </a:lnTo>
                <a:close/>
              </a:path>
            </a:pathLst>
          </a:custGeom>
          <a:solidFill>
            <a:srgbClr val="FF0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2" name="フリーフォーム 131"/>
          <p:cNvSpPr/>
          <p:nvPr/>
        </p:nvSpPr>
        <p:spPr>
          <a:xfrm>
            <a:off x="4009181" y="4050881"/>
            <a:ext cx="169046" cy="221433"/>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69045" h="221433">
                <a:moveTo>
                  <a:pt x="151929" y="0"/>
                </a:moveTo>
                <a:lnTo>
                  <a:pt x="0" y="46483"/>
                </a:lnTo>
                <a:lnTo>
                  <a:pt x="84908" y="221433"/>
                </a:lnTo>
                <a:lnTo>
                  <a:pt x="165149" y="159173"/>
                </a:lnTo>
                <a:lnTo>
                  <a:pt x="137296" y="83319"/>
                </a:lnTo>
                <a:lnTo>
                  <a:pt x="169045" y="61170"/>
                </a:lnTo>
                <a:lnTo>
                  <a:pt x="151929"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3" name="フリーフォーム 132"/>
          <p:cNvSpPr/>
          <p:nvPr/>
        </p:nvSpPr>
        <p:spPr>
          <a:xfrm>
            <a:off x="4128123" y="3891465"/>
            <a:ext cx="137295" cy="140941"/>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85055 w 263501"/>
              <a:gd name="connsiteY0" fmla="*/ 54323 h 135733"/>
              <a:gd name="connsiteX1" fmla="*/ 0 w 263501"/>
              <a:gd name="connsiteY1" fmla="*/ 70321 h 135733"/>
              <a:gd name="connsiteX2" fmla="*/ 39663 w 263501"/>
              <a:gd name="connsiteY2" fmla="*/ 135733 h 135733"/>
              <a:gd name="connsiteX3" fmla="*/ 263501 w 263501"/>
              <a:gd name="connsiteY3" fmla="*/ 0 h 135733"/>
              <a:gd name="connsiteX4" fmla="*/ 85055 w 263501"/>
              <a:gd name="connsiteY4" fmla="*/ 54323 h 135733"/>
              <a:gd name="connsiteX0" fmla="*/ 85055 w 263501"/>
              <a:gd name="connsiteY0" fmla="*/ 54323 h 185739"/>
              <a:gd name="connsiteX1" fmla="*/ 0 w 263501"/>
              <a:gd name="connsiteY1" fmla="*/ 70321 h 185739"/>
              <a:gd name="connsiteX2" fmla="*/ 27756 w 263501"/>
              <a:gd name="connsiteY2" fmla="*/ 185739 h 185739"/>
              <a:gd name="connsiteX3" fmla="*/ 263501 w 263501"/>
              <a:gd name="connsiteY3" fmla="*/ 0 h 185739"/>
              <a:gd name="connsiteX4" fmla="*/ 85055 w 263501"/>
              <a:gd name="connsiteY4" fmla="*/ 54323 h 185739"/>
              <a:gd name="connsiteX0" fmla="*/ 85055 w 137295"/>
              <a:gd name="connsiteY0" fmla="*/ 0 h 131416"/>
              <a:gd name="connsiteX1" fmla="*/ 0 w 137295"/>
              <a:gd name="connsiteY1" fmla="*/ 15998 h 131416"/>
              <a:gd name="connsiteX2" fmla="*/ 27756 w 137295"/>
              <a:gd name="connsiteY2" fmla="*/ 131416 h 131416"/>
              <a:gd name="connsiteX3" fmla="*/ 137295 w 137295"/>
              <a:gd name="connsiteY3" fmla="*/ 90933 h 131416"/>
              <a:gd name="connsiteX4" fmla="*/ 85055 w 137295"/>
              <a:gd name="connsiteY4" fmla="*/ 0 h 131416"/>
              <a:gd name="connsiteX0" fmla="*/ 111249 w 137295"/>
              <a:gd name="connsiteY0" fmla="*/ 0 h 140941"/>
              <a:gd name="connsiteX1" fmla="*/ 0 w 137295"/>
              <a:gd name="connsiteY1" fmla="*/ 25523 h 140941"/>
              <a:gd name="connsiteX2" fmla="*/ 27756 w 137295"/>
              <a:gd name="connsiteY2" fmla="*/ 140941 h 140941"/>
              <a:gd name="connsiteX3" fmla="*/ 137295 w 137295"/>
              <a:gd name="connsiteY3" fmla="*/ 100458 h 140941"/>
              <a:gd name="connsiteX4" fmla="*/ 111249 w 137295"/>
              <a:gd name="connsiteY4" fmla="*/ 0 h 140941"/>
              <a:gd name="connsiteX0" fmla="*/ 111249 w 137295"/>
              <a:gd name="connsiteY0" fmla="*/ 0 h 140941"/>
              <a:gd name="connsiteX1" fmla="*/ 0 w 137295"/>
              <a:gd name="connsiteY1" fmla="*/ 20761 h 140941"/>
              <a:gd name="connsiteX2" fmla="*/ 27756 w 137295"/>
              <a:gd name="connsiteY2" fmla="*/ 140941 h 140941"/>
              <a:gd name="connsiteX3" fmla="*/ 137295 w 137295"/>
              <a:gd name="connsiteY3" fmla="*/ 100458 h 140941"/>
              <a:gd name="connsiteX4" fmla="*/ 111249 w 137295"/>
              <a:gd name="connsiteY4" fmla="*/ 0 h 140941"/>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7295" h="140941">
                <a:moveTo>
                  <a:pt x="111249" y="0"/>
                </a:moveTo>
                <a:lnTo>
                  <a:pt x="0" y="20761"/>
                </a:lnTo>
                <a:lnTo>
                  <a:pt x="27756" y="140941"/>
                </a:lnTo>
                <a:lnTo>
                  <a:pt x="137295" y="100458"/>
                </a:lnTo>
                <a:lnTo>
                  <a:pt x="111249" y="0"/>
                </a:lnTo>
                <a:close/>
              </a:path>
            </a:pathLst>
          </a:custGeom>
          <a:solidFill>
            <a:srgbClr val="00B0F0">
              <a:alpha val="2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5" name="フリーフォーム 134"/>
          <p:cNvSpPr/>
          <p:nvPr/>
        </p:nvSpPr>
        <p:spPr>
          <a:xfrm>
            <a:off x="4336355" y="3696375"/>
            <a:ext cx="162768" cy="264295"/>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 name="connsiteX0" fmla="*/ 151929 w 169045"/>
              <a:gd name="connsiteY0" fmla="*/ 0 h 288108"/>
              <a:gd name="connsiteX1" fmla="*/ 0 w 169045"/>
              <a:gd name="connsiteY1" fmla="*/ 46483 h 288108"/>
              <a:gd name="connsiteX2" fmla="*/ 51570 w 169045"/>
              <a:gd name="connsiteY2" fmla="*/ 288108 h 288108"/>
              <a:gd name="connsiteX3" fmla="*/ 165149 w 169045"/>
              <a:gd name="connsiteY3" fmla="*/ 159173 h 288108"/>
              <a:gd name="connsiteX4" fmla="*/ 137296 w 169045"/>
              <a:gd name="connsiteY4" fmla="*/ 83319 h 288108"/>
              <a:gd name="connsiteX5" fmla="*/ 169045 w 169045"/>
              <a:gd name="connsiteY5" fmla="*/ 61170 h 288108"/>
              <a:gd name="connsiteX6" fmla="*/ 151929 w 169045"/>
              <a:gd name="connsiteY6" fmla="*/ 0 h 288108"/>
              <a:gd name="connsiteX0" fmla="*/ 151929 w 169045"/>
              <a:gd name="connsiteY0" fmla="*/ 0 h 288108"/>
              <a:gd name="connsiteX1" fmla="*/ 0 w 169045"/>
              <a:gd name="connsiteY1" fmla="*/ 46483 h 288108"/>
              <a:gd name="connsiteX2" fmla="*/ 51570 w 169045"/>
              <a:gd name="connsiteY2" fmla="*/ 288108 h 288108"/>
              <a:gd name="connsiteX3" fmla="*/ 162768 w 169045"/>
              <a:gd name="connsiteY3" fmla="*/ 247280 h 288108"/>
              <a:gd name="connsiteX4" fmla="*/ 137296 w 169045"/>
              <a:gd name="connsiteY4" fmla="*/ 83319 h 288108"/>
              <a:gd name="connsiteX5" fmla="*/ 169045 w 169045"/>
              <a:gd name="connsiteY5" fmla="*/ 61170 h 288108"/>
              <a:gd name="connsiteX6" fmla="*/ 151929 w 169045"/>
              <a:gd name="connsiteY6"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37296 w 162768"/>
              <a:gd name="connsiteY4" fmla="*/ 83319 h 288108"/>
              <a:gd name="connsiteX5" fmla="*/ 151929 w 162768"/>
              <a:gd name="connsiteY5"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51929 w 162768"/>
              <a:gd name="connsiteY4" fmla="*/ 0 h 288108"/>
              <a:gd name="connsiteX0" fmla="*/ 128116 w 162768"/>
              <a:gd name="connsiteY0" fmla="*/ 0 h 264295"/>
              <a:gd name="connsiteX1" fmla="*/ 0 w 162768"/>
              <a:gd name="connsiteY1" fmla="*/ 22670 h 264295"/>
              <a:gd name="connsiteX2" fmla="*/ 51570 w 162768"/>
              <a:gd name="connsiteY2" fmla="*/ 264295 h 264295"/>
              <a:gd name="connsiteX3" fmla="*/ 162768 w 162768"/>
              <a:gd name="connsiteY3" fmla="*/ 223467 h 264295"/>
              <a:gd name="connsiteX4" fmla="*/ 128116 w 162768"/>
              <a:gd name="connsiteY4" fmla="*/ 0 h 26429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2768" h="264295">
                <a:moveTo>
                  <a:pt x="128116" y="0"/>
                </a:moveTo>
                <a:lnTo>
                  <a:pt x="0" y="22670"/>
                </a:lnTo>
                <a:lnTo>
                  <a:pt x="51570" y="264295"/>
                </a:lnTo>
                <a:lnTo>
                  <a:pt x="162768" y="223467"/>
                </a:lnTo>
                <a:lnTo>
                  <a:pt x="128116"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6" name="フリーフォーム 135"/>
          <p:cNvSpPr/>
          <p:nvPr/>
        </p:nvSpPr>
        <p:spPr>
          <a:xfrm>
            <a:off x="5084539" y="3585891"/>
            <a:ext cx="124668" cy="234480"/>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 name="connsiteX0" fmla="*/ 151929 w 169045"/>
              <a:gd name="connsiteY0" fmla="*/ 0 h 288108"/>
              <a:gd name="connsiteX1" fmla="*/ 0 w 169045"/>
              <a:gd name="connsiteY1" fmla="*/ 46483 h 288108"/>
              <a:gd name="connsiteX2" fmla="*/ 51570 w 169045"/>
              <a:gd name="connsiteY2" fmla="*/ 288108 h 288108"/>
              <a:gd name="connsiteX3" fmla="*/ 165149 w 169045"/>
              <a:gd name="connsiteY3" fmla="*/ 159173 h 288108"/>
              <a:gd name="connsiteX4" fmla="*/ 137296 w 169045"/>
              <a:gd name="connsiteY4" fmla="*/ 83319 h 288108"/>
              <a:gd name="connsiteX5" fmla="*/ 169045 w 169045"/>
              <a:gd name="connsiteY5" fmla="*/ 61170 h 288108"/>
              <a:gd name="connsiteX6" fmla="*/ 151929 w 169045"/>
              <a:gd name="connsiteY6" fmla="*/ 0 h 288108"/>
              <a:gd name="connsiteX0" fmla="*/ 151929 w 169045"/>
              <a:gd name="connsiteY0" fmla="*/ 0 h 288108"/>
              <a:gd name="connsiteX1" fmla="*/ 0 w 169045"/>
              <a:gd name="connsiteY1" fmla="*/ 46483 h 288108"/>
              <a:gd name="connsiteX2" fmla="*/ 51570 w 169045"/>
              <a:gd name="connsiteY2" fmla="*/ 288108 h 288108"/>
              <a:gd name="connsiteX3" fmla="*/ 162768 w 169045"/>
              <a:gd name="connsiteY3" fmla="*/ 247280 h 288108"/>
              <a:gd name="connsiteX4" fmla="*/ 137296 w 169045"/>
              <a:gd name="connsiteY4" fmla="*/ 83319 h 288108"/>
              <a:gd name="connsiteX5" fmla="*/ 169045 w 169045"/>
              <a:gd name="connsiteY5" fmla="*/ 61170 h 288108"/>
              <a:gd name="connsiteX6" fmla="*/ 151929 w 169045"/>
              <a:gd name="connsiteY6"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37296 w 162768"/>
              <a:gd name="connsiteY4" fmla="*/ 83319 h 288108"/>
              <a:gd name="connsiteX5" fmla="*/ 151929 w 162768"/>
              <a:gd name="connsiteY5"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51929 w 162768"/>
              <a:gd name="connsiteY4" fmla="*/ 0 h 288108"/>
              <a:gd name="connsiteX0" fmla="*/ 128116 w 162768"/>
              <a:gd name="connsiteY0" fmla="*/ 0 h 264295"/>
              <a:gd name="connsiteX1" fmla="*/ 0 w 162768"/>
              <a:gd name="connsiteY1" fmla="*/ 22670 h 264295"/>
              <a:gd name="connsiteX2" fmla="*/ 51570 w 162768"/>
              <a:gd name="connsiteY2" fmla="*/ 264295 h 264295"/>
              <a:gd name="connsiteX3" fmla="*/ 162768 w 162768"/>
              <a:gd name="connsiteY3" fmla="*/ 223467 h 264295"/>
              <a:gd name="connsiteX4" fmla="*/ 128116 w 162768"/>
              <a:gd name="connsiteY4" fmla="*/ 0 h 264295"/>
              <a:gd name="connsiteX0" fmla="*/ 128116 w 162768"/>
              <a:gd name="connsiteY0" fmla="*/ 0 h 245245"/>
              <a:gd name="connsiteX1" fmla="*/ 0 w 162768"/>
              <a:gd name="connsiteY1" fmla="*/ 22670 h 245245"/>
              <a:gd name="connsiteX2" fmla="*/ 34901 w 162768"/>
              <a:gd name="connsiteY2" fmla="*/ 245245 h 245245"/>
              <a:gd name="connsiteX3" fmla="*/ 162768 w 162768"/>
              <a:gd name="connsiteY3" fmla="*/ 223467 h 245245"/>
              <a:gd name="connsiteX4" fmla="*/ 128116 w 162768"/>
              <a:gd name="connsiteY4" fmla="*/ 0 h 245245"/>
              <a:gd name="connsiteX0" fmla="*/ 90115 w 162768"/>
              <a:gd name="connsiteY0" fmla="*/ 0 h 234480"/>
              <a:gd name="connsiteX1" fmla="*/ 0 w 162768"/>
              <a:gd name="connsiteY1" fmla="*/ 11905 h 234480"/>
              <a:gd name="connsiteX2" fmla="*/ 34901 w 162768"/>
              <a:gd name="connsiteY2" fmla="*/ 234480 h 234480"/>
              <a:gd name="connsiteX3" fmla="*/ 162768 w 162768"/>
              <a:gd name="connsiteY3" fmla="*/ 212702 h 234480"/>
              <a:gd name="connsiteX4" fmla="*/ 90115 w 162768"/>
              <a:gd name="connsiteY4" fmla="*/ 0 h 234480"/>
              <a:gd name="connsiteX0" fmla="*/ 90115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0115 w 124668"/>
              <a:gd name="connsiteY4" fmla="*/ 0 h 234480"/>
              <a:gd name="connsiteX0" fmla="*/ 99640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9640 w 124668"/>
              <a:gd name="connsiteY4" fmla="*/ 0 h 23448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24668" h="234480">
                <a:moveTo>
                  <a:pt x="99640" y="0"/>
                </a:moveTo>
                <a:lnTo>
                  <a:pt x="0" y="11905"/>
                </a:lnTo>
                <a:lnTo>
                  <a:pt x="34901" y="234480"/>
                </a:lnTo>
                <a:lnTo>
                  <a:pt x="124668" y="217464"/>
                </a:lnTo>
                <a:lnTo>
                  <a:pt x="99640"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7" name="フリーフォーム 136"/>
          <p:cNvSpPr/>
          <p:nvPr/>
        </p:nvSpPr>
        <p:spPr>
          <a:xfrm>
            <a:off x="5229330" y="3559225"/>
            <a:ext cx="266327" cy="231126"/>
          </a:xfrm>
          <a:custGeom>
            <a:avLst/>
            <a:gdLst>
              <a:gd name="connsiteX0" fmla="*/ 142875 w 361950"/>
              <a:gd name="connsiteY0" fmla="*/ 16669 h 321469"/>
              <a:gd name="connsiteX1" fmla="*/ 0 w 361950"/>
              <a:gd name="connsiteY1" fmla="*/ 178594 h 321469"/>
              <a:gd name="connsiteX2" fmla="*/ 159544 w 361950"/>
              <a:gd name="connsiteY2" fmla="*/ 321469 h 321469"/>
              <a:gd name="connsiteX3" fmla="*/ 361950 w 361950"/>
              <a:gd name="connsiteY3" fmla="*/ 185738 h 321469"/>
              <a:gd name="connsiteX4" fmla="*/ 221457 w 361950"/>
              <a:gd name="connsiteY4" fmla="*/ 0 h 321469"/>
              <a:gd name="connsiteX5" fmla="*/ 142875 w 361950"/>
              <a:gd name="connsiteY5" fmla="*/ 16669 h 321469"/>
              <a:gd name="connsiteX0" fmla="*/ 196825 w 415900"/>
              <a:gd name="connsiteY0" fmla="*/ 16669 h 321469"/>
              <a:gd name="connsiteX1" fmla="*/ 0 w 415900"/>
              <a:gd name="connsiteY1" fmla="*/ 189384 h 321469"/>
              <a:gd name="connsiteX2" fmla="*/ 213494 w 415900"/>
              <a:gd name="connsiteY2" fmla="*/ 321469 h 321469"/>
              <a:gd name="connsiteX3" fmla="*/ 415900 w 415900"/>
              <a:gd name="connsiteY3" fmla="*/ 185738 h 321469"/>
              <a:gd name="connsiteX4" fmla="*/ 275407 w 415900"/>
              <a:gd name="connsiteY4" fmla="*/ 0 h 321469"/>
              <a:gd name="connsiteX5" fmla="*/ 196825 w 415900"/>
              <a:gd name="connsiteY5" fmla="*/ 16669 h 321469"/>
              <a:gd name="connsiteX0" fmla="*/ 196825 w 415900"/>
              <a:gd name="connsiteY0" fmla="*/ 16669 h 359569"/>
              <a:gd name="connsiteX1" fmla="*/ 0 w 415900"/>
              <a:gd name="connsiteY1" fmla="*/ 189384 h 359569"/>
              <a:gd name="connsiteX2" fmla="*/ 111100 w 415900"/>
              <a:gd name="connsiteY2" fmla="*/ 359569 h 359569"/>
              <a:gd name="connsiteX3" fmla="*/ 415900 w 415900"/>
              <a:gd name="connsiteY3" fmla="*/ 185738 h 359569"/>
              <a:gd name="connsiteX4" fmla="*/ 275407 w 415900"/>
              <a:gd name="connsiteY4" fmla="*/ 0 h 359569"/>
              <a:gd name="connsiteX5" fmla="*/ 196825 w 415900"/>
              <a:gd name="connsiteY5" fmla="*/ 16669 h 359569"/>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275407 w 415900"/>
              <a:gd name="connsiteY4" fmla="*/ 161924 h 521493"/>
              <a:gd name="connsiteX5" fmla="*/ 239688 w 415900"/>
              <a:gd name="connsiteY5" fmla="*/ 0 h 521493"/>
              <a:gd name="connsiteX0" fmla="*/ 239688 w 415900"/>
              <a:gd name="connsiteY0" fmla="*/ 0 h 521493"/>
              <a:gd name="connsiteX1" fmla="*/ 0 w 415900"/>
              <a:gd name="connsiteY1" fmla="*/ 351308 h 521493"/>
              <a:gd name="connsiteX2" fmla="*/ 111100 w 415900"/>
              <a:gd name="connsiteY2" fmla="*/ 521493 h 521493"/>
              <a:gd name="connsiteX3" fmla="*/ 415900 w 415900"/>
              <a:gd name="connsiteY3" fmla="*/ 347662 h 521493"/>
              <a:gd name="connsiteX4" fmla="*/ 380182 w 415900"/>
              <a:gd name="connsiteY4" fmla="*/ 176211 h 521493"/>
              <a:gd name="connsiteX5" fmla="*/ 239688 w 415900"/>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282550 w 380182"/>
              <a:gd name="connsiteY3" fmla="*/ 250031 h 521493"/>
              <a:gd name="connsiteX4" fmla="*/ 380182 w 380182"/>
              <a:gd name="connsiteY4" fmla="*/ 176211 h 521493"/>
              <a:gd name="connsiteX5" fmla="*/ 239688 w 380182"/>
              <a:gd name="connsiteY5" fmla="*/ 0 h 521493"/>
              <a:gd name="connsiteX0" fmla="*/ 239688 w 380182"/>
              <a:gd name="connsiteY0" fmla="*/ 0 h 521493"/>
              <a:gd name="connsiteX1" fmla="*/ 0 w 380182"/>
              <a:gd name="connsiteY1" fmla="*/ 351308 h 521493"/>
              <a:gd name="connsiteX2" fmla="*/ 111100 w 380182"/>
              <a:gd name="connsiteY2" fmla="*/ 521493 h 521493"/>
              <a:gd name="connsiteX3" fmla="*/ 197966 w 380182"/>
              <a:gd name="connsiteY3" fmla="*/ 305940 h 521493"/>
              <a:gd name="connsiteX4" fmla="*/ 282550 w 380182"/>
              <a:gd name="connsiteY4" fmla="*/ 250031 h 521493"/>
              <a:gd name="connsiteX5" fmla="*/ 380182 w 380182"/>
              <a:gd name="connsiteY5" fmla="*/ 176211 h 521493"/>
              <a:gd name="connsiteX6" fmla="*/ 239688 w 380182"/>
              <a:gd name="connsiteY6" fmla="*/ 0 h 521493"/>
              <a:gd name="connsiteX0" fmla="*/ 239688 w 380182"/>
              <a:gd name="connsiteY0" fmla="*/ 0 h 521493"/>
              <a:gd name="connsiteX1" fmla="*/ 0 w 380182"/>
              <a:gd name="connsiteY1" fmla="*/ 351308 h 521493"/>
              <a:gd name="connsiteX2" fmla="*/ 111100 w 380182"/>
              <a:gd name="connsiteY2" fmla="*/ 521493 h 521493"/>
              <a:gd name="connsiteX3" fmla="*/ 352425 w 380182"/>
              <a:gd name="connsiteY3" fmla="*/ 361974 h 521493"/>
              <a:gd name="connsiteX4" fmla="*/ 282550 w 380182"/>
              <a:gd name="connsiteY4" fmla="*/ 250031 h 521493"/>
              <a:gd name="connsiteX5" fmla="*/ 380182 w 380182"/>
              <a:gd name="connsiteY5" fmla="*/ 176211 h 521493"/>
              <a:gd name="connsiteX6" fmla="*/ 239688 w 380182"/>
              <a:gd name="connsiteY6" fmla="*/ 0 h 521493"/>
              <a:gd name="connsiteX0" fmla="*/ 225748 w 380182"/>
              <a:gd name="connsiteY0" fmla="*/ 0 h 495274"/>
              <a:gd name="connsiteX1" fmla="*/ 0 w 380182"/>
              <a:gd name="connsiteY1" fmla="*/ 325089 h 495274"/>
              <a:gd name="connsiteX2" fmla="*/ 111100 w 380182"/>
              <a:gd name="connsiteY2" fmla="*/ 495274 h 495274"/>
              <a:gd name="connsiteX3" fmla="*/ 352425 w 380182"/>
              <a:gd name="connsiteY3" fmla="*/ 335755 h 495274"/>
              <a:gd name="connsiteX4" fmla="*/ 282550 w 380182"/>
              <a:gd name="connsiteY4" fmla="*/ 223812 h 495274"/>
              <a:gd name="connsiteX5" fmla="*/ 380182 w 380182"/>
              <a:gd name="connsiteY5" fmla="*/ 149992 h 495274"/>
              <a:gd name="connsiteX6" fmla="*/ 225748 w 380182"/>
              <a:gd name="connsiteY6" fmla="*/ 0 h 495274"/>
              <a:gd name="connsiteX0" fmla="*/ 225748 w 352425"/>
              <a:gd name="connsiteY0" fmla="*/ 0 h 495274"/>
              <a:gd name="connsiteX1" fmla="*/ 0 w 352425"/>
              <a:gd name="connsiteY1" fmla="*/ 325089 h 495274"/>
              <a:gd name="connsiteX2" fmla="*/ 111100 w 352425"/>
              <a:gd name="connsiteY2" fmla="*/ 495274 h 495274"/>
              <a:gd name="connsiteX3" fmla="*/ 352425 w 352425"/>
              <a:gd name="connsiteY3" fmla="*/ 335755 h 495274"/>
              <a:gd name="connsiteX4" fmla="*/ 282550 w 352425"/>
              <a:gd name="connsiteY4" fmla="*/ 223812 h 495274"/>
              <a:gd name="connsiteX5" fmla="*/ 294457 w 352425"/>
              <a:gd name="connsiteY5" fmla="*/ 109511 h 495274"/>
              <a:gd name="connsiteX6" fmla="*/ 225748 w 352425"/>
              <a:gd name="connsiteY6" fmla="*/ 0 h 495274"/>
              <a:gd name="connsiteX0" fmla="*/ 114648 w 241325"/>
              <a:gd name="connsiteY0" fmla="*/ 0 h 495274"/>
              <a:gd name="connsiteX1" fmla="*/ 27013 w 241325"/>
              <a:gd name="connsiteY1" fmla="*/ 65533 h 495274"/>
              <a:gd name="connsiteX2" fmla="*/ 0 w 241325"/>
              <a:gd name="connsiteY2" fmla="*/ 495274 h 495274"/>
              <a:gd name="connsiteX3" fmla="*/ 241325 w 241325"/>
              <a:gd name="connsiteY3" fmla="*/ 335755 h 495274"/>
              <a:gd name="connsiteX4" fmla="*/ 171450 w 241325"/>
              <a:gd name="connsiteY4" fmla="*/ 223812 h 495274"/>
              <a:gd name="connsiteX5" fmla="*/ 183357 w 241325"/>
              <a:gd name="connsiteY5" fmla="*/ 109511 h 495274"/>
              <a:gd name="connsiteX6" fmla="*/ 114648 w 241325"/>
              <a:gd name="connsiteY6" fmla="*/ 0 h 495274"/>
              <a:gd name="connsiteX0" fmla="*/ 87635 w 214312"/>
              <a:gd name="connsiteY0" fmla="*/ 0 h 335755"/>
              <a:gd name="connsiteX1" fmla="*/ 0 w 214312"/>
              <a:gd name="connsiteY1" fmla="*/ 65533 h 335755"/>
              <a:gd name="connsiteX2" fmla="*/ 65855 w 214312"/>
              <a:gd name="connsiteY2" fmla="*/ 180949 h 335755"/>
              <a:gd name="connsiteX3" fmla="*/ 214312 w 214312"/>
              <a:gd name="connsiteY3" fmla="*/ 335755 h 335755"/>
              <a:gd name="connsiteX4" fmla="*/ 144437 w 214312"/>
              <a:gd name="connsiteY4" fmla="*/ 223812 h 335755"/>
              <a:gd name="connsiteX5" fmla="*/ 156344 w 214312"/>
              <a:gd name="connsiteY5" fmla="*/ 109511 h 335755"/>
              <a:gd name="connsiteX6" fmla="*/ 87635 w 214312"/>
              <a:gd name="connsiteY6" fmla="*/ 0 h 335755"/>
              <a:gd name="connsiteX0" fmla="*/ 87635 w 156344"/>
              <a:gd name="connsiteY0" fmla="*/ 0 h 223812"/>
              <a:gd name="connsiteX1" fmla="*/ 0 w 156344"/>
              <a:gd name="connsiteY1" fmla="*/ 65533 h 223812"/>
              <a:gd name="connsiteX2" fmla="*/ 65855 w 156344"/>
              <a:gd name="connsiteY2" fmla="*/ 180949 h 223812"/>
              <a:gd name="connsiteX3" fmla="*/ 144437 w 156344"/>
              <a:gd name="connsiteY3" fmla="*/ 223812 h 223812"/>
              <a:gd name="connsiteX4" fmla="*/ 156344 w 156344"/>
              <a:gd name="connsiteY4" fmla="*/ 109511 h 223812"/>
              <a:gd name="connsiteX5" fmla="*/ 87635 w 156344"/>
              <a:gd name="connsiteY5" fmla="*/ 0 h 223812"/>
              <a:gd name="connsiteX0" fmla="*/ 87635 w 156344"/>
              <a:gd name="connsiteY0" fmla="*/ 0 h 180949"/>
              <a:gd name="connsiteX1" fmla="*/ 0 w 156344"/>
              <a:gd name="connsiteY1" fmla="*/ 65533 h 180949"/>
              <a:gd name="connsiteX2" fmla="*/ 65855 w 156344"/>
              <a:gd name="connsiteY2" fmla="*/ 180949 h 180949"/>
              <a:gd name="connsiteX3" fmla="*/ 156344 w 156344"/>
              <a:gd name="connsiteY3" fmla="*/ 109511 h 180949"/>
              <a:gd name="connsiteX4" fmla="*/ 87635 w 156344"/>
              <a:gd name="connsiteY4" fmla="*/ 0 h 180949"/>
              <a:gd name="connsiteX0" fmla="*/ 94779 w 163488"/>
              <a:gd name="connsiteY0" fmla="*/ 0 h 180949"/>
              <a:gd name="connsiteX1" fmla="*/ 0 w 163488"/>
              <a:gd name="connsiteY1" fmla="*/ 67914 h 180949"/>
              <a:gd name="connsiteX2" fmla="*/ 72999 w 163488"/>
              <a:gd name="connsiteY2" fmla="*/ 180949 h 180949"/>
              <a:gd name="connsiteX3" fmla="*/ 163488 w 163488"/>
              <a:gd name="connsiteY3" fmla="*/ 109511 h 180949"/>
              <a:gd name="connsiteX4" fmla="*/ 94779 w 163488"/>
              <a:gd name="connsiteY4" fmla="*/ 0 h 180949"/>
              <a:gd name="connsiteX0" fmla="*/ 94779 w 170632"/>
              <a:gd name="connsiteY0" fmla="*/ 0 h 180949"/>
              <a:gd name="connsiteX1" fmla="*/ 0 w 170632"/>
              <a:gd name="connsiteY1" fmla="*/ 67914 h 180949"/>
              <a:gd name="connsiteX2" fmla="*/ 72999 w 170632"/>
              <a:gd name="connsiteY2" fmla="*/ 180949 h 180949"/>
              <a:gd name="connsiteX3" fmla="*/ 170632 w 170632"/>
              <a:gd name="connsiteY3" fmla="*/ 111892 h 180949"/>
              <a:gd name="connsiteX4" fmla="*/ 94779 w 170632"/>
              <a:gd name="connsiteY4" fmla="*/ 0 h 180949"/>
              <a:gd name="connsiteX0" fmla="*/ 106685 w 182538"/>
              <a:gd name="connsiteY0" fmla="*/ 0 h 180949"/>
              <a:gd name="connsiteX1" fmla="*/ 0 w 182538"/>
              <a:gd name="connsiteY1" fmla="*/ 84582 h 180949"/>
              <a:gd name="connsiteX2" fmla="*/ 84905 w 182538"/>
              <a:gd name="connsiteY2" fmla="*/ 180949 h 180949"/>
              <a:gd name="connsiteX3" fmla="*/ 182538 w 182538"/>
              <a:gd name="connsiteY3" fmla="*/ 111892 h 180949"/>
              <a:gd name="connsiteX4" fmla="*/ 106685 w 182538"/>
              <a:gd name="connsiteY4" fmla="*/ 0 h 180949"/>
              <a:gd name="connsiteX0" fmla="*/ 106685 w 182538"/>
              <a:gd name="connsiteY0" fmla="*/ 0 h 116655"/>
              <a:gd name="connsiteX1" fmla="*/ 0 w 182538"/>
              <a:gd name="connsiteY1" fmla="*/ 84582 h 116655"/>
              <a:gd name="connsiteX2" fmla="*/ 32518 w 182538"/>
              <a:gd name="connsiteY2" fmla="*/ 116655 h 116655"/>
              <a:gd name="connsiteX3" fmla="*/ 182538 w 182538"/>
              <a:gd name="connsiteY3" fmla="*/ 111892 h 116655"/>
              <a:gd name="connsiteX4" fmla="*/ 106685 w 182538"/>
              <a:gd name="connsiteY4" fmla="*/ 0 h 116655"/>
              <a:gd name="connsiteX0" fmla="*/ 106685 w 134913"/>
              <a:gd name="connsiteY0" fmla="*/ 0 h 116655"/>
              <a:gd name="connsiteX1" fmla="*/ 0 w 134913"/>
              <a:gd name="connsiteY1" fmla="*/ 84582 h 116655"/>
              <a:gd name="connsiteX2" fmla="*/ 32518 w 134913"/>
              <a:gd name="connsiteY2" fmla="*/ 116655 h 116655"/>
              <a:gd name="connsiteX3" fmla="*/ 134913 w 134913"/>
              <a:gd name="connsiteY3" fmla="*/ 30930 h 116655"/>
              <a:gd name="connsiteX4" fmla="*/ 106685 w 134913"/>
              <a:gd name="connsiteY4" fmla="*/ 0 h 116655"/>
              <a:gd name="connsiteX0" fmla="*/ 130498 w 158726"/>
              <a:gd name="connsiteY0" fmla="*/ 55912 h 172567"/>
              <a:gd name="connsiteX1" fmla="*/ 0 w 158726"/>
              <a:gd name="connsiteY1" fmla="*/ 0 h 172567"/>
              <a:gd name="connsiteX2" fmla="*/ 56331 w 158726"/>
              <a:gd name="connsiteY2" fmla="*/ 172567 h 172567"/>
              <a:gd name="connsiteX3" fmla="*/ 158726 w 158726"/>
              <a:gd name="connsiteY3" fmla="*/ 86842 h 172567"/>
              <a:gd name="connsiteX4" fmla="*/ 130498 w 158726"/>
              <a:gd name="connsiteY4" fmla="*/ 55912 h 172567"/>
              <a:gd name="connsiteX0" fmla="*/ 61441 w 158726"/>
              <a:gd name="connsiteY0" fmla="*/ 0 h 223812"/>
              <a:gd name="connsiteX1" fmla="*/ 0 w 158726"/>
              <a:gd name="connsiteY1" fmla="*/ 51245 h 223812"/>
              <a:gd name="connsiteX2" fmla="*/ 56331 w 158726"/>
              <a:gd name="connsiteY2" fmla="*/ 223812 h 223812"/>
              <a:gd name="connsiteX3" fmla="*/ 158726 w 158726"/>
              <a:gd name="connsiteY3" fmla="*/ 138087 h 223812"/>
              <a:gd name="connsiteX4" fmla="*/ 61441 w 158726"/>
              <a:gd name="connsiteY4" fmla="*/ 0 h 223812"/>
              <a:gd name="connsiteX0" fmla="*/ 61441 w 158726"/>
              <a:gd name="connsiteY0" fmla="*/ 0 h 176187"/>
              <a:gd name="connsiteX1" fmla="*/ 0 w 158726"/>
              <a:gd name="connsiteY1" fmla="*/ 51245 h 176187"/>
              <a:gd name="connsiteX2" fmla="*/ 68238 w 158726"/>
              <a:gd name="connsiteY2" fmla="*/ 176187 h 176187"/>
              <a:gd name="connsiteX3" fmla="*/ 158726 w 158726"/>
              <a:gd name="connsiteY3" fmla="*/ 138087 h 176187"/>
              <a:gd name="connsiteX4" fmla="*/ 61441 w 158726"/>
              <a:gd name="connsiteY4" fmla="*/ 0 h 176187"/>
              <a:gd name="connsiteX0" fmla="*/ 61441 w 144438"/>
              <a:gd name="connsiteY0" fmla="*/ 0 h 176187"/>
              <a:gd name="connsiteX1" fmla="*/ 0 w 144438"/>
              <a:gd name="connsiteY1" fmla="*/ 51245 h 176187"/>
              <a:gd name="connsiteX2" fmla="*/ 68238 w 144438"/>
              <a:gd name="connsiteY2" fmla="*/ 176187 h 176187"/>
              <a:gd name="connsiteX3" fmla="*/ 144438 w 144438"/>
              <a:gd name="connsiteY3" fmla="*/ 126181 h 176187"/>
              <a:gd name="connsiteX4" fmla="*/ 61441 w 144438"/>
              <a:gd name="connsiteY4" fmla="*/ 0 h 176187"/>
              <a:gd name="connsiteX0" fmla="*/ 61441 w 144438"/>
              <a:gd name="connsiteY0" fmla="*/ 0 h 164281"/>
              <a:gd name="connsiteX1" fmla="*/ 0 w 144438"/>
              <a:gd name="connsiteY1" fmla="*/ 51245 h 164281"/>
              <a:gd name="connsiteX2" fmla="*/ 120625 w 144438"/>
              <a:gd name="connsiteY2" fmla="*/ 164281 h 164281"/>
              <a:gd name="connsiteX3" fmla="*/ 144438 w 144438"/>
              <a:gd name="connsiteY3" fmla="*/ 126181 h 164281"/>
              <a:gd name="connsiteX4" fmla="*/ 61441 w 144438"/>
              <a:gd name="connsiteY4" fmla="*/ 0 h 164281"/>
              <a:gd name="connsiteX0" fmla="*/ 28103 w 144438"/>
              <a:gd name="connsiteY0" fmla="*/ 0 h 142850"/>
              <a:gd name="connsiteX1" fmla="*/ 0 w 144438"/>
              <a:gd name="connsiteY1" fmla="*/ 29814 h 142850"/>
              <a:gd name="connsiteX2" fmla="*/ 120625 w 144438"/>
              <a:gd name="connsiteY2" fmla="*/ 142850 h 142850"/>
              <a:gd name="connsiteX3" fmla="*/ 144438 w 144438"/>
              <a:gd name="connsiteY3" fmla="*/ 104750 h 142850"/>
              <a:gd name="connsiteX4" fmla="*/ 28103 w 144438"/>
              <a:gd name="connsiteY4" fmla="*/ 0 h 142850"/>
              <a:gd name="connsiteX0" fmla="*/ 35247 w 151582"/>
              <a:gd name="connsiteY0" fmla="*/ 0 h 142850"/>
              <a:gd name="connsiteX1" fmla="*/ 0 w 151582"/>
              <a:gd name="connsiteY1" fmla="*/ 36958 h 142850"/>
              <a:gd name="connsiteX2" fmla="*/ 127769 w 151582"/>
              <a:gd name="connsiteY2" fmla="*/ 142850 h 142850"/>
              <a:gd name="connsiteX3" fmla="*/ 151582 w 151582"/>
              <a:gd name="connsiteY3" fmla="*/ 104750 h 142850"/>
              <a:gd name="connsiteX4" fmla="*/ 35247 w 151582"/>
              <a:gd name="connsiteY4" fmla="*/ 0 h 142850"/>
              <a:gd name="connsiteX0" fmla="*/ 35247 w 151582"/>
              <a:gd name="connsiteY0" fmla="*/ 0 h 145231"/>
              <a:gd name="connsiteX1" fmla="*/ 0 w 151582"/>
              <a:gd name="connsiteY1" fmla="*/ 36958 h 145231"/>
              <a:gd name="connsiteX2" fmla="*/ 120625 w 151582"/>
              <a:gd name="connsiteY2" fmla="*/ 145231 h 145231"/>
              <a:gd name="connsiteX3" fmla="*/ 151582 w 151582"/>
              <a:gd name="connsiteY3" fmla="*/ 104750 h 145231"/>
              <a:gd name="connsiteX4" fmla="*/ 35247 w 151582"/>
              <a:gd name="connsiteY4" fmla="*/ 0 h 145231"/>
              <a:gd name="connsiteX0" fmla="*/ 213841 w 213841"/>
              <a:gd name="connsiteY0" fmla="*/ 0 h 247625"/>
              <a:gd name="connsiteX1" fmla="*/ 0 w 213841"/>
              <a:gd name="connsiteY1" fmla="*/ 139352 h 247625"/>
              <a:gd name="connsiteX2" fmla="*/ 120625 w 213841"/>
              <a:gd name="connsiteY2" fmla="*/ 247625 h 247625"/>
              <a:gd name="connsiteX3" fmla="*/ 151582 w 213841"/>
              <a:gd name="connsiteY3" fmla="*/ 207144 h 247625"/>
              <a:gd name="connsiteX4" fmla="*/ 213841 w 213841"/>
              <a:gd name="connsiteY4" fmla="*/ 0 h 247625"/>
              <a:gd name="connsiteX0" fmla="*/ 213841 w 265882"/>
              <a:gd name="connsiteY0" fmla="*/ 0 h 247625"/>
              <a:gd name="connsiteX1" fmla="*/ 0 w 265882"/>
              <a:gd name="connsiteY1" fmla="*/ 139352 h 247625"/>
              <a:gd name="connsiteX2" fmla="*/ 120625 w 265882"/>
              <a:gd name="connsiteY2" fmla="*/ 247625 h 247625"/>
              <a:gd name="connsiteX3" fmla="*/ 265882 w 265882"/>
              <a:gd name="connsiteY3" fmla="*/ 78556 h 247625"/>
              <a:gd name="connsiteX4" fmla="*/ 213841 w 265882"/>
              <a:gd name="connsiteY4" fmla="*/ 0 h 247625"/>
              <a:gd name="connsiteX0" fmla="*/ 213841 w 265882"/>
              <a:gd name="connsiteY0" fmla="*/ 0 h 211907"/>
              <a:gd name="connsiteX1" fmla="*/ 0 w 265882"/>
              <a:gd name="connsiteY1" fmla="*/ 139352 h 211907"/>
              <a:gd name="connsiteX2" fmla="*/ 53950 w 265882"/>
              <a:gd name="connsiteY2" fmla="*/ 211907 h 211907"/>
              <a:gd name="connsiteX3" fmla="*/ 265882 w 265882"/>
              <a:gd name="connsiteY3" fmla="*/ 78556 h 211907"/>
              <a:gd name="connsiteX4" fmla="*/ 213841 w 265882"/>
              <a:gd name="connsiteY4" fmla="*/ 0 h 211907"/>
              <a:gd name="connsiteX0" fmla="*/ 213841 w 265882"/>
              <a:gd name="connsiteY0" fmla="*/ 0 h 216670"/>
              <a:gd name="connsiteX1" fmla="*/ 0 w 265882"/>
              <a:gd name="connsiteY1" fmla="*/ 139352 h 216670"/>
              <a:gd name="connsiteX2" fmla="*/ 44425 w 265882"/>
              <a:gd name="connsiteY2" fmla="*/ 216670 h 216670"/>
              <a:gd name="connsiteX3" fmla="*/ 265882 w 265882"/>
              <a:gd name="connsiteY3" fmla="*/ 78556 h 216670"/>
              <a:gd name="connsiteX4" fmla="*/ 213841 w 265882"/>
              <a:gd name="connsiteY4" fmla="*/ 0 h 216670"/>
              <a:gd name="connsiteX0" fmla="*/ 213841 w 263501"/>
              <a:gd name="connsiteY0" fmla="*/ 0 h 216670"/>
              <a:gd name="connsiteX1" fmla="*/ 0 w 263501"/>
              <a:gd name="connsiteY1" fmla="*/ 139352 h 216670"/>
              <a:gd name="connsiteX2" fmla="*/ 44425 w 263501"/>
              <a:gd name="connsiteY2" fmla="*/ 216670 h 216670"/>
              <a:gd name="connsiteX3" fmla="*/ 263501 w 263501"/>
              <a:gd name="connsiteY3" fmla="*/ 69031 h 216670"/>
              <a:gd name="connsiteX4" fmla="*/ 213841 w 263501"/>
              <a:gd name="connsiteY4" fmla="*/ 0 h 216670"/>
              <a:gd name="connsiteX0" fmla="*/ 213841 w 263501"/>
              <a:gd name="connsiteY0" fmla="*/ 0 h 204764"/>
              <a:gd name="connsiteX1" fmla="*/ 0 w 263501"/>
              <a:gd name="connsiteY1" fmla="*/ 139352 h 204764"/>
              <a:gd name="connsiteX2" fmla="*/ 39663 w 263501"/>
              <a:gd name="connsiteY2" fmla="*/ 204764 h 204764"/>
              <a:gd name="connsiteX3" fmla="*/ 263501 w 263501"/>
              <a:gd name="connsiteY3" fmla="*/ 69031 h 204764"/>
              <a:gd name="connsiteX4" fmla="*/ 213841 w 263501"/>
              <a:gd name="connsiteY4" fmla="*/ 0 h 204764"/>
              <a:gd name="connsiteX0" fmla="*/ 216222 w 263501"/>
              <a:gd name="connsiteY0" fmla="*/ 0 h 230958"/>
              <a:gd name="connsiteX1" fmla="*/ 0 w 263501"/>
              <a:gd name="connsiteY1" fmla="*/ 165546 h 230958"/>
              <a:gd name="connsiteX2" fmla="*/ 39663 w 263501"/>
              <a:gd name="connsiteY2" fmla="*/ 230958 h 230958"/>
              <a:gd name="connsiteX3" fmla="*/ 263501 w 263501"/>
              <a:gd name="connsiteY3" fmla="*/ 95225 h 230958"/>
              <a:gd name="connsiteX4" fmla="*/ 216222 w 263501"/>
              <a:gd name="connsiteY4" fmla="*/ 0 h 230958"/>
              <a:gd name="connsiteX0" fmla="*/ 176559 w 223838"/>
              <a:gd name="connsiteY0" fmla="*/ 0 h 230958"/>
              <a:gd name="connsiteX1" fmla="*/ 24630 w 223838"/>
              <a:gd name="connsiteY1" fmla="*/ 46483 h 230958"/>
              <a:gd name="connsiteX2" fmla="*/ 0 w 223838"/>
              <a:gd name="connsiteY2" fmla="*/ 230958 h 230958"/>
              <a:gd name="connsiteX3" fmla="*/ 223838 w 223838"/>
              <a:gd name="connsiteY3" fmla="*/ 95225 h 230958"/>
              <a:gd name="connsiteX4" fmla="*/ 176559 w 223838"/>
              <a:gd name="connsiteY4" fmla="*/ 0 h 230958"/>
              <a:gd name="connsiteX0" fmla="*/ 151929 w 199208"/>
              <a:gd name="connsiteY0" fmla="*/ 0 h 221433"/>
              <a:gd name="connsiteX1" fmla="*/ 0 w 199208"/>
              <a:gd name="connsiteY1" fmla="*/ 46483 h 221433"/>
              <a:gd name="connsiteX2" fmla="*/ 84908 w 199208"/>
              <a:gd name="connsiteY2" fmla="*/ 221433 h 221433"/>
              <a:gd name="connsiteX3" fmla="*/ 199208 w 199208"/>
              <a:gd name="connsiteY3" fmla="*/ 95225 h 221433"/>
              <a:gd name="connsiteX4" fmla="*/ 151929 w 199208"/>
              <a:gd name="connsiteY4" fmla="*/ 0 h 221433"/>
              <a:gd name="connsiteX0" fmla="*/ 151929 w 199208"/>
              <a:gd name="connsiteY0" fmla="*/ 0 h 221433"/>
              <a:gd name="connsiteX1" fmla="*/ 0 w 199208"/>
              <a:gd name="connsiteY1" fmla="*/ 46483 h 221433"/>
              <a:gd name="connsiteX2" fmla="*/ 84908 w 199208"/>
              <a:gd name="connsiteY2" fmla="*/ 221433 h 221433"/>
              <a:gd name="connsiteX3" fmla="*/ 150862 w 199208"/>
              <a:gd name="connsiteY3" fmla="*/ 149648 h 221433"/>
              <a:gd name="connsiteX4" fmla="*/ 199208 w 199208"/>
              <a:gd name="connsiteY4" fmla="*/ 95225 h 221433"/>
              <a:gd name="connsiteX5" fmla="*/ 151929 w 199208"/>
              <a:gd name="connsiteY5" fmla="*/ 0 h 221433"/>
              <a:gd name="connsiteX0" fmla="*/ 151929 w 199208"/>
              <a:gd name="connsiteY0" fmla="*/ 0 h 221433"/>
              <a:gd name="connsiteX1" fmla="*/ 0 w 199208"/>
              <a:gd name="connsiteY1" fmla="*/ 46483 h 221433"/>
              <a:gd name="connsiteX2" fmla="*/ 84908 w 199208"/>
              <a:gd name="connsiteY2" fmla="*/ 221433 h 221433"/>
              <a:gd name="connsiteX3" fmla="*/ 165149 w 199208"/>
              <a:gd name="connsiteY3" fmla="*/ 159173 h 221433"/>
              <a:gd name="connsiteX4" fmla="*/ 199208 w 199208"/>
              <a:gd name="connsiteY4" fmla="*/ 95225 h 221433"/>
              <a:gd name="connsiteX5" fmla="*/ 151929 w 199208"/>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51929 w 165149"/>
              <a:gd name="connsiteY5"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46100 w 165149"/>
              <a:gd name="connsiteY5" fmla="*/ 30586 h 221433"/>
              <a:gd name="connsiteX6" fmla="*/ 151929 w 165149"/>
              <a:gd name="connsiteY6" fmla="*/ 0 h 221433"/>
              <a:gd name="connsiteX0" fmla="*/ 151929 w 165149"/>
              <a:gd name="connsiteY0" fmla="*/ 0 h 221433"/>
              <a:gd name="connsiteX1" fmla="*/ 0 w 165149"/>
              <a:gd name="connsiteY1" fmla="*/ 46483 h 221433"/>
              <a:gd name="connsiteX2" fmla="*/ 84908 w 165149"/>
              <a:gd name="connsiteY2" fmla="*/ 221433 h 221433"/>
              <a:gd name="connsiteX3" fmla="*/ 165149 w 165149"/>
              <a:gd name="connsiteY3" fmla="*/ 159173 h 221433"/>
              <a:gd name="connsiteX4" fmla="*/ 137296 w 165149"/>
              <a:gd name="connsiteY4" fmla="*/ 83319 h 221433"/>
              <a:gd name="connsiteX5" fmla="*/ 161901 w 165149"/>
              <a:gd name="connsiteY5" fmla="*/ 65933 h 221433"/>
              <a:gd name="connsiteX6" fmla="*/ 151929 w 165149"/>
              <a:gd name="connsiteY6" fmla="*/ 0 h 221433"/>
              <a:gd name="connsiteX0" fmla="*/ 151929 w 169045"/>
              <a:gd name="connsiteY0" fmla="*/ 0 h 221433"/>
              <a:gd name="connsiteX1" fmla="*/ 0 w 169045"/>
              <a:gd name="connsiteY1" fmla="*/ 46483 h 221433"/>
              <a:gd name="connsiteX2" fmla="*/ 84908 w 169045"/>
              <a:gd name="connsiteY2" fmla="*/ 221433 h 221433"/>
              <a:gd name="connsiteX3" fmla="*/ 165149 w 169045"/>
              <a:gd name="connsiteY3" fmla="*/ 159173 h 221433"/>
              <a:gd name="connsiteX4" fmla="*/ 137296 w 169045"/>
              <a:gd name="connsiteY4" fmla="*/ 83319 h 221433"/>
              <a:gd name="connsiteX5" fmla="*/ 169045 w 169045"/>
              <a:gd name="connsiteY5" fmla="*/ 61170 h 221433"/>
              <a:gd name="connsiteX6" fmla="*/ 151929 w 169045"/>
              <a:gd name="connsiteY6" fmla="*/ 0 h 221433"/>
              <a:gd name="connsiteX0" fmla="*/ 151929 w 169045"/>
              <a:gd name="connsiteY0" fmla="*/ 0 h 288108"/>
              <a:gd name="connsiteX1" fmla="*/ 0 w 169045"/>
              <a:gd name="connsiteY1" fmla="*/ 46483 h 288108"/>
              <a:gd name="connsiteX2" fmla="*/ 51570 w 169045"/>
              <a:gd name="connsiteY2" fmla="*/ 288108 h 288108"/>
              <a:gd name="connsiteX3" fmla="*/ 165149 w 169045"/>
              <a:gd name="connsiteY3" fmla="*/ 159173 h 288108"/>
              <a:gd name="connsiteX4" fmla="*/ 137296 w 169045"/>
              <a:gd name="connsiteY4" fmla="*/ 83319 h 288108"/>
              <a:gd name="connsiteX5" fmla="*/ 169045 w 169045"/>
              <a:gd name="connsiteY5" fmla="*/ 61170 h 288108"/>
              <a:gd name="connsiteX6" fmla="*/ 151929 w 169045"/>
              <a:gd name="connsiteY6" fmla="*/ 0 h 288108"/>
              <a:gd name="connsiteX0" fmla="*/ 151929 w 169045"/>
              <a:gd name="connsiteY0" fmla="*/ 0 h 288108"/>
              <a:gd name="connsiteX1" fmla="*/ 0 w 169045"/>
              <a:gd name="connsiteY1" fmla="*/ 46483 h 288108"/>
              <a:gd name="connsiteX2" fmla="*/ 51570 w 169045"/>
              <a:gd name="connsiteY2" fmla="*/ 288108 h 288108"/>
              <a:gd name="connsiteX3" fmla="*/ 162768 w 169045"/>
              <a:gd name="connsiteY3" fmla="*/ 247280 h 288108"/>
              <a:gd name="connsiteX4" fmla="*/ 137296 w 169045"/>
              <a:gd name="connsiteY4" fmla="*/ 83319 h 288108"/>
              <a:gd name="connsiteX5" fmla="*/ 169045 w 169045"/>
              <a:gd name="connsiteY5" fmla="*/ 61170 h 288108"/>
              <a:gd name="connsiteX6" fmla="*/ 151929 w 169045"/>
              <a:gd name="connsiteY6"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37296 w 162768"/>
              <a:gd name="connsiteY4" fmla="*/ 83319 h 288108"/>
              <a:gd name="connsiteX5" fmla="*/ 151929 w 162768"/>
              <a:gd name="connsiteY5" fmla="*/ 0 h 288108"/>
              <a:gd name="connsiteX0" fmla="*/ 151929 w 162768"/>
              <a:gd name="connsiteY0" fmla="*/ 0 h 288108"/>
              <a:gd name="connsiteX1" fmla="*/ 0 w 162768"/>
              <a:gd name="connsiteY1" fmla="*/ 46483 h 288108"/>
              <a:gd name="connsiteX2" fmla="*/ 51570 w 162768"/>
              <a:gd name="connsiteY2" fmla="*/ 288108 h 288108"/>
              <a:gd name="connsiteX3" fmla="*/ 162768 w 162768"/>
              <a:gd name="connsiteY3" fmla="*/ 247280 h 288108"/>
              <a:gd name="connsiteX4" fmla="*/ 151929 w 162768"/>
              <a:gd name="connsiteY4" fmla="*/ 0 h 288108"/>
              <a:gd name="connsiteX0" fmla="*/ 128116 w 162768"/>
              <a:gd name="connsiteY0" fmla="*/ 0 h 264295"/>
              <a:gd name="connsiteX1" fmla="*/ 0 w 162768"/>
              <a:gd name="connsiteY1" fmla="*/ 22670 h 264295"/>
              <a:gd name="connsiteX2" fmla="*/ 51570 w 162768"/>
              <a:gd name="connsiteY2" fmla="*/ 264295 h 264295"/>
              <a:gd name="connsiteX3" fmla="*/ 162768 w 162768"/>
              <a:gd name="connsiteY3" fmla="*/ 223467 h 264295"/>
              <a:gd name="connsiteX4" fmla="*/ 128116 w 162768"/>
              <a:gd name="connsiteY4" fmla="*/ 0 h 264295"/>
              <a:gd name="connsiteX0" fmla="*/ 128116 w 162768"/>
              <a:gd name="connsiteY0" fmla="*/ 0 h 245245"/>
              <a:gd name="connsiteX1" fmla="*/ 0 w 162768"/>
              <a:gd name="connsiteY1" fmla="*/ 22670 h 245245"/>
              <a:gd name="connsiteX2" fmla="*/ 34901 w 162768"/>
              <a:gd name="connsiteY2" fmla="*/ 245245 h 245245"/>
              <a:gd name="connsiteX3" fmla="*/ 162768 w 162768"/>
              <a:gd name="connsiteY3" fmla="*/ 223467 h 245245"/>
              <a:gd name="connsiteX4" fmla="*/ 128116 w 162768"/>
              <a:gd name="connsiteY4" fmla="*/ 0 h 245245"/>
              <a:gd name="connsiteX0" fmla="*/ 90115 w 162768"/>
              <a:gd name="connsiteY0" fmla="*/ 0 h 234480"/>
              <a:gd name="connsiteX1" fmla="*/ 0 w 162768"/>
              <a:gd name="connsiteY1" fmla="*/ 11905 h 234480"/>
              <a:gd name="connsiteX2" fmla="*/ 34901 w 162768"/>
              <a:gd name="connsiteY2" fmla="*/ 234480 h 234480"/>
              <a:gd name="connsiteX3" fmla="*/ 162768 w 162768"/>
              <a:gd name="connsiteY3" fmla="*/ 212702 h 234480"/>
              <a:gd name="connsiteX4" fmla="*/ 90115 w 162768"/>
              <a:gd name="connsiteY4" fmla="*/ 0 h 234480"/>
              <a:gd name="connsiteX0" fmla="*/ 90115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0115 w 124668"/>
              <a:gd name="connsiteY4" fmla="*/ 0 h 234480"/>
              <a:gd name="connsiteX0" fmla="*/ 99640 w 124668"/>
              <a:gd name="connsiteY0" fmla="*/ 0 h 234480"/>
              <a:gd name="connsiteX1" fmla="*/ 0 w 124668"/>
              <a:gd name="connsiteY1" fmla="*/ 11905 h 234480"/>
              <a:gd name="connsiteX2" fmla="*/ 34901 w 124668"/>
              <a:gd name="connsiteY2" fmla="*/ 234480 h 234480"/>
              <a:gd name="connsiteX3" fmla="*/ 124668 w 124668"/>
              <a:gd name="connsiteY3" fmla="*/ 217464 h 234480"/>
              <a:gd name="connsiteX4" fmla="*/ 99640 w 124668"/>
              <a:gd name="connsiteY4" fmla="*/ 0 h 234480"/>
              <a:gd name="connsiteX0" fmla="*/ 99640 w 260400"/>
              <a:gd name="connsiteY0" fmla="*/ 0 h 234480"/>
              <a:gd name="connsiteX1" fmla="*/ 0 w 260400"/>
              <a:gd name="connsiteY1" fmla="*/ 11905 h 234480"/>
              <a:gd name="connsiteX2" fmla="*/ 34901 w 260400"/>
              <a:gd name="connsiteY2" fmla="*/ 234480 h 234480"/>
              <a:gd name="connsiteX3" fmla="*/ 260400 w 260400"/>
              <a:gd name="connsiteY3" fmla="*/ 184126 h 234480"/>
              <a:gd name="connsiteX4" fmla="*/ 99640 w 260400"/>
              <a:gd name="connsiteY4" fmla="*/ 0 h 234480"/>
              <a:gd name="connsiteX0" fmla="*/ 266327 w 266327"/>
              <a:gd name="connsiteY0" fmla="*/ 0 h 244005"/>
              <a:gd name="connsiteX1" fmla="*/ 0 w 266327"/>
              <a:gd name="connsiteY1" fmla="*/ 21430 h 244005"/>
              <a:gd name="connsiteX2" fmla="*/ 34901 w 266327"/>
              <a:gd name="connsiteY2" fmla="*/ 244005 h 244005"/>
              <a:gd name="connsiteX3" fmla="*/ 260400 w 266327"/>
              <a:gd name="connsiteY3" fmla="*/ 193651 h 244005"/>
              <a:gd name="connsiteX4" fmla="*/ 266327 w 266327"/>
              <a:gd name="connsiteY4" fmla="*/ 0 h 244005"/>
              <a:gd name="connsiteX0" fmla="*/ 266327 w 266327"/>
              <a:gd name="connsiteY0" fmla="*/ 0 h 231126"/>
              <a:gd name="connsiteX1" fmla="*/ 0 w 266327"/>
              <a:gd name="connsiteY1" fmla="*/ 21430 h 231126"/>
              <a:gd name="connsiteX2" fmla="*/ 24598 w 266327"/>
              <a:gd name="connsiteY2" fmla="*/ 231126 h 231126"/>
              <a:gd name="connsiteX3" fmla="*/ 260400 w 266327"/>
              <a:gd name="connsiteY3" fmla="*/ 193651 h 231126"/>
              <a:gd name="connsiteX4" fmla="*/ 266327 w 266327"/>
              <a:gd name="connsiteY4" fmla="*/ 0 h 23112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6327" h="231126">
                <a:moveTo>
                  <a:pt x="266327" y="0"/>
                </a:moveTo>
                <a:lnTo>
                  <a:pt x="0" y="21430"/>
                </a:lnTo>
                <a:lnTo>
                  <a:pt x="24598" y="231126"/>
                </a:lnTo>
                <a:lnTo>
                  <a:pt x="260400" y="193651"/>
                </a:lnTo>
                <a:lnTo>
                  <a:pt x="266327" y="0"/>
                </a:lnTo>
                <a:close/>
              </a:path>
            </a:pathLst>
          </a:custGeom>
          <a:solidFill>
            <a:srgbClr val="00B0F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8" name="フリーフォーム 137"/>
          <p:cNvSpPr/>
          <p:nvPr/>
        </p:nvSpPr>
        <p:spPr>
          <a:xfrm>
            <a:off x="3554573" y="3904874"/>
            <a:ext cx="90152" cy="100456"/>
          </a:xfrm>
          <a:custGeom>
            <a:avLst/>
            <a:gdLst>
              <a:gd name="connsiteX0" fmla="*/ 0 w 90152"/>
              <a:gd name="connsiteY0" fmla="*/ 23182 h 100456"/>
              <a:gd name="connsiteX1" fmla="*/ 41212 w 90152"/>
              <a:gd name="connsiteY1" fmla="*/ 100456 h 100456"/>
              <a:gd name="connsiteX2" fmla="*/ 90152 w 90152"/>
              <a:gd name="connsiteY2" fmla="*/ 74698 h 100456"/>
              <a:gd name="connsiteX3" fmla="*/ 51516 w 90152"/>
              <a:gd name="connsiteY3" fmla="*/ 0 h 100456"/>
              <a:gd name="connsiteX4" fmla="*/ 0 w 90152"/>
              <a:gd name="connsiteY4" fmla="*/ 23182 h 10045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0152" h="100456">
                <a:moveTo>
                  <a:pt x="0" y="23182"/>
                </a:moveTo>
                <a:lnTo>
                  <a:pt x="41212" y="100456"/>
                </a:lnTo>
                <a:lnTo>
                  <a:pt x="90152" y="74698"/>
                </a:lnTo>
                <a:lnTo>
                  <a:pt x="51516" y="0"/>
                </a:lnTo>
                <a:lnTo>
                  <a:pt x="0" y="23182"/>
                </a:lnTo>
                <a:close/>
              </a:path>
            </a:pathLst>
          </a:custGeom>
          <a:solidFill>
            <a:srgbClr val="FFC000">
              <a:alpha val="75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9" name="テキスト ボックス 138"/>
          <p:cNvSpPr txBox="1"/>
          <p:nvPr/>
        </p:nvSpPr>
        <p:spPr>
          <a:xfrm>
            <a:off x="3561780" y="3912453"/>
            <a:ext cx="144016" cy="92333"/>
          </a:xfrm>
          <a:prstGeom prst="rect">
            <a:avLst/>
          </a:prstGeom>
          <a:noFill/>
        </p:spPr>
        <p:txBody>
          <a:bodyPr wrap="square" lIns="0" tIns="0" rIns="0" bIns="0" rtlCol="0">
            <a:spAutoFit/>
          </a:bodyPr>
          <a:lstStyle/>
          <a:p>
            <a:r>
              <a:rPr lang="ja-JP" altLang="en-US" sz="600" dirty="0" smtClean="0">
                <a:latin typeface="Meiryo UI" pitchFamily="50" charset="-128"/>
                <a:ea typeface="Meiryo UI" pitchFamily="50" charset="-128"/>
                <a:cs typeface="Meiryo UI" pitchFamily="50" charset="-128"/>
              </a:rPr>
              <a:t>⑧</a:t>
            </a:r>
            <a:endParaRPr kumimoji="1" lang="ja-JP" altLang="en-US" sz="600" dirty="0">
              <a:latin typeface="Meiryo UI" pitchFamily="50" charset="-128"/>
              <a:ea typeface="Meiryo UI" pitchFamily="50" charset="-128"/>
              <a:cs typeface="Meiryo UI" pitchFamily="50" charset="-128"/>
            </a:endParaRPr>
          </a:p>
        </p:txBody>
      </p:sp>
      <p:sp>
        <p:nvSpPr>
          <p:cNvPr id="108" name="テキスト ボックス 107"/>
          <p:cNvSpPr txBox="1"/>
          <p:nvPr/>
        </p:nvSpPr>
        <p:spPr>
          <a:xfrm>
            <a:off x="2864768" y="5157276"/>
            <a:ext cx="504056" cy="276999"/>
          </a:xfrm>
          <a:prstGeom prst="rect">
            <a:avLst/>
          </a:prstGeom>
          <a:solidFill>
            <a:schemeClr val="bg1">
              <a:alpha val="50000"/>
            </a:schemeClr>
          </a:solidFill>
        </p:spPr>
        <p:txBody>
          <a:bodyPr wrap="square" lIns="0" tIns="0" rIns="0" bIns="0" rtlCol="0">
            <a:spAutoFit/>
          </a:bodyPr>
          <a:lstStyle/>
          <a:p>
            <a:pPr algn="ctr"/>
            <a:r>
              <a:rPr kumimoji="1" lang="ja-JP" altLang="en-US" sz="900" dirty="0" smtClean="0">
                <a:latin typeface="Meiryo UI" pitchFamily="50" charset="-128"/>
                <a:ea typeface="Meiryo UI" pitchFamily="50" charset="-128"/>
                <a:cs typeface="Meiryo UI" pitchFamily="50" charset="-128"/>
              </a:rPr>
              <a:t>中之島</a:t>
            </a:r>
            <a:endParaRPr kumimoji="1" lang="en-US" altLang="ja-JP" sz="900" dirty="0" smtClean="0">
              <a:latin typeface="Meiryo UI" pitchFamily="50" charset="-128"/>
              <a:ea typeface="Meiryo UI" pitchFamily="50" charset="-128"/>
              <a:cs typeface="Meiryo UI" pitchFamily="50" charset="-128"/>
            </a:endParaRPr>
          </a:p>
          <a:p>
            <a:pPr algn="ctr"/>
            <a:r>
              <a:rPr lang="ja-JP" altLang="en-US" sz="900" dirty="0" smtClean="0">
                <a:latin typeface="Meiryo UI" pitchFamily="50" charset="-128"/>
                <a:ea typeface="Meiryo UI" pitchFamily="50" charset="-128"/>
                <a:cs typeface="Meiryo UI" pitchFamily="50" charset="-128"/>
              </a:rPr>
              <a:t>５</a:t>
            </a:r>
            <a:r>
              <a:rPr kumimoji="1" lang="ja-JP" altLang="en-US" sz="900" dirty="0" smtClean="0">
                <a:latin typeface="Meiryo UI" pitchFamily="50" charset="-128"/>
                <a:ea typeface="Meiryo UI" pitchFamily="50" charset="-128"/>
                <a:cs typeface="Meiryo UI" pitchFamily="50" charset="-128"/>
              </a:rPr>
              <a:t>丁目</a:t>
            </a:r>
            <a:endParaRPr kumimoji="1" lang="ja-JP" altLang="en-US" sz="900" dirty="0">
              <a:latin typeface="Meiryo UI" pitchFamily="50" charset="-128"/>
              <a:ea typeface="Meiryo UI" pitchFamily="50" charset="-128"/>
              <a:cs typeface="Meiryo UI" pitchFamily="50" charset="-128"/>
            </a:endParaRPr>
          </a:p>
        </p:txBody>
      </p:sp>
      <p:sp>
        <p:nvSpPr>
          <p:cNvPr id="109" name="テキスト ボックス 108"/>
          <p:cNvSpPr txBox="1"/>
          <p:nvPr/>
        </p:nvSpPr>
        <p:spPr>
          <a:xfrm>
            <a:off x="2072680" y="5661332"/>
            <a:ext cx="504056" cy="276999"/>
          </a:xfrm>
          <a:prstGeom prst="rect">
            <a:avLst/>
          </a:prstGeom>
          <a:solidFill>
            <a:schemeClr val="bg1">
              <a:alpha val="50000"/>
            </a:schemeClr>
          </a:solidFill>
        </p:spPr>
        <p:txBody>
          <a:bodyPr wrap="square" lIns="0" tIns="0" rIns="0" bIns="0" rtlCol="0">
            <a:spAutoFit/>
          </a:bodyPr>
          <a:lstStyle/>
          <a:p>
            <a:pPr algn="ctr"/>
            <a:r>
              <a:rPr kumimoji="1" lang="ja-JP" altLang="en-US" sz="900" dirty="0" smtClean="0">
                <a:latin typeface="Meiryo UI" pitchFamily="50" charset="-128"/>
                <a:ea typeface="Meiryo UI" pitchFamily="50" charset="-128"/>
                <a:cs typeface="Meiryo UI" pitchFamily="50" charset="-128"/>
              </a:rPr>
              <a:t>中之島</a:t>
            </a:r>
            <a:endParaRPr kumimoji="1" lang="en-US" altLang="ja-JP" sz="900" dirty="0" smtClean="0">
              <a:latin typeface="Meiryo UI" pitchFamily="50" charset="-128"/>
              <a:ea typeface="Meiryo UI" pitchFamily="50" charset="-128"/>
              <a:cs typeface="Meiryo UI" pitchFamily="50" charset="-128"/>
            </a:endParaRPr>
          </a:p>
          <a:p>
            <a:pPr algn="ctr"/>
            <a:r>
              <a:rPr lang="ja-JP" altLang="en-US" sz="900" dirty="0" smtClean="0">
                <a:latin typeface="Meiryo UI" pitchFamily="50" charset="-128"/>
                <a:ea typeface="Meiryo UI" pitchFamily="50" charset="-128"/>
                <a:cs typeface="Meiryo UI" pitchFamily="50" charset="-128"/>
              </a:rPr>
              <a:t>６</a:t>
            </a:r>
            <a:r>
              <a:rPr kumimoji="1" lang="ja-JP" altLang="en-US" sz="900" dirty="0" smtClean="0">
                <a:latin typeface="Meiryo UI" pitchFamily="50" charset="-128"/>
                <a:ea typeface="Meiryo UI" pitchFamily="50" charset="-128"/>
                <a:cs typeface="Meiryo UI" pitchFamily="50" charset="-128"/>
              </a:rPr>
              <a:t>丁目</a:t>
            </a:r>
            <a:endParaRPr kumimoji="1" lang="ja-JP" altLang="en-US" sz="900" dirty="0">
              <a:latin typeface="Meiryo UI" pitchFamily="50" charset="-128"/>
              <a:ea typeface="Meiryo UI" pitchFamily="50" charset="-128"/>
              <a:cs typeface="Meiryo UI" pitchFamily="50" charset="-128"/>
            </a:endParaRPr>
          </a:p>
        </p:txBody>
      </p:sp>
      <p:sp>
        <p:nvSpPr>
          <p:cNvPr id="112" name="スライド番号プレースホルダ 111"/>
          <p:cNvSpPr>
            <a:spLocks noGrp="1"/>
          </p:cNvSpPr>
          <p:nvPr>
            <p:ph type="sldNum" sz="quarter" idx="12"/>
          </p:nvPr>
        </p:nvSpPr>
        <p:spPr/>
        <p:txBody>
          <a:bodyPr/>
          <a:lstStyle/>
          <a:p>
            <a:fld id="{37EF5067-3AB7-4642-9103-42CBD40CC6D9}" type="slidenum">
              <a:rPr kumimoji="1" lang="ja-JP" altLang="en-US" smtClean="0"/>
              <a:pPr/>
              <a:t>11</a:t>
            </a:fld>
            <a:endParaRPr kumimoji="1" lang="ja-JP" altLang="en-US" dirty="0"/>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2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２．中之島</a:t>
            </a:r>
            <a:endParaRPr lang="en-US" altLang="ja-JP" sz="2000" b="1" dirty="0" smtClean="0">
              <a:solidFill>
                <a:schemeClr val="bg1"/>
              </a:solidFill>
              <a:latin typeface="ＭＳ ゴシック" pitchFamily="49" charset="-128"/>
              <a:ea typeface="ＭＳ ゴシック" pitchFamily="49" charset="-128"/>
            </a:endParaRPr>
          </a:p>
        </p:txBody>
      </p:sp>
      <p:sp>
        <p:nvSpPr>
          <p:cNvPr id="8" name="テキスト ボックス 7"/>
          <p:cNvSpPr txBox="1"/>
          <p:nvPr/>
        </p:nvSpPr>
        <p:spPr>
          <a:xfrm>
            <a:off x="128464" y="431321"/>
            <a:ext cx="9649072" cy="6370975"/>
          </a:xfrm>
          <a:prstGeom prst="rect">
            <a:avLst/>
          </a:prstGeom>
          <a:noFill/>
          <a:ln>
            <a:noFill/>
            <a:prstDash val="sysDash"/>
          </a:ln>
        </p:spPr>
        <p:txBody>
          <a:bodyPr wrap="square" rtlCol="0">
            <a:spAutoFit/>
          </a:bodyPr>
          <a:lstStyle/>
          <a:p>
            <a:r>
              <a:rPr lang="ja-JP" altLang="en-US" sz="1400" dirty="0" smtClean="0"/>
              <a:t>○課題と取組み</a:t>
            </a:r>
            <a:endParaRPr lang="en-US" altLang="ja-JP" sz="1400" dirty="0" smtClean="0"/>
          </a:p>
          <a:p>
            <a:endParaRPr lang="en-US" altLang="ja-JP" sz="1200" dirty="0" smtClean="0"/>
          </a:p>
          <a:p>
            <a:endParaRPr lang="en-US" altLang="ja-JP" sz="1200" dirty="0" smtClean="0"/>
          </a:p>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graphicFrame>
        <p:nvGraphicFramePr>
          <p:cNvPr id="5" name="表 4"/>
          <p:cNvGraphicFramePr>
            <a:graphicFrameLocks noGrp="1"/>
          </p:cNvGraphicFramePr>
          <p:nvPr/>
        </p:nvGraphicFramePr>
        <p:xfrm>
          <a:off x="416497" y="1030120"/>
          <a:ext cx="9289033" cy="2437620"/>
        </p:xfrm>
        <a:graphic>
          <a:graphicData uri="http://schemas.openxmlformats.org/drawingml/2006/table">
            <a:tbl>
              <a:tblPr firstRow="1" bandRow="1">
                <a:tableStyleId>{5C22544A-7EE6-4342-B048-85BDC9FD1C3A}</a:tableStyleId>
              </a:tblPr>
              <a:tblGrid>
                <a:gridCol w="936103"/>
                <a:gridCol w="1584176"/>
                <a:gridCol w="3312368"/>
                <a:gridCol w="3456386"/>
              </a:tblGrid>
              <a:tr h="216024">
                <a:tc>
                  <a:txBody>
                    <a:bodyPr/>
                    <a:lstStyle/>
                    <a:p>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事項</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97949">
                <a:tc>
                  <a:txBody>
                    <a:bodyPr/>
                    <a:lstStyle/>
                    <a:p>
                      <a:r>
                        <a:rPr kumimoji="1" lang="ja-JP" altLang="en-US" sz="1200" b="0" dirty="0" smtClean="0">
                          <a:solidFill>
                            <a:schemeClr val="tx1"/>
                          </a:solidFill>
                          <a:latin typeface="ＭＳ Ｐゴシック" pitchFamily="50" charset="-128"/>
                          <a:ea typeface="ＭＳ Ｐゴシック" pitchFamily="50" charset="-128"/>
                        </a:rPr>
                        <a:t>施設の活用</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0975" indent="-180975"/>
                      <a:r>
                        <a:rPr kumimoji="1" lang="ja-JP" altLang="en-US" sz="1200" b="0" dirty="0" smtClean="0">
                          <a:solidFill>
                            <a:schemeClr val="tx1"/>
                          </a:solidFill>
                          <a:latin typeface="ＭＳ Ｐ明朝" pitchFamily="18" charset="-128"/>
                          <a:ea typeface="ＭＳ Ｐ明朝" pitchFamily="18" charset="-128"/>
                        </a:rPr>
                        <a:t>○近代的建築物等の有効活用</a:t>
                      </a:r>
                      <a:endParaRPr kumimoji="1" lang="en-US" altLang="ja-JP"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大阪府立中之島図書館</a:t>
                      </a:r>
                      <a:endParaRPr kumimoji="1" lang="en-US" altLang="ja-JP" sz="1200" b="0" dirty="0" smtClean="0">
                        <a:solidFill>
                          <a:schemeClr val="tx1"/>
                        </a:solidFill>
                        <a:latin typeface="+mn-ea"/>
                        <a:ea typeface="+mn-ea"/>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建物・設備の老朽化や、図書館利用者のニーズにあった施設やサービスが十分でなく、国指定の重要文化財である建物、貴重な蔵書を活かしきれていない。</a:t>
                      </a:r>
                      <a:endParaRPr kumimoji="1" lang="en-US" altLang="ja-JP" sz="1200" b="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endParaRPr kumimoji="1" lang="en-US" altLang="ja-JP" sz="1200" b="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大阪市中央公会堂</a:t>
                      </a:r>
                      <a:endParaRPr kumimoji="1" lang="en-US" altLang="ja-JP" sz="1200" b="0" dirty="0" smtClean="0">
                        <a:solidFill>
                          <a:schemeClr val="tx1"/>
                        </a:solidFill>
                        <a:latin typeface="+mn-ea"/>
                        <a:ea typeface="+mn-ea"/>
                      </a:endParaRPr>
                    </a:p>
                    <a:p>
                      <a:pPr marL="180975" indent="-180975"/>
                      <a:r>
                        <a:rPr kumimoji="1" lang="ja-JP" altLang="en-US" sz="1200" b="0" dirty="0" smtClean="0">
                          <a:solidFill>
                            <a:srgbClr val="FF0000"/>
                          </a:solidFill>
                          <a:latin typeface="+mn-ea"/>
                          <a:ea typeface="+mn-ea"/>
                        </a:rPr>
                        <a:t>　</a:t>
                      </a:r>
                      <a:r>
                        <a:rPr kumimoji="1" lang="ja-JP" altLang="en-US" sz="1200" b="0" dirty="0" smtClean="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優れた近代建築として国の重要文化財に指定されているにもかかわらず、十分な活用ができていないほか、</a:t>
                      </a:r>
                      <a:r>
                        <a:rPr kumimoji="1" lang="ja-JP" altLang="en-US" sz="1200" dirty="0" smtClean="0">
                          <a:solidFill>
                            <a:schemeClr val="tx1"/>
                          </a:solidFill>
                          <a:latin typeface="ＭＳ Ｐ明朝" pitchFamily="18" charset="-128"/>
                          <a:ea typeface="ＭＳ Ｐ明朝" pitchFamily="18" charset="-128"/>
                        </a:rPr>
                        <a:t>レストランの営業時間が短いなど、集客部門の活用が十分でない。</a:t>
                      </a:r>
                      <a:endParaRPr kumimoji="1" lang="ja-JP" altLang="en-US"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①大阪府立中之島図書館の有効活用</a:t>
                      </a:r>
                      <a:endParaRPr kumimoji="1" lang="en-US" altLang="ja-JP" sz="1200" b="0" dirty="0" smtClean="0">
                        <a:solidFill>
                          <a:schemeClr val="tx1"/>
                        </a:solidFill>
                        <a:latin typeface="+mn-ea"/>
                        <a:ea typeface="+mn-ea"/>
                      </a:endParaRPr>
                    </a:p>
                    <a:p>
                      <a:pPr marL="273050" indent="-273050"/>
                      <a:r>
                        <a:rPr lang="ja-JP" altLang="en-US" sz="1200" dirty="0" smtClean="0">
                          <a:solidFill>
                            <a:schemeClr val="tx1"/>
                          </a:solidFill>
                          <a:latin typeface="ＭＳ Ｐ明朝" pitchFamily="18" charset="-128"/>
                          <a:ea typeface="ＭＳ Ｐ明朝" pitchFamily="18" charset="-128"/>
                        </a:rPr>
                        <a:t>　○リニューアル工事の実施</a:t>
                      </a:r>
                      <a:endParaRPr lang="en-US" altLang="ja-JP" sz="1200" dirty="0" smtClean="0">
                        <a:solidFill>
                          <a:schemeClr val="tx1"/>
                        </a:solidFill>
                        <a:latin typeface="ＭＳ Ｐ明朝" pitchFamily="18" charset="-128"/>
                        <a:ea typeface="ＭＳ Ｐ明朝" pitchFamily="18" charset="-128"/>
                      </a:endParaRPr>
                    </a:p>
                    <a:p>
                      <a:pPr marL="273050" indent="-273050"/>
                      <a:r>
                        <a:rPr lang="ja-JP" altLang="en-US" sz="1200" dirty="0" smtClean="0">
                          <a:solidFill>
                            <a:schemeClr val="tx1"/>
                          </a:solidFill>
                          <a:latin typeface="ＭＳ Ｐ明朝" pitchFamily="18" charset="-128"/>
                          <a:ea typeface="ＭＳ Ｐ明朝" pitchFamily="18" charset="-128"/>
                        </a:rPr>
                        <a:t>　○中央公会堂と連携した文化事業の実施</a:t>
                      </a:r>
                      <a:endParaRPr lang="en-US" altLang="ja-JP" sz="1200" dirty="0" smtClean="0">
                        <a:solidFill>
                          <a:schemeClr val="tx1"/>
                        </a:solidFill>
                        <a:latin typeface="ＭＳ Ｐ明朝" pitchFamily="18" charset="-128"/>
                        <a:ea typeface="ＭＳ Ｐ明朝" pitchFamily="18" charset="-128"/>
                      </a:endParaRPr>
                    </a:p>
                    <a:p>
                      <a:pPr marL="273050" indent="-273050"/>
                      <a:r>
                        <a:rPr lang="ja-JP" altLang="en-US" sz="1200" dirty="0" smtClean="0">
                          <a:solidFill>
                            <a:schemeClr val="tx1"/>
                          </a:solidFill>
                          <a:latin typeface="ＭＳ Ｐ明朝" pitchFamily="18" charset="-128"/>
                          <a:ea typeface="ＭＳ Ｐ明朝" pitchFamily="18" charset="-128"/>
                        </a:rPr>
                        <a:t>　○民間ノウハウを活かした企画運営を行うための指定管理者制移行に向けた調整　など</a:t>
                      </a:r>
                      <a:endParaRPr kumimoji="1" lang="en-US" altLang="ja-JP" sz="1200" b="0" dirty="0" smtClean="0">
                        <a:solidFill>
                          <a:schemeClr val="tx1"/>
                        </a:solidFill>
                        <a:latin typeface="ＭＳ Ｐ明朝" pitchFamily="18" charset="-128"/>
                        <a:ea typeface="ＭＳ Ｐ明朝" pitchFamily="18" charset="-128"/>
                      </a:endParaRPr>
                    </a:p>
                    <a:p>
                      <a:pPr marL="85725" marR="0" indent="-85725" algn="l" defTabSz="957700" rtl="0" eaLnBrk="1" fontAlgn="auto" latinLnBrk="0" hangingPunct="1">
                        <a:lnSpc>
                          <a:spcPct val="100000"/>
                        </a:lnSpc>
                        <a:spcBef>
                          <a:spcPts val="0"/>
                        </a:spcBef>
                        <a:spcAft>
                          <a:spcPts val="0"/>
                        </a:spcAft>
                        <a:buClrTx/>
                        <a:buSzTx/>
                        <a:buFontTx/>
                        <a:buNone/>
                        <a:tabLst/>
                        <a:defRPr/>
                      </a:pPr>
                      <a:endParaRPr kumimoji="1" lang="en-US" altLang="ja-JP" sz="1200" b="0" dirty="0" smtClean="0">
                        <a:solidFill>
                          <a:schemeClr val="tx1"/>
                        </a:solidFill>
                        <a:latin typeface="+mn-ea"/>
                        <a:ea typeface="+mn-ea"/>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②大阪市中央公会堂の有効活用</a:t>
                      </a:r>
                      <a:endParaRPr kumimoji="1" lang="en-US" altLang="ja-JP" sz="1200" b="0" dirty="0" smtClean="0">
                        <a:solidFill>
                          <a:schemeClr val="tx1"/>
                        </a:solidFill>
                        <a:latin typeface="+mn-ea"/>
                        <a:ea typeface="+mn-ea"/>
                      </a:endParaRPr>
                    </a:p>
                    <a:p>
                      <a:pPr>
                        <a:lnSpc>
                          <a:spcPts val="1700"/>
                        </a:lnSpc>
                      </a:pPr>
                      <a:r>
                        <a:rPr lang="ja-JP" altLang="en-US" sz="1200" dirty="0" smtClean="0">
                          <a:solidFill>
                            <a:schemeClr val="tx1"/>
                          </a:solidFill>
                        </a:rPr>
                        <a:t>　</a:t>
                      </a:r>
                      <a:r>
                        <a:rPr lang="ja-JP" altLang="en-US" sz="1200" dirty="0" smtClean="0">
                          <a:solidFill>
                            <a:schemeClr val="tx1"/>
                          </a:solidFill>
                          <a:latin typeface="ＭＳ Ｐ明朝" pitchFamily="18" charset="-128"/>
                          <a:ea typeface="ＭＳ Ｐ明朝" pitchFamily="18" charset="-128"/>
                        </a:rPr>
                        <a:t>○近代建築の魅力を活かした事業の実施</a:t>
                      </a:r>
                      <a:endParaRPr lang="en-US" altLang="ja-JP" sz="1200" dirty="0" smtClean="0">
                        <a:solidFill>
                          <a:schemeClr val="tx1"/>
                        </a:solidFill>
                        <a:latin typeface="ＭＳ Ｐ明朝" pitchFamily="18" charset="-128"/>
                        <a:ea typeface="ＭＳ Ｐ明朝" pitchFamily="18" charset="-128"/>
                      </a:endParaRPr>
                    </a:p>
                    <a:p>
                      <a:pPr>
                        <a:lnSpc>
                          <a:spcPts val="1700"/>
                        </a:lnSpc>
                      </a:pPr>
                      <a:r>
                        <a:rPr lang="ja-JP" altLang="en-US" sz="1200" dirty="0" smtClean="0">
                          <a:solidFill>
                            <a:schemeClr val="tx1"/>
                          </a:solidFill>
                          <a:latin typeface="ＭＳ Ｐ明朝" pitchFamily="18" charset="-128"/>
                          <a:ea typeface="ＭＳ Ｐ明朝" pitchFamily="18" charset="-128"/>
                        </a:rPr>
                        <a:t>　○レストラン事業者の公募</a:t>
                      </a:r>
                      <a:endParaRPr lang="en-US" altLang="ja-JP" sz="1200" dirty="0" smtClean="0">
                        <a:solidFill>
                          <a:schemeClr val="tx1"/>
                        </a:solidFill>
                        <a:latin typeface="ＭＳ Ｐ明朝" pitchFamily="18" charset="-128"/>
                        <a:ea typeface="ＭＳ Ｐ明朝" pitchFamily="18" charset="-128"/>
                      </a:endParaRPr>
                    </a:p>
                    <a:p>
                      <a:pPr>
                        <a:lnSpc>
                          <a:spcPts val="1700"/>
                        </a:lnSpc>
                      </a:pPr>
                      <a:r>
                        <a:rPr lang="ja-JP" altLang="en-US" sz="1200" dirty="0" smtClean="0">
                          <a:solidFill>
                            <a:schemeClr val="tx1"/>
                          </a:solidFill>
                          <a:latin typeface="ＭＳ Ｐ明朝" pitchFamily="18" charset="-128"/>
                          <a:ea typeface="ＭＳ Ｐ明朝" pitchFamily="18" charset="-128"/>
                        </a:rPr>
                        <a:t>　○中之島図書館と連携した文化事業の実施など</a:t>
                      </a:r>
                      <a:endParaRPr lang="en-US" altLang="ja-JP" sz="1200" dirty="0" smtClean="0">
                        <a:solidFill>
                          <a:schemeClr val="tx1"/>
                        </a:solidFill>
                        <a:latin typeface="ＭＳ Ｐ明朝" pitchFamily="18" charset="-128"/>
                        <a:ea typeface="ＭＳ Ｐ明朝" pitchFamily="18" charset="-128"/>
                      </a:endParaRPr>
                    </a:p>
                    <a:p>
                      <a:endParaRPr kumimoji="1" lang="ja-JP" altLang="en-US" sz="1200" b="0" dirty="0">
                        <a:solidFill>
                          <a:schemeClr val="tx1"/>
                        </a:solidFill>
                        <a:latin typeface="+mn-ea"/>
                        <a:ea typeface="+mn-ea"/>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6" name="正方形/長方形 5"/>
          <p:cNvSpPr/>
          <p:nvPr/>
        </p:nvSpPr>
        <p:spPr>
          <a:xfrm>
            <a:off x="200472" y="775741"/>
            <a:ext cx="1107996" cy="276999"/>
          </a:xfrm>
          <a:prstGeom prst="rect">
            <a:avLst/>
          </a:prstGeom>
        </p:spPr>
        <p:txBody>
          <a:bodyPr wrap="none">
            <a:spAutoFit/>
          </a:bodyPr>
          <a:lstStyle/>
          <a:p>
            <a:r>
              <a:rPr lang="ja-JP" altLang="en-US" sz="1200" dirty="0" smtClean="0"/>
              <a:t>■中之島東部</a:t>
            </a:r>
            <a:endParaRPr lang="ja-JP" altLang="en-US" sz="1200" dirty="0"/>
          </a:p>
        </p:txBody>
      </p:sp>
      <p:sp>
        <p:nvSpPr>
          <p:cNvPr id="9" name="正方形/長方形 8"/>
          <p:cNvSpPr/>
          <p:nvPr/>
        </p:nvSpPr>
        <p:spPr>
          <a:xfrm>
            <a:off x="200472" y="3726921"/>
            <a:ext cx="1107996" cy="276999"/>
          </a:xfrm>
          <a:prstGeom prst="rect">
            <a:avLst/>
          </a:prstGeom>
        </p:spPr>
        <p:txBody>
          <a:bodyPr wrap="none">
            <a:spAutoFit/>
          </a:bodyPr>
          <a:lstStyle/>
          <a:p>
            <a:r>
              <a:rPr lang="ja-JP" altLang="en-US" sz="1200" dirty="0" smtClean="0"/>
              <a:t>■中之島西部</a:t>
            </a:r>
            <a:endParaRPr lang="ja-JP" altLang="en-US" sz="1200" dirty="0"/>
          </a:p>
        </p:txBody>
      </p:sp>
      <p:graphicFrame>
        <p:nvGraphicFramePr>
          <p:cNvPr id="10" name="表 9"/>
          <p:cNvGraphicFramePr>
            <a:graphicFrameLocks noGrp="1"/>
          </p:cNvGraphicFramePr>
          <p:nvPr/>
        </p:nvGraphicFramePr>
        <p:xfrm>
          <a:off x="416496" y="4003912"/>
          <a:ext cx="9289033" cy="2593440"/>
        </p:xfrm>
        <a:graphic>
          <a:graphicData uri="http://schemas.openxmlformats.org/drawingml/2006/table">
            <a:tbl>
              <a:tblPr firstRow="1" bandRow="1">
                <a:tableStyleId>{5C22544A-7EE6-4342-B048-85BDC9FD1C3A}</a:tableStyleId>
              </a:tblPr>
              <a:tblGrid>
                <a:gridCol w="936103"/>
                <a:gridCol w="1584176"/>
                <a:gridCol w="3312368"/>
                <a:gridCol w="3456386"/>
              </a:tblGrid>
              <a:tr h="138832">
                <a:tc>
                  <a:txBody>
                    <a:bodyPr/>
                    <a:lstStyle/>
                    <a:p>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事項</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28600">
                <a:tc>
                  <a:txBody>
                    <a:bodyPr/>
                    <a:lstStyle/>
                    <a:p>
                      <a:r>
                        <a:rPr kumimoji="1" lang="ja-JP" altLang="en-US" sz="1200" b="0" dirty="0" smtClean="0">
                          <a:solidFill>
                            <a:schemeClr val="tx1"/>
                          </a:solidFill>
                          <a:latin typeface="ＭＳ Ｐゴシック" pitchFamily="50" charset="-128"/>
                          <a:ea typeface="ＭＳ Ｐゴシック" pitchFamily="50" charset="-128"/>
                        </a:rPr>
                        <a:t>土地利用</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77800" indent="-177800"/>
                      <a:r>
                        <a:rPr kumimoji="1" lang="ja-JP" altLang="en-US" sz="1200" b="0" dirty="0" smtClean="0">
                          <a:solidFill>
                            <a:schemeClr val="tx1"/>
                          </a:solidFill>
                          <a:latin typeface="ＭＳ Ｐ明朝" pitchFamily="18" charset="-128"/>
                          <a:ea typeface="ＭＳ Ｐ明朝" pitchFamily="18" charset="-128"/>
                        </a:rPr>
                        <a:t>○広大な低未利用地の活用</a:t>
                      </a:r>
                      <a:endParaRPr kumimoji="1" lang="en-US" altLang="ja-JP" sz="1200" b="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ct val="100000"/>
                        </a:lnSpc>
                        <a:spcBef>
                          <a:spcPts val="0"/>
                        </a:spcBef>
                        <a:spcAft>
                          <a:spcPts val="0"/>
                        </a:spcAft>
                        <a:buClrTx/>
                        <a:buSzTx/>
                        <a:buFontTx/>
                        <a:buNone/>
                        <a:tabLst/>
                        <a:defRPr/>
                      </a:pPr>
                      <a:r>
                        <a:rPr lang="ja-JP" altLang="en-US" sz="1200" dirty="0" smtClean="0">
                          <a:latin typeface="ＭＳ Ｐ明朝" pitchFamily="18" charset="-128"/>
                          <a:ea typeface="ＭＳ Ｐ明朝" pitchFamily="18" charset="-128"/>
                        </a:rPr>
                        <a:t>○文化・芸術機能、</a:t>
                      </a:r>
                      <a:r>
                        <a:rPr lang="en-US" altLang="ja-JP" sz="1200" dirty="0" smtClean="0">
                          <a:latin typeface="ＭＳ Ｐ明朝" pitchFamily="18" charset="-128"/>
                          <a:ea typeface="ＭＳ Ｐ明朝" pitchFamily="18" charset="-128"/>
                        </a:rPr>
                        <a:t>MICE</a:t>
                      </a:r>
                      <a:r>
                        <a:rPr lang="ja-JP" altLang="en-US" sz="1200" dirty="0" smtClean="0">
                          <a:latin typeface="ＭＳ Ｐ明朝" pitchFamily="18" charset="-128"/>
                          <a:ea typeface="ＭＳ Ｐ明朝" pitchFamily="18" charset="-128"/>
                        </a:rPr>
                        <a:t>機能のさらなる強化</a:t>
                      </a:r>
                      <a:endParaRPr lang="en-US" altLang="ja-JP" sz="1200" dirty="0" smtClean="0">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indent="-85725"/>
                      <a:r>
                        <a:rPr kumimoji="1" lang="ja-JP" altLang="en-US" sz="1200" b="0" dirty="0" smtClean="0">
                          <a:solidFill>
                            <a:schemeClr val="tx1"/>
                          </a:solidFill>
                          <a:latin typeface="ＭＳ Ｐ明朝" pitchFamily="18" charset="-128"/>
                          <a:ea typeface="ＭＳ Ｐ明朝" pitchFamily="18" charset="-128"/>
                        </a:rPr>
                        <a:t>・中之島４・５丁目には低未利用地が多く、大部分が駐車場等の暫定利用となっており、まちづくりが進んでいない。</a:t>
                      </a:r>
                      <a:endParaRPr kumimoji="1" lang="en-US" altLang="ja-JP" sz="1200" b="0" dirty="0" smtClean="0">
                        <a:solidFill>
                          <a:schemeClr val="tx1"/>
                        </a:solidFill>
                        <a:latin typeface="ＭＳ Ｐ明朝" pitchFamily="18" charset="-128"/>
                        <a:ea typeface="ＭＳ Ｐ明朝" pitchFamily="18" charset="-128"/>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文化・芸術機能、</a:t>
                      </a:r>
                      <a:r>
                        <a:rPr lang="en-US" altLang="ja-JP" sz="1200" dirty="0" smtClean="0">
                          <a:latin typeface="ＭＳ Ｐ明朝" pitchFamily="18" charset="-128"/>
                          <a:ea typeface="ＭＳ Ｐ明朝" pitchFamily="18" charset="-128"/>
                        </a:rPr>
                        <a:t>MICE</a:t>
                      </a:r>
                      <a:r>
                        <a:rPr lang="ja-JP" altLang="en-US" sz="1200" dirty="0" smtClean="0">
                          <a:latin typeface="ＭＳ Ｐ明朝" pitchFamily="18" charset="-128"/>
                          <a:ea typeface="ＭＳ Ｐ明朝" pitchFamily="18" charset="-128"/>
                        </a:rPr>
                        <a:t>機能が一定程度集積しているものの、十分に活用できていない。</a:t>
                      </a:r>
                      <a:endParaRPr lang="en-US" altLang="ja-JP" sz="1200" dirty="0" smtClean="0">
                        <a:latin typeface="ＭＳ Ｐ明朝" pitchFamily="18" charset="-128"/>
                        <a:ea typeface="ＭＳ Ｐ明朝" pitchFamily="18" charset="-128"/>
                      </a:endParaRPr>
                    </a:p>
                    <a:p>
                      <a:pPr marL="95250" lvl="0" indent="-95250"/>
                      <a:r>
                        <a:rPr lang="ja-JP" altLang="en-US" sz="1200" dirty="0" smtClean="0">
                          <a:solidFill>
                            <a:schemeClr val="tx1"/>
                          </a:solidFill>
                          <a:latin typeface="ＭＳ Ｐ明朝" pitchFamily="18" charset="-128"/>
                          <a:ea typeface="ＭＳ Ｐ明朝" pitchFamily="18" charset="-128"/>
                        </a:rPr>
                        <a:t>・「近代美術館構想」が公表されてから</a:t>
                      </a:r>
                      <a:r>
                        <a:rPr lang="en-US" altLang="ja-JP" sz="1200" dirty="0" smtClean="0">
                          <a:solidFill>
                            <a:schemeClr val="tx1"/>
                          </a:solidFill>
                          <a:latin typeface="ＭＳ Ｐ明朝" pitchFamily="18" charset="-128"/>
                          <a:ea typeface="ＭＳ Ｐ明朝" pitchFamily="18" charset="-128"/>
                        </a:rPr>
                        <a:t>30</a:t>
                      </a:r>
                      <a:r>
                        <a:rPr lang="ja-JP" altLang="en-US" sz="1200" dirty="0" smtClean="0">
                          <a:solidFill>
                            <a:schemeClr val="tx1"/>
                          </a:solidFill>
                          <a:latin typeface="ＭＳ Ｐ明朝" pitchFamily="18" charset="-128"/>
                          <a:ea typeface="ＭＳ Ｐ明朝" pitchFamily="18" charset="-128"/>
                        </a:rPr>
                        <a:t>年以上が経過しているが未だ実現に至っていない。</a:t>
                      </a:r>
                      <a:endParaRPr lang="en-US" altLang="ja-JP" sz="1200" dirty="0" smtClean="0">
                        <a:solidFill>
                          <a:schemeClr val="tx1"/>
                        </a:solidFill>
                        <a:latin typeface="ＭＳ Ｐ明朝" pitchFamily="18" charset="-128"/>
                        <a:ea typeface="ＭＳ Ｐ明朝" pitchFamily="18" charset="-128"/>
                      </a:endParaRPr>
                    </a:p>
                    <a:p>
                      <a:pPr marL="85725" marR="0" indent="-85725" algn="l" defTabSz="957700" rtl="0" eaLnBrk="1" fontAlgn="auto" latinLnBrk="0" hangingPunct="1">
                        <a:lnSpc>
                          <a:spcPct val="100000"/>
                        </a:lnSpc>
                        <a:spcBef>
                          <a:spcPts val="0"/>
                        </a:spcBef>
                        <a:spcAft>
                          <a:spcPts val="0"/>
                        </a:spcAft>
                        <a:buClrTx/>
                        <a:buSzTx/>
                        <a:buFontTx/>
                        <a:buNone/>
                        <a:tabLst/>
                        <a:defRPr/>
                      </a:pPr>
                      <a:endParaRPr kumimoji="1" lang="ja-JP" altLang="en-US" sz="1200" b="0" dirty="0" smtClean="0">
                        <a:solidFill>
                          <a:schemeClr val="tx1"/>
                        </a:solidFill>
                        <a:latin typeface="+mn-ea"/>
                        <a:ea typeface="+mn-ea"/>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indent="-85725"/>
                      <a:r>
                        <a:rPr kumimoji="1" lang="ja-JP" altLang="en-US" sz="1200" b="0" dirty="0" smtClean="0">
                          <a:solidFill>
                            <a:schemeClr val="tx1"/>
                          </a:solidFill>
                          <a:latin typeface="+mn-ea"/>
                          <a:ea typeface="+mn-ea"/>
                        </a:rPr>
                        <a:t>③中之島西部のまちづくり</a:t>
                      </a:r>
                      <a:endParaRPr kumimoji="1" lang="en-US" altLang="ja-JP" sz="1200" b="0" dirty="0" smtClean="0">
                        <a:solidFill>
                          <a:schemeClr val="tx1"/>
                        </a:solidFill>
                        <a:latin typeface="+mn-ea"/>
                        <a:ea typeface="+mn-ea"/>
                      </a:endParaRPr>
                    </a:p>
                    <a:p>
                      <a:pPr marL="177800" indent="-177800"/>
                      <a:r>
                        <a:rPr kumimoji="1" lang="ja-JP" altLang="en-US" sz="1200" b="0" dirty="0" smtClean="0">
                          <a:solidFill>
                            <a:schemeClr val="tx1"/>
                          </a:solidFill>
                          <a:latin typeface="+mn-ea"/>
                          <a:ea typeface="+mn-ea"/>
                        </a:rPr>
                        <a:t>　</a:t>
                      </a:r>
                      <a:r>
                        <a:rPr kumimoji="1" lang="ja-JP" altLang="en-US" sz="1200" b="0" dirty="0" smtClean="0">
                          <a:solidFill>
                            <a:schemeClr val="tx1"/>
                          </a:solidFill>
                          <a:latin typeface="ＭＳ Ｐ明朝" pitchFamily="18" charset="-128"/>
                          <a:ea typeface="ＭＳ Ｐ明朝" pitchFamily="18" charset="-128"/>
                        </a:rPr>
                        <a:t>・</a:t>
                      </a:r>
                      <a:r>
                        <a:rPr kumimoji="1" lang="en-US" altLang="ja-JP" sz="1200" b="0" dirty="0" smtClean="0">
                          <a:solidFill>
                            <a:schemeClr val="tx1"/>
                          </a:solidFill>
                          <a:latin typeface="ＭＳ Ｐ明朝" pitchFamily="18" charset="-128"/>
                          <a:ea typeface="ＭＳ Ｐ明朝" pitchFamily="18" charset="-128"/>
                        </a:rPr>
                        <a:t>2020</a:t>
                      </a:r>
                      <a:r>
                        <a:rPr kumimoji="1" lang="ja-JP" altLang="en-US" sz="1200" b="0" dirty="0" smtClean="0">
                          <a:solidFill>
                            <a:schemeClr val="tx1"/>
                          </a:solidFill>
                          <a:latin typeface="ＭＳ Ｐ明朝" pitchFamily="18" charset="-128"/>
                          <a:ea typeface="ＭＳ Ｐ明朝" pitchFamily="18" charset="-128"/>
                        </a:rPr>
                        <a:t>年度開館予定の</a:t>
                      </a:r>
                      <a:r>
                        <a:rPr lang="ja-JP" altLang="en-US" sz="1200" dirty="0" smtClean="0">
                          <a:solidFill>
                            <a:schemeClr val="tx1"/>
                          </a:solidFill>
                          <a:latin typeface="ＭＳ Ｐ明朝" pitchFamily="18" charset="-128"/>
                          <a:ea typeface="ＭＳ Ｐ明朝" pitchFamily="18" charset="-128"/>
                        </a:rPr>
                        <a:t>新美術館の隣接市有地について、新美術館との連携・調和により相乗効果が期待できる大学等の高等教育関連施設や業務・商業・文化施設等による複合施設の誘致により、文化・芸術の中心的な拠点へ。</a:t>
                      </a:r>
                      <a:endParaRPr lang="en-US" altLang="ja-JP" sz="1200" dirty="0" smtClean="0">
                        <a:solidFill>
                          <a:schemeClr val="tx1"/>
                        </a:solidFill>
                        <a:latin typeface="ＭＳ Ｐ明朝" pitchFamily="18" charset="-128"/>
                        <a:ea typeface="ＭＳ Ｐ明朝" pitchFamily="18" charset="-128"/>
                      </a:endParaRPr>
                    </a:p>
                    <a:p>
                      <a:pPr marL="177800" indent="-177800"/>
                      <a:r>
                        <a:rPr kumimoji="1" lang="ja-JP" altLang="en-US" sz="1200" b="0" dirty="0" smtClean="0">
                          <a:solidFill>
                            <a:schemeClr val="tx1"/>
                          </a:solidFill>
                          <a:latin typeface="ＭＳ Ｐ明朝" pitchFamily="18" charset="-128"/>
                          <a:ea typeface="ＭＳ Ｐ明朝" pitchFamily="18" charset="-128"/>
                        </a:rPr>
                        <a:t>　・中之島</a:t>
                      </a:r>
                      <a:r>
                        <a:rPr kumimoji="1" lang="en-US" altLang="ja-JP" sz="1200" b="0" dirty="0" smtClean="0">
                          <a:solidFill>
                            <a:schemeClr val="tx1"/>
                          </a:solidFill>
                          <a:latin typeface="ＭＳ Ｐ明朝" pitchFamily="18" charset="-128"/>
                          <a:ea typeface="ＭＳ Ｐ明朝" pitchFamily="18" charset="-128"/>
                        </a:rPr>
                        <a:t>5</a:t>
                      </a:r>
                      <a:r>
                        <a:rPr kumimoji="1" lang="ja-JP" altLang="en-US" sz="1200" b="0" dirty="0" smtClean="0">
                          <a:solidFill>
                            <a:schemeClr val="tx1"/>
                          </a:solidFill>
                          <a:latin typeface="ＭＳ Ｐ明朝" pitchFamily="18" charset="-128"/>
                          <a:ea typeface="ＭＳ Ｐ明朝" pitchFamily="18" charset="-128"/>
                        </a:rPr>
                        <a:t>丁目への</a:t>
                      </a:r>
                      <a:r>
                        <a:rPr kumimoji="1" lang="en-US" altLang="ja-JP" sz="1200" dirty="0" smtClean="0">
                          <a:solidFill>
                            <a:schemeClr val="tx1"/>
                          </a:solidFill>
                          <a:latin typeface="ＭＳ Ｐ明朝" pitchFamily="18" charset="-128"/>
                          <a:ea typeface="ＭＳ Ｐ明朝" pitchFamily="18" charset="-128"/>
                        </a:rPr>
                        <a:t>MICE</a:t>
                      </a:r>
                      <a:r>
                        <a:rPr kumimoji="1" lang="ja-JP" altLang="en-US" sz="1200" dirty="0" smtClean="0">
                          <a:solidFill>
                            <a:schemeClr val="tx1"/>
                          </a:solidFill>
                          <a:latin typeface="ＭＳ Ｐ明朝" pitchFamily="18" charset="-128"/>
                          <a:ea typeface="ＭＳ Ｐ明朝" pitchFamily="18" charset="-128"/>
                        </a:rPr>
                        <a:t>機能の拡充、国際学校</a:t>
                      </a:r>
                      <a:r>
                        <a:rPr lang="ja-JP" altLang="en-US" sz="1200" dirty="0" smtClean="0">
                          <a:solidFill>
                            <a:schemeClr val="tx1"/>
                          </a:solidFill>
                          <a:latin typeface="ＭＳ Ｐ明朝" pitchFamily="18" charset="-128"/>
                          <a:ea typeface="ＭＳ Ｐ明朝" pitchFamily="18" charset="-128"/>
                        </a:rPr>
                        <a:t>の</a:t>
                      </a:r>
                      <a:r>
                        <a:rPr kumimoji="1" lang="ja-JP" altLang="en-US" sz="1200" dirty="0" smtClean="0">
                          <a:solidFill>
                            <a:schemeClr val="tx1"/>
                          </a:solidFill>
                          <a:latin typeface="ＭＳ Ｐ明朝" pitchFamily="18" charset="-128"/>
                          <a:ea typeface="ＭＳ Ｐ明朝" pitchFamily="18" charset="-128"/>
                        </a:rPr>
                        <a:t>誘致により、国際交流の拠点へ。</a:t>
                      </a:r>
                      <a:endParaRPr kumimoji="1" lang="en-US" altLang="ja-JP" sz="120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28600">
                <a:tc>
                  <a:txBody>
                    <a:bodyPr/>
                    <a:lstStyle/>
                    <a:p>
                      <a:r>
                        <a:rPr kumimoji="1" lang="ja-JP" altLang="en-US" sz="1200" b="0" dirty="0" smtClean="0">
                          <a:solidFill>
                            <a:schemeClr val="tx1"/>
                          </a:solidFill>
                          <a:latin typeface="ＭＳ Ｐゴシック" pitchFamily="50" charset="-128"/>
                          <a:ea typeface="ＭＳ Ｐゴシック" pitchFamily="50" charset="-128"/>
                        </a:rPr>
                        <a:t>交通インフラ</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0975" indent="-180975"/>
                      <a:r>
                        <a:rPr kumimoji="1" lang="ja-JP" altLang="en-US" sz="1200" b="0" dirty="0" smtClean="0">
                          <a:solidFill>
                            <a:schemeClr val="tx1"/>
                          </a:solidFill>
                          <a:latin typeface="ＭＳ Ｐ明朝" pitchFamily="18" charset="-128"/>
                          <a:ea typeface="ＭＳ Ｐ明朝" pitchFamily="18" charset="-128"/>
                        </a:rPr>
                        <a:t>○主要ターミナルからのアクセス性の充実</a:t>
                      </a:r>
                      <a:endParaRPr kumimoji="1" lang="en-US" altLang="ja-JP"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indent="-85725"/>
                      <a:r>
                        <a:rPr kumimoji="1" lang="ja-JP" altLang="en-US" sz="1200" b="0" dirty="0" smtClean="0">
                          <a:solidFill>
                            <a:schemeClr val="tx1"/>
                          </a:solidFill>
                          <a:latin typeface="ＭＳ Ｐ明朝" pitchFamily="18" charset="-128"/>
                          <a:ea typeface="ＭＳ Ｐ明朝" pitchFamily="18" charset="-128"/>
                        </a:rPr>
                        <a:t>・中之島新線の整備（</a:t>
                      </a:r>
                      <a:r>
                        <a:rPr kumimoji="1" lang="en-US" altLang="ja-JP" sz="1200" b="0" dirty="0" smtClean="0">
                          <a:solidFill>
                            <a:schemeClr val="tx1"/>
                          </a:solidFill>
                          <a:latin typeface="ＭＳ Ｐ明朝" pitchFamily="18" charset="-128"/>
                          <a:ea typeface="ＭＳ Ｐ明朝" pitchFamily="18" charset="-128"/>
                        </a:rPr>
                        <a:t>2008</a:t>
                      </a:r>
                      <a:r>
                        <a:rPr kumimoji="1" lang="ja-JP" altLang="en-US" sz="1200" b="0" dirty="0" smtClean="0">
                          <a:solidFill>
                            <a:schemeClr val="tx1"/>
                          </a:solidFill>
                          <a:latin typeface="ＭＳ Ｐ明朝" pitchFamily="18" charset="-128"/>
                          <a:ea typeface="ＭＳ Ｐ明朝" pitchFamily="18" charset="-128"/>
                        </a:rPr>
                        <a:t>年）により、東西方向の交通の流れは改善されているものの、大阪駅やなんば駅等の主要ターミナルからのアクセス性が十分でない。</a:t>
                      </a:r>
                      <a:endParaRPr kumimoji="1" lang="ja-JP" altLang="en-US" sz="1200" b="0" dirty="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なにわ筋線の事業化の検討</a:t>
                      </a:r>
                      <a:endParaRPr kumimoji="1" lang="en-US" altLang="ja-JP" sz="1200" b="0" dirty="0" smtClean="0">
                        <a:solidFill>
                          <a:schemeClr val="tx1"/>
                        </a:solidFill>
                        <a:latin typeface="+mn-ea"/>
                        <a:ea typeface="+mn-ea"/>
                      </a:endParaRPr>
                    </a:p>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大阪都市圏の交通インフラに記載）</a:t>
                      </a:r>
                    </a:p>
                    <a:p>
                      <a:endParaRPr kumimoji="1" lang="ja-JP" altLang="en-US" sz="1200" b="0" dirty="0">
                        <a:solidFill>
                          <a:schemeClr val="tx1"/>
                        </a:solidFill>
                        <a:latin typeface="+mn-ea"/>
                        <a:ea typeface="+mn-ea"/>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12" name="スライド番号プレースホルダ 11"/>
          <p:cNvSpPr>
            <a:spLocks noGrp="1"/>
          </p:cNvSpPr>
          <p:nvPr>
            <p:ph type="sldNum" sz="quarter" idx="12"/>
          </p:nvPr>
        </p:nvSpPr>
        <p:spPr/>
        <p:txBody>
          <a:bodyPr/>
          <a:lstStyle/>
          <a:p>
            <a:fld id="{37EF5067-3AB7-4642-9103-42CBD40CC6D9}" type="slidenum">
              <a:rPr kumimoji="1" lang="ja-JP" altLang="en-US" smtClean="0"/>
              <a:pPr/>
              <a:t>12</a:t>
            </a:fld>
            <a:endParaRPr kumimoji="1" lang="ja-JP" altLang="en-US" dirty="0"/>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2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２．中之島</a:t>
            </a:r>
            <a:endParaRPr lang="en-US" altLang="ja-JP" sz="2000" b="1" dirty="0" smtClean="0">
              <a:solidFill>
                <a:schemeClr val="bg1"/>
              </a:solidFill>
              <a:latin typeface="ＭＳ ゴシック" pitchFamily="49" charset="-128"/>
              <a:ea typeface="ＭＳ ゴシック" pitchFamily="49" charset="-128"/>
            </a:endParaRPr>
          </a:p>
        </p:txBody>
      </p:sp>
      <p:sp>
        <p:nvSpPr>
          <p:cNvPr id="7" name="テキスト ボックス 6"/>
          <p:cNvSpPr txBox="1"/>
          <p:nvPr/>
        </p:nvSpPr>
        <p:spPr>
          <a:xfrm>
            <a:off x="50" y="426150"/>
            <a:ext cx="2956259" cy="338554"/>
          </a:xfrm>
          <a:prstGeom prst="rect">
            <a:avLst/>
          </a:prstGeom>
          <a:noFill/>
        </p:spPr>
        <p:txBody>
          <a:bodyPr wrap="none" rtlCol="0">
            <a:spAutoFit/>
          </a:bodyPr>
          <a:lstStyle/>
          <a:p>
            <a:pPr lvl="0"/>
            <a:r>
              <a:rPr kumimoji="1" lang="ja-JP" altLang="en-US" sz="1600" dirty="0" smtClean="0"/>
              <a:t>○今後の取組み（スケジュール）</a:t>
            </a:r>
            <a:endParaRPr kumimoji="1" lang="en-US" altLang="ja-JP" sz="1600" dirty="0" smtClean="0"/>
          </a:p>
        </p:txBody>
      </p:sp>
      <p:pic>
        <p:nvPicPr>
          <p:cNvPr id="1027" name="Picture 3"/>
          <p:cNvPicPr>
            <a:picLocks noChangeAspect="1" noChangeArrowheads="1"/>
          </p:cNvPicPr>
          <p:nvPr/>
        </p:nvPicPr>
        <p:blipFill>
          <a:blip r:embed="rId2" cstate="email"/>
          <a:srcRect/>
          <a:stretch>
            <a:fillRect/>
          </a:stretch>
        </p:blipFill>
        <p:spPr bwMode="auto">
          <a:xfrm>
            <a:off x="136451" y="735116"/>
            <a:ext cx="9718749" cy="5122149"/>
          </a:xfrm>
          <a:prstGeom prst="rect">
            <a:avLst/>
          </a:prstGeom>
          <a:noFill/>
          <a:ln w="9525">
            <a:noFill/>
            <a:miter lim="800000"/>
            <a:headEnd/>
            <a:tailEnd/>
          </a:ln>
          <a:effectLst/>
        </p:spPr>
      </p:pic>
      <p:sp>
        <p:nvSpPr>
          <p:cNvPr id="8" name="角丸四角形 7"/>
          <p:cNvSpPr/>
          <p:nvPr/>
        </p:nvSpPr>
        <p:spPr>
          <a:xfrm>
            <a:off x="288032" y="6180336"/>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9" name="テキスト ボックス 8"/>
          <p:cNvSpPr txBox="1"/>
          <p:nvPr/>
        </p:nvSpPr>
        <p:spPr>
          <a:xfrm>
            <a:off x="0" y="5873140"/>
            <a:ext cx="3169457" cy="338554"/>
          </a:xfrm>
          <a:prstGeom prst="rect">
            <a:avLst/>
          </a:prstGeom>
          <a:noFill/>
        </p:spPr>
        <p:txBody>
          <a:bodyPr wrap="none" rtlCol="0">
            <a:spAutoFit/>
          </a:bodyPr>
          <a:lstStyle/>
          <a:p>
            <a:pPr lvl="0"/>
            <a:r>
              <a:rPr lang="ja-JP" altLang="en-US" sz="1600" dirty="0" smtClean="0"/>
              <a:t>○</a:t>
            </a:r>
            <a:r>
              <a:rPr lang="en-US" altLang="ja-JP" sz="1600" dirty="0" smtClean="0"/>
              <a:t>『</a:t>
            </a:r>
            <a:r>
              <a:rPr lang="ja-JP" altLang="en-US" sz="1600" dirty="0" smtClean="0"/>
              <a:t>中之島</a:t>
            </a:r>
            <a:r>
              <a:rPr lang="en-US" altLang="ja-JP" sz="1600" dirty="0" smtClean="0"/>
              <a:t>』</a:t>
            </a:r>
            <a:r>
              <a:rPr lang="ja-JP" altLang="en-US" sz="1600" dirty="0" smtClean="0"/>
              <a:t>エリアの担当部局一覧</a:t>
            </a:r>
            <a:endParaRPr lang="en-US" altLang="ja-JP" sz="1600" dirty="0" smtClean="0"/>
          </a:p>
        </p:txBody>
      </p:sp>
      <p:sp>
        <p:nvSpPr>
          <p:cNvPr id="12" name="テキスト ボックス 11"/>
          <p:cNvSpPr txBox="1"/>
          <p:nvPr/>
        </p:nvSpPr>
        <p:spPr>
          <a:xfrm>
            <a:off x="335367" y="6194624"/>
            <a:ext cx="2816797" cy="523220"/>
          </a:xfrm>
          <a:prstGeom prst="rect">
            <a:avLst/>
          </a:prstGeom>
          <a:noFill/>
        </p:spPr>
        <p:txBody>
          <a:bodyPr wrap="none" rtlCol="0">
            <a:spAutoFit/>
          </a:bodyPr>
          <a:lstStyle/>
          <a:p>
            <a:pPr lvl="0"/>
            <a:r>
              <a:rPr lang="ja-JP" altLang="en-US" sz="1400" dirty="0" smtClean="0">
                <a:latin typeface="ＭＳ Ｐ明朝" pitchFamily="18" charset="-128"/>
                <a:ea typeface="ＭＳ Ｐ明朝" pitchFamily="18" charset="-128"/>
              </a:rPr>
              <a:t>・大阪市：都市計画局、経済戦略局</a:t>
            </a:r>
            <a:endParaRPr lang="en-US" altLang="ja-JP" sz="1400" dirty="0" smtClean="0">
              <a:latin typeface="ＭＳ Ｐ明朝" pitchFamily="18" charset="-128"/>
              <a:ea typeface="ＭＳ Ｐ明朝" pitchFamily="18" charset="-128"/>
            </a:endParaRPr>
          </a:p>
          <a:p>
            <a:pPr lvl="0"/>
            <a:r>
              <a:rPr lang="ja-JP" altLang="en-US" sz="1400" dirty="0" smtClean="0">
                <a:latin typeface="ＭＳ Ｐ明朝" pitchFamily="18" charset="-128"/>
                <a:ea typeface="ＭＳ Ｐ明朝" pitchFamily="18" charset="-128"/>
              </a:rPr>
              <a:t>・大阪府：教育委員会事務局</a:t>
            </a:r>
            <a:endParaRPr lang="en-US" altLang="ja-JP" sz="1400" dirty="0" smtClean="0">
              <a:latin typeface="ＭＳ Ｐ明朝" pitchFamily="18" charset="-128"/>
              <a:ea typeface="ＭＳ Ｐ明朝" pitchFamily="18" charset="-128"/>
            </a:endParaRPr>
          </a:p>
        </p:txBody>
      </p:sp>
      <p:sp>
        <p:nvSpPr>
          <p:cNvPr id="11" name="スライド番号プレースホルダ 10"/>
          <p:cNvSpPr>
            <a:spLocks noGrp="1"/>
          </p:cNvSpPr>
          <p:nvPr>
            <p:ph type="sldNum" sz="quarter" idx="12"/>
          </p:nvPr>
        </p:nvSpPr>
        <p:spPr/>
        <p:txBody>
          <a:bodyPr/>
          <a:lstStyle/>
          <a:p>
            <a:fld id="{37EF5067-3AB7-4642-9103-42CBD40CC6D9}" type="slidenum">
              <a:rPr kumimoji="1" lang="ja-JP" altLang="en-US" smtClean="0"/>
              <a:pPr/>
              <a:t>13</a:t>
            </a:fld>
            <a:endParaRPr kumimoji="1" lang="ja-JP" altLang="en-US" dirty="0"/>
          </a:p>
        </p:txBody>
      </p:sp>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4" name="Rectangle 2"/>
          <p:cNvSpPr txBox="1">
            <a:spLocks noChangeArrowheads="1"/>
          </p:cNvSpPr>
          <p:nvPr/>
        </p:nvSpPr>
        <p:spPr bwMode="auto">
          <a:xfrm>
            <a:off x="0" y="2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３．御堂筋</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8464" y="431321"/>
            <a:ext cx="9649072" cy="6370975"/>
          </a:xfrm>
          <a:prstGeom prst="rect">
            <a:avLst/>
          </a:prstGeom>
          <a:noFill/>
          <a:ln>
            <a:noFill/>
            <a:prstDash val="sysDash"/>
          </a:ln>
        </p:spPr>
        <p:txBody>
          <a:bodyPr wrap="square" rtlCol="0">
            <a:spAutoFit/>
          </a:bodyPr>
          <a:lstStyle/>
          <a:p>
            <a:endParaRPr lang="en-US" altLang="ja-JP" sz="1200" dirty="0" smtClean="0"/>
          </a:p>
          <a:p>
            <a:endParaRPr lang="en-US" altLang="ja-JP" sz="1200" dirty="0" smtClean="0"/>
          </a:p>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sp>
        <p:nvSpPr>
          <p:cNvPr id="2050" name="Rectangle 2"/>
          <p:cNvSpPr>
            <a:spLocks noChangeArrowheads="1"/>
          </p:cNvSpPr>
          <p:nvPr/>
        </p:nvSpPr>
        <p:spPr bwMode="auto">
          <a:xfrm>
            <a:off x="110840" y="692702"/>
            <a:ext cx="9628909" cy="584006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pPr>
              <a:lnSpc>
                <a:spcPct val="150000"/>
              </a:lnSpc>
            </a:pPr>
            <a:r>
              <a:rPr lang="ja-JP" altLang="ja-JP" sz="1400" b="1" dirty="0" smtClean="0"/>
              <a:t>１．エリアの</a:t>
            </a:r>
            <a:r>
              <a:rPr lang="ja-JP" altLang="en-US" sz="1400" b="1" dirty="0" smtClean="0"/>
              <a:t>現状</a:t>
            </a:r>
            <a:endParaRPr lang="ja-JP" altLang="ja-JP" sz="1400" dirty="0" smtClean="0"/>
          </a:p>
          <a:p>
            <a:pPr lvl="0">
              <a:lnSpc>
                <a:spcPct val="150000"/>
              </a:lnSpc>
            </a:pPr>
            <a:r>
              <a:rPr lang="ja-JP" altLang="en-US" sz="1300" dirty="0" smtClean="0">
                <a:latin typeface="ＭＳ Ｐ明朝" pitchFamily="18" charset="-128"/>
                <a:ea typeface="ＭＳ Ｐ明朝" pitchFamily="18" charset="-128"/>
              </a:rPr>
              <a:t>　・第７代大阪市長</a:t>
            </a:r>
            <a:r>
              <a:rPr lang="ja-JP" altLang="ja-JP" sz="1300" dirty="0" smtClean="0">
                <a:latin typeface="ＭＳ Ｐ明朝" pitchFamily="18" charset="-128"/>
                <a:ea typeface="ＭＳ Ｐ明朝" pitchFamily="18" charset="-128"/>
              </a:rPr>
              <a:t>關一が大阪の顔として昭和</a:t>
            </a:r>
            <a:r>
              <a:rPr lang="en-US" altLang="ja-JP" sz="1300" dirty="0" smtClean="0">
                <a:latin typeface="ＭＳ Ｐ明朝" pitchFamily="18" charset="-128"/>
                <a:ea typeface="ＭＳ Ｐ明朝" pitchFamily="18" charset="-128"/>
              </a:rPr>
              <a:t>12</a:t>
            </a:r>
            <a:r>
              <a:rPr lang="ja-JP" altLang="ja-JP" sz="1300" dirty="0" smtClean="0">
                <a:latin typeface="ＭＳ Ｐ明朝" pitchFamily="18" charset="-128"/>
                <a:ea typeface="ＭＳ Ｐ明朝" pitchFamily="18" charset="-128"/>
              </a:rPr>
              <a:t>年に整備。全</a:t>
            </a:r>
            <a:r>
              <a:rPr lang="en-US" altLang="ja-JP" sz="1300" dirty="0" smtClean="0">
                <a:latin typeface="ＭＳ Ｐ明朝" pitchFamily="18" charset="-128"/>
                <a:ea typeface="ＭＳ Ｐ明朝" pitchFamily="18" charset="-128"/>
              </a:rPr>
              <a:t>6</a:t>
            </a:r>
            <a:r>
              <a:rPr lang="ja-JP" altLang="ja-JP" sz="1300" dirty="0" smtClean="0">
                <a:latin typeface="ＭＳ Ｐ明朝" pitchFamily="18" charset="-128"/>
                <a:ea typeface="ＭＳ Ｐ明朝" pitchFamily="18" charset="-128"/>
              </a:rPr>
              <a:t>車線が南行き一方通行の大阪の基軸幹線。</a:t>
            </a:r>
            <a:endParaRPr lang="en-US" altLang="ja-JP" sz="1300" dirty="0" smtClean="0">
              <a:latin typeface="ＭＳ Ｐ明朝" pitchFamily="18" charset="-128"/>
              <a:ea typeface="ＭＳ Ｐ明朝" pitchFamily="18" charset="-128"/>
            </a:endParaRPr>
          </a:p>
          <a:p>
            <a:pPr lvl="0">
              <a:lnSpc>
                <a:spcPct val="150000"/>
              </a:lnSpc>
            </a:pPr>
            <a:r>
              <a:rPr lang="ja-JP" altLang="en-US" sz="1300" dirty="0" smtClean="0">
                <a:latin typeface="ＭＳ Ｐ明朝" pitchFamily="18" charset="-128"/>
                <a:ea typeface="ＭＳ Ｐ明朝" pitchFamily="18" charset="-128"/>
              </a:rPr>
              <a:t>　　パリの「シャンゼリゼ」、ニューヨークの「</a:t>
            </a:r>
            <a:r>
              <a:rPr lang="en-US" altLang="ja-JP" sz="1300" dirty="0" smtClean="0">
                <a:latin typeface="ＭＳ Ｐ明朝" pitchFamily="18" charset="-128"/>
                <a:ea typeface="ＭＳ Ｐ明朝" pitchFamily="18" charset="-128"/>
              </a:rPr>
              <a:t>5th</a:t>
            </a:r>
            <a:r>
              <a:rPr lang="ja-JP" altLang="en-US" sz="1300" dirty="0" smtClean="0">
                <a:latin typeface="ＭＳ Ｐ明朝" pitchFamily="18" charset="-128"/>
                <a:ea typeface="ＭＳ Ｐ明朝" pitchFamily="18" charset="-128"/>
              </a:rPr>
              <a:t>アベニュー」に匹敵する日本を代表するストリート。</a:t>
            </a:r>
            <a:endParaRPr lang="ja-JP" altLang="ja-JP" sz="1300" dirty="0" smtClean="0">
              <a:latin typeface="ＭＳ Ｐ明朝" pitchFamily="18" charset="-128"/>
              <a:ea typeface="ＭＳ Ｐ明朝" pitchFamily="18" charset="-128"/>
            </a:endParaRPr>
          </a:p>
          <a:p>
            <a:pPr marL="180975" lvl="0" indent="-180975">
              <a:lnSpc>
                <a:spcPct val="1500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自動車</a:t>
            </a:r>
            <a:r>
              <a:rPr lang="en-US" altLang="ja-JP" sz="1300" dirty="0" smtClean="0">
                <a:latin typeface="ＭＳ Ｐ明朝" pitchFamily="18" charset="-128"/>
                <a:ea typeface="ＭＳ Ｐ明朝" pitchFamily="18" charset="-128"/>
              </a:rPr>
              <a:t>3.5</a:t>
            </a:r>
            <a:r>
              <a:rPr lang="ja-JP" altLang="ja-JP" sz="1300" dirty="0" smtClean="0">
                <a:latin typeface="ＭＳ Ｐ明朝" pitchFamily="18" charset="-128"/>
                <a:ea typeface="ＭＳ Ｐ明朝" pitchFamily="18" charset="-128"/>
              </a:rPr>
              <a:t>万台、歩行者</a:t>
            </a:r>
            <a:r>
              <a:rPr lang="en-US" altLang="ja-JP" sz="1300" dirty="0" smtClean="0">
                <a:latin typeface="ＭＳ Ｐ明朝" pitchFamily="18" charset="-128"/>
                <a:ea typeface="ＭＳ Ｐ明朝" pitchFamily="18" charset="-128"/>
              </a:rPr>
              <a:t>1.9</a:t>
            </a:r>
            <a:r>
              <a:rPr lang="ja-JP" altLang="ja-JP" sz="1300" dirty="0" smtClean="0">
                <a:latin typeface="ＭＳ Ｐ明朝" pitchFamily="18" charset="-128"/>
                <a:ea typeface="ＭＳ Ｐ明朝" pitchFamily="18" charset="-128"/>
              </a:rPr>
              <a:t>万人の交通量（平日</a:t>
            </a:r>
            <a:r>
              <a:rPr lang="ja-JP" altLang="en-US" sz="1300" dirty="0" smtClean="0">
                <a:latin typeface="ＭＳ Ｐ明朝" pitchFamily="18" charset="-128"/>
                <a:ea typeface="ＭＳ Ｐ明朝" pitchFamily="18" charset="-128"/>
              </a:rPr>
              <a:t>昼間の</a:t>
            </a:r>
            <a:r>
              <a:rPr lang="en-US" altLang="ja-JP" sz="1300" dirty="0" smtClean="0">
                <a:latin typeface="ＭＳ Ｐ明朝" pitchFamily="18" charset="-128"/>
                <a:ea typeface="ＭＳ Ｐ明朝" pitchFamily="18" charset="-128"/>
              </a:rPr>
              <a:t>12</a:t>
            </a:r>
            <a:r>
              <a:rPr lang="ja-JP" altLang="en-US" sz="1300" dirty="0" smtClean="0">
                <a:latin typeface="ＭＳ Ｐ明朝" pitchFamily="18" charset="-128"/>
                <a:ea typeface="ＭＳ Ｐ明朝" pitchFamily="18" charset="-128"/>
              </a:rPr>
              <a:t>時間：本町付近</a:t>
            </a:r>
            <a:r>
              <a:rPr lang="ja-JP" altLang="ja-JP" sz="1300" dirty="0" smtClean="0">
                <a:latin typeface="ＭＳ Ｐ明朝" pitchFamily="18" charset="-128"/>
                <a:ea typeface="ＭＳ Ｐ明朝" pitchFamily="18" charset="-128"/>
              </a:rPr>
              <a:t>）があり、沿道は日本を代表する企業が集積する、大阪の</a:t>
            </a:r>
            <a:r>
              <a:rPr lang="ja-JP" altLang="en-US" sz="1300" dirty="0" smtClean="0">
                <a:latin typeface="ＭＳ Ｐ明朝" pitchFamily="18" charset="-128"/>
                <a:ea typeface="ＭＳ Ｐ明朝" pitchFamily="18" charset="-128"/>
              </a:rPr>
              <a:t>中心</a:t>
            </a:r>
            <a:r>
              <a:rPr lang="ja-JP" altLang="ja-JP" sz="1300" dirty="0" smtClean="0">
                <a:latin typeface="ＭＳ Ｐ明朝" pitchFamily="18" charset="-128"/>
                <a:ea typeface="ＭＳ Ｐ明朝" pitchFamily="18" charset="-128"/>
              </a:rPr>
              <a:t>業務</a:t>
            </a:r>
            <a:r>
              <a:rPr lang="ja-JP" altLang="en-US" sz="1300" dirty="0" smtClean="0">
                <a:latin typeface="ＭＳ Ｐ明朝" pitchFamily="18" charset="-128"/>
                <a:ea typeface="ＭＳ Ｐ明朝" pitchFamily="18" charset="-128"/>
              </a:rPr>
              <a:t>地区（</a:t>
            </a:r>
            <a:r>
              <a:rPr lang="en-US" altLang="ja-JP" sz="1300" dirty="0" smtClean="0">
                <a:latin typeface="ＭＳ Ｐ明朝" pitchFamily="18" charset="-128"/>
                <a:ea typeface="ＭＳ Ｐ明朝" pitchFamily="18" charset="-128"/>
              </a:rPr>
              <a:t>CBD</a:t>
            </a:r>
            <a:r>
              <a:rPr lang="ja-JP" altLang="en-US" sz="1300" dirty="0" smtClean="0">
                <a:latin typeface="ＭＳ Ｐ明朝" pitchFamily="18" charset="-128"/>
                <a:ea typeface="ＭＳ Ｐ明朝" pitchFamily="18" charset="-128"/>
              </a:rPr>
              <a:t>）を形成</a:t>
            </a:r>
            <a:r>
              <a:rPr lang="ja-JP" altLang="ja-JP" sz="1300" dirty="0" smtClean="0">
                <a:latin typeface="ＭＳ Ｐ明朝" pitchFamily="18" charset="-128"/>
                <a:ea typeface="ＭＳ Ｐ明朝" pitchFamily="18" charset="-128"/>
              </a:rPr>
              <a:t>。</a:t>
            </a:r>
            <a:endParaRPr lang="ja-JP" altLang="ja-JP" sz="800" dirty="0" smtClean="0">
              <a:latin typeface="ＭＳ Ｐ明朝" pitchFamily="18" charset="-128"/>
              <a:ea typeface="ＭＳ Ｐ明朝" pitchFamily="18" charset="-128"/>
            </a:endParaRPr>
          </a:p>
          <a:p>
            <a:pPr>
              <a:lnSpc>
                <a:spcPct val="150000"/>
              </a:lnSpc>
            </a:pPr>
            <a:r>
              <a:rPr lang="en-US" altLang="ja-JP" sz="800" dirty="0" smtClean="0">
                <a:latin typeface="ＭＳ Ｐ明朝" pitchFamily="18" charset="-128"/>
                <a:ea typeface="ＭＳ Ｐ明朝" pitchFamily="18" charset="-128"/>
              </a:rPr>
              <a:t> </a:t>
            </a:r>
            <a:endParaRPr lang="ja-JP" altLang="ja-JP" sz="800" dirty="0" smtClean="0">
              <a:latin typeface="ＭＳ Ｐ明朝" pitchFamily="18" charset="-128"/>
              <a:ea typeface="ＭＳ Ｐ明朝" pitchFamily="18" charset="-128"/>
            </a:endParaRPr>
          </a:p>
          <a:p>
            <a:pPr>
              <a:lnSpc>
                <a:spcPct val="150000"/>
              </a:lnSpc>
            </a:pPr>
            <a:r>
              <a:rPr lang="ja-JP" altLang="ja-JP" sz="1400" b="1" dirty="0" smtClean="0"/>
              <a:t>２．エリアの課題</a:t>
            </a:r>
            <a:endParaRPr lang="ja-JP" altLang="ja-JP" sz="1400" dirty="0" smtClean="0"/>
          </a:p>
          <a:p>
            <a:pPr marL="180975" lvl="0" indent="-180975">
              <a:lnSpc>
                <a:spcPct val="150000"/>
              </a:lnSpc>
            </a:pPr>
            <a:r>
              <a:rPr lang="ja-JP" altLang="en-US" sz="1300" dirty="0" smtClean="0">
                <a:latin typeface="ＭＳ Ｐ明朝" pitchFamily="18" charset="-128"/>
                <a:ea typeface="ＭＳ Ｐ明朝" pitchFamily="18" charset="-128"/>
              </a:rPr>
              <a:t>　・高さ制限等により、有効なオフィス面積を確保しにくく、建替えしにくい環境。</a:t>
            </a:r>
            <a:endParaRPr lang="en-US" altLang="ja-JP" sz="1300" dirty="0" smtClean="0">
              <a:latin typeface="ＭＳ Ｐ明朝" pitchFamily="18" charset="-128"/>
              <a:ea typeface="ＭＳ Ｐ明朝" pitchFamily="18" charset="-128"/>
            </a:endParaRPr>
          </a:p>
          <a:p>
            <a:pPr marL="180975" lvl="0" indent="-180975">
              <a:lnSpc>
                <a:spcPct val="150000"/>
              </a:lnSpc>
            </a:pPr>
            <a:r>
              <a:rPr lang="ja-JP" altLang="en-US" sz="1300" dirty="0" smtClean="0">
                <a:latin typeface="ＭＳ Ｐ明朝" pitchFamily="18" charset="-128"/>
                <a:ea typeface="ＭＳ Ｐ明朝" pitchFamily="18" charset="-128"/>
              </a:rPr>
              <a:t>　・他の拠点の開発等により、業務集積地</a:t>
            </a:r>
            <a:r>
              <a:rPr lang="ja-JP" altLang="ja-JP" sz="1300" dirty="0" smtClean="0">
                <a:latin typeface="ＭＳ Ｐ明朝" pitchFamily="18" charset="-128"/>
                <a:ea typeface="ＭＳ Ｐ明朝" pitchFamily="18" charset="-128"/>
              </a:rPr>
              <a:t>として</a:t>
            </a:r>
            <a:r>
              <a:rPr lang="ja-JP" altLang="en-US" sz="1300" dirty="0" smtClean="0">
                <a:latin typeface="ＭＳ Ｐ明朝" pitchFamily="18" charset="-128"/>
                <a:ea typeface="ＭＳ Ｐ明朝" pitchFamily="18" charset="-128"/>
              </a:rPr>
              <a:t>の相対的地位</a:t>
            </a:r>
            <a:r>
              <a:rPr lang="ja-JP" altLang="ja-JP" sz="1300" dirty="0" smtClean="0">
                <a:latin typeface="ＭＳ Ｐ明朝" pitchFamily="18" charset="-128"/>
                <a:ea typeface="ＭＳ Ｐ明朝" pitchFamily="18" charset="-128"/>
              </a:rPr>
              <a:t>が低下している。</a:t>
            </a:r>
          </a:p>
          <a:p>
            <a:pPr marL="174625" indent="-174625">
              <a:lnSpc>
                <a:spcPct val="150000"/>
              </a:lnSpc>
            </a:pPr>
            <a:r>
              <a:rPr lang="ja-JP" altLang="en-US" sz="1300" dirty="0" smtClean="0">
                <a:latin typeface="ＭＳ Ｐ明朝" pitchFamily="18" charset="-128"/>
                <a:ea typeface="ＭＳ Ｐ明朝" pitchFamily="18" charset="-128"/>
              </a:rPr>
              <a:t>　・御堂筋の再構築の必要性があり、都心の</a:t>
            </a:r>
            <a:r>
              <a:rPr lang="en-US" altLang="ja-JP" sz="1300" dirty="0" smtClean="0">
                <a:latin typeface="ＭＳ Ｐ明朝" pitchFamily="18" charset="-128"/>
                <a:ea typeface="ＭＳ Ｐ明朝" pitchFamily="18" charset="-128"/>
              </a:rPr>
              <a:t>24</a:t>
            </a:r>
            <a:r>
              <a:rPr lang="ja-JP" altLang="en-US" sz="1300" dirty="0" smtClean="0">
                <a:latin typeface="ＭＳ Ｐ明朝" pitchFamily="18" charset="-128"/>
                <a:ea typeface="ＭＳ Ｐ明朝" pitchFamily="18" charset="-128"/>
              </a:rPr>
              <a:t>時間化・多様性等への対応や、御堂筋の「強み」を発揮したまちづくりが求められている。</a:t>
            </a:r>
            <a:endParaRPr lang="en-US" altLang="ja-JP" sz="800" dirty="0" smtClean="0">
              <a:latin typeface="ＭＳ Ｐ明朝" pitchFamily="18" charset="-128"/>
              <a:ea typeface="ＭＳ Ｐ明朝" pitchFamily="18" charset="-128"/>
            </a:endParaRPr>
          </a:p>
          <a:p>
            <a:pPr>
              <a:lnSpc>
                <a:spcPct val="150000"/>
              </a:lnSpc>
            </a:pPr>
            <a:r>
              <a:rPr lang="en-US" altLang="ja-JP" sz="800" dirty="0" smtClean="0"/>
              <a:t> </a:t>
            </a:r>
            <a:endParaRPr lang="ja-JP" altLang="ja-JP" sz="800" dirty="0" smtClean="0"/>
          </a:p>
          <a:p>
            <a:pPr>
              <a:lnSpc>
                <a:spcPct val="150000"/>
              </a:lnSpc>
            </a:pPr>
            <a:r>
              <a:rPr lang="ja-JP" altLang="ja-JP" sz="1400" b="1" dirty="0" smtClean="0"/>
              <a:t>３．近年の動向</a:t>
            </a:r>
            <a:endParaRPr lang="ja-JP" altLang="ja-JP" sz="1400" dirty="0" smtClean="0"/>
          </a:p>
          <a:p>
            <a:pPr lvl="0">
              <a:lnSpc>
                <a:spcPct val="1500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本町への高級ホテルや、心斎橋への高級・新進ブランドの進出が相次ぎ、ヒト・モノ・カネの流動性が高まってきている。</a:t>
            </a:r>
          </a:p>
          <a:p>
            <a:pPr marL="180975" lvl="0" indent="-180975">
              <a:lnSpc>
                <a:spcPct val="1500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御堂筋</a:t>
            </a:r>
            <a:r>
              <a:rPr lang="ja-JP" altLang="en-US" sz="1300" dirty="0" smtClean="0">
                <a:latin typeface="ＭＳ Ｐ明朝" pitchFamily="18" charset="-128"/>
                <a:ea typeface="ＭＳ Ｐ明朝" pitchFamily="18" charset="-128"/>
              </a:rPr>
              <a:t>ジョイふる</a:t>
            </a:r>
            <a:r>
              <a:rPr lang="ja-JP" altLang="ja-JP" sz="1300" dirty="0" smtClean="0">
                <a:latin typeface="ＭＳ Ｐ明朝" pitchFamily="18" charset="-128"/>
                <a:ea typeface="ＭＳ Ｐ明朝" pitchFamily="18" charset="-128"/>
              </a:rPr>
              <a:t>などの</a:t>
            </a:r>
            <a:r>
              <a:rPr lang="ja-JP" altLang="en-US" sz="1300" dirty="0" smtClean="0">
                <a:latin typeface="ＭＳ Ｐ明朝" pitchFamily="18" charset="-128"/>
                <a:ea typeface="ＭＳ Ｐ明朝" pitchFamily="18" charset="-128"/>
              </a:rPr>
              <a:t>市民参加型の</a:t>
            </a:r>
            <a:r>
              <a:rPr lang="ja-JP" altLang="ja-JP" sz="1300" dirty="0" smtClean="0">
                <a:latin typeface="ＭＳ Ｐ明朝" pitchFamily="18" charset="-128"/>
                <a:ea typeface="ＭＳ Ｐ明朝" pitchFamily="18" charset="-128"/>
              </a:rPr>
              <a:t>イベントが活況を呈し、</a:t>
            </a:r>
            <a:r>
              <a:rPr lang="ja-JP" altLang="en-US" sz="1300" dirty="0" smtClean="0">
                <a:latin typeface="ＭＳ Ｐ明朝" pitchFamily="18" charset="-128"/>
                <a:ea typeface="ＭＳ Ｐ明朝" pitchFamily="18" charset="-128"/>
              </a:rPr>
              <a:t>また</a:t>
            </a:r>
            <a:r>
              <a:rPr lang="ja-JP" altLang="ja-JP" sz="1300" dirty="0" smtClean="0">
                <a:latin typeface="ＭＳ Ｐ明朝" pitchFamily="18" charset="-128"/>
                <a:ea typeface="ＭＳ Ｐ明朝" pitchFamily="18" charset="-128"/>
              </a:rPr>
              <a:t>地域との協働による三休橋のプロムナードの整備が進むなど、</a:t>
            </a:r>
            <a:r>
              <a:rPr lang="ja-JP" altLang="en-US" sz="1300" dirty="0" smtClean="0">
                <a:latin typeface="ＭＳ Ｐ明朝" pitchFamily="18" charset="-128"/>
                <a:ea typeface="ＭＳ Ｐ明朝" pitchFamily="18" charset="-128"/>
              </a:rPr>
              <a:t>御堂筋を中心とした船場エリアで</a:t>
            </a:r>
            <a:r>
              <a:rPr lang="ja-JP" altLang="ja-JP" sz="1300" dirty="0" smtClean="0">
                <a:latin typeface="ＭＳ Ｐ明朝" pitchFamily="18" charset="-128"/>
                <a:ea typeface="ＭＳ Ｐ明朝" pitchFamily="18" charset="-128"/>
              </a:rPr>
              <a:t>官民一体となった取組み</a:t>
            </a:r>
            <a:r>
              <a:rPr lang="ja-JP" altLang="en-US" sz="1300" dirty="0" smtClean="0">
                <a:latin typeface="ＭＳ Ｐ明朝" pitchFamily="18" charset="-128"/>
                <a:ea typeface="ＭＳ Ｐ明朝" pitchFamily="18" charset="-128"/>
              </a:rPr>
              <a:t>が</a:t>
            </a:r>
            <a:r>
              <a:rPr lang="ja-JP" altLang="ja-JP" sz="1300" dirty="0" smtClean="0">
                <a:latin typeface="ＭＳ Ｐ明朝" pitchFamily="18" charset="-128"/>
                <a:ea typeface="ＭＳ Ｐ明朝" pitchFamily="18" charset="-128"/>
              </a:rPr>
              <a:t>展開。</a:t>
            </a:r>
            <a:endParaRPr lang="ja-JP" altLang="ja-JP" sz="800" dirty="0" smtClean="0">
              <a:latin typeface="ＭＳ Ｐ明朝" pitchFamily="18" charset="-128"/>
              <a:ea typeface="ＭＳ Ｐ明朝" pitchFamily="18" charset="-128"/>
            </a:endParaRPr>
          </a:p>
          <a:p>
            <a:pPr>
              <a:lnSpc>
                <a:spcPct val="150000"/>
              </a:lnSpc>
            </a:pPr>
            <a:r>
              <a:rPr lang="en-US" altLang="ja-JP" sz="800" dirty="0" smtClean="0"/>
              <a:t> </a:t>
            </a:r>
            <a:endParaRPr lang="ja-JP" altLang="ja-JP" sz="800" dirty="0" smtClean="0"/>
          </a:p>
          <a:p>
            <a:pPr>
              <a:lnSpc>
                <a:spcPct val="150000"/>
              </a:lnSpc>
            </a:pPr>
            <a:r>
              <a:rPr lang="ja-JP" altLang="ja-JP" sz="1400" b="1" dirty="0" smtClean="0"/>
              <a:t>４．将来像</a:t>
            </a:r>
            <a:endParaRPr lang="ja-JP" altLang="ja-JP" sz="1400" dirty="0" smtClean="0"/>
          </a:p>
          <a:p>
            <a:pPr lvl="0">
              <a:lnSpc>
                <a:spcPct val="1500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a:t>
            </a:r>
            <a:r>
              <a:rPr lang="ja-JP" altLang="en-US" sz="1300" dirty="0" smtClean="0">
                <a:latin typeface="ＭＳ Ｐ明朝" pitchFamily="18" charset="-128"/>
                <a:ea typeface="ＭＳ Ｐ明朝" pitchFamily="18" charset="-128"/>
              </a:rPr>
              <a:t>歩いて楽しめ、</a:t>
            </a:r>
            <a:r>
              <a:rPr lang="en-US" altLang="ja-JP" sz="1300" dirty="0" smtClean="0">
                <a:latin typeface="ＭＳ Ｐ明朝" pitchFamily="18" charset="-128"/>
                <a:ea typeface="ＭＳ Ｐ明朝" pitchFamily="18" charset="-128"/>
              </a:rPr>
              <a:t>24</a:t>
            </a:r>
            <a:r>
              <a:rPr lang="ja-JP" altLang="ja-JP" sz="1300" dirty="0" smtClean="0">
                <a:latin typeface="ＭＳ Ｐ明朝" pitchFamily="18" charset="-128"/>
                <a:ea typeface="ＭＳ Ｐ明朝" pitchFamily="18" charset="-128"/>
              </a:rPr>
              <a:t>時間稼動する多機能エリア』への転換を図り、御堂筋ブランドの</a:t>
            </a:r>
            <a:r>
              <a:rPr lang="ja-JP" altLang="en-US" sz="1300" dirty="0" smtClean="0">
                <a:latin typeface="ＭＳ Ｐ明朝" pitchFamily="18" charset="-128"/>
                <a:ea typeface="ＭＳ Ｐ明朝" pitchFamily="18" charset="-128"/>
              </a:rPr>
              <a:t>向上</a:t>
            </a:r>
            <a:r>
              <a:rPr lang="ja-JP" altLang="ja-JP" sz="1300" dirty="0" smtClean="0">
                <a:latin typeface="ＭＳ Ｐ明朝" pitchFamily="18" charset="-128"/>
                <a:ea typeface="ＭＳ Ｐ明朝" pitchFamily="18" charset="-128"/>
              </a:rPr>
              <a:t>を図る。</a:t>
            </a:r>
          </a:p>
          <a:p>
            <a:pPr marL="180975" lvl="0" indent="-180975">
              <a:lnSpc>
                <a:spcPct val="150000"/>
              </a:lnSpc>
            </a:pPr>
            <a:r>
              <a:rPr lang="ja-JP" altLang="en-US" sz="1300" dirty="0" smtClean="0">
                <a:latin typeface="ＭＳ Ｐ明朝" pitchFamily="18" charset="-128"/>
                <a:ea typeface="ＭＳ Ｐ明朝" pitchFamily="18" charset="-128"/>
              </a:rPr>
              <a:t>　・新たな「御堂筋ルール」のもと</a:t>
            </a:r>
            <a:r>
              <a:rPr lang="ja-JP" altLang="ja-JP" sz="1300" dirty="0" smtClean="0">
                <a:latin typeface="ＭＳ Ｐ明朝" pitchFamily="18" charset="-128"/>
                <a:ea typeface="ＭＳ Ｐ明朝" pitchFamily="18" charset="-128"/>
              </a:rPr>
              <a:t>、①高さ制限等の規制緩和や、</a:t>
            </a:r>
            <a:r>
              <a:rPr lang="ja-JP" altLang="en-US" sz="1300" dirty="0" smtClean="0">
                <a:latin typeface="ＭＳ Ｐ明朝" pitchFamily="18" charset="-128"/>
                <a:ea typeface="ＭＳ Ｐ明朝" pitchFamily="18" charset="-128"/>
              </a:rPr>
              <a:t>ビル足元での魅力ある商業・文化施設誘導</a:t>
            </a:r>
            <a:r>
              <a:rPr lang="ja-JP" altLang="ja-JP" sz="1300" dirty="0" smtClean="0">
                <a:latin typeface="ＭＳ Ｐ明朝" pitchFamily="18" charset="-128"/>
                <a:ea typeface="ＭＳ Ｐ明朝" pitchFamily="18" charset="-128"/>
              </a:rPr>
              <a:t>による沿道付加価値の向上、②車線減少／歩行者・自転車</a:t>
            </a:r>
            <a:r>
              <a:rPr lang="ja-JP" altLang="en-US" sz="1300" dirty="0" smtClean="0">
                <a:latin typeface="ＭＳ Ｐ明朝" pitchFamily="18" charset="-128"/>
                <a:ea typeface="ＭＳ Ｐ明朝" pitchFamily="18" charset="-128"/>
              </a:rPr>
              <a:t>通行道</a:t>
            </a:r>
            <a:r>
              <a:rPr lang="ja-JP" altLang="ja-JP" sz="1300" dirty="0" smtClean="0">
                <a:latin typeface="ＭＳ Ｐ明朝" pitchFamily="18" charset="-128"/>
                <a:ea typeface="ＭＳ Ｐ明朝" pitchFamily="18" charset="-128"/>
              </a:rPr>
              <a:t>拡充によるヒトにやさしい道路の再編、など時代のニーズに合わせた</a:t>
            </a:r>
            <a:r>
              <a:rPr lang="ja-JP" altLang="en-US" sz="1300" dirty="0" smtClean="0">
                <a:latin typeface="ＭＳ Ｐ明朝" pitchFamily="18" charset="-128"/>
                <a:ea typeface="ＭＳ Ｐ明朝" pitchFamily="18" charset="-128"/>
              </a:rPr>
              <a:t>「新しい御堂筋」として再生。</a:t>
            </a:r>
            <a:endParaRPr lang="ja-JP" altLang="ja-JP" sz="1300" dirty="0">
              <a:latin typeface="ＭＳ Ｐ明朝" pitchFamily="18" charset="-128"/>
              <a:ea typeface="ＭＳ Ｐ明朝"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14</a:t>
            </a:fld>
            <a:endParaRPr kumimoji="1" lang="ja-JP" altLang="en-US" dirty="0"/>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7" name="表 46"/>
          <p:cNvGraphicFramePr>
            <a:graphicFrameLocks noGrp="1"/>
          </p:cNvGraphicFramePr>
          <p:nvPr/>
        </p:nvGraphicFramePr>
        <p:xfrm>
          <a:off x="173608" y="4445100"/>
          <a:ext cx="5211440" cy="2224260"/>
        </p:xfrm>
        <a:graphic>
          <a:graphicData uri="http://schemas.openxmlformats.org/drawingml/2006/table">
            <a:tbl>
              <a:tblPr firstRow="1" bandRow="1">
                <a:tableStyleId>{5C22544A-7EE6-4342-B048-85BDC9FD1C3A}</a:tableStyleId>
              </a:tblPr>
              <a:tblGrid>
                <a:gridCol w="242888"/>
                <a:gridCol w="864096"/>
                <a:gridCol w="4104456"/>
              </a:tblGrid>
              <a:tr h="930138">
                <a:tc rowSpan="2">
                  <a:txBody>
                    <a:bodyPr/>
                    <a:lstStyle/>
                    <a:p>
                      <a:pPr algn="ctr"/>
                      <a:r>
                        <a:rPr kumimoji="1" lang="ja-JP" altLang="en-US" sz="1050" dirty="0" smtClean="0">
                          <a:solidFill>
                            <a:schemeClr val="tx1"/>
                          </a:solidFill>
                          <a:latin typeface="+mn-ea"/>
                          <a:ea typeface="+mn-ea"/>
                        </a:rPr>
                        <a:t>参考</a:t>
                      </a:r>
                      <a:endParaRPr kumimoji="1" lang="ja-JP" altLang="en-US" sz="1050" dirty="0">
                        <a:solidFill>
                          <a:schemeClr val="tx1"/>
                        </a:solidFill>
                        <a:latin typeface="+mn-ea"/>
                        <a:ea typeface="+mn-ea"/>
                      </a:endParaRPr>
                    </a:p>
                  </a:txBody>
                  <a:tcPr marL="36000" marR="36000" marT="36000" marB="36000"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000" b="0" dirty="0" smtClean="0">
                          <a:solidFill>
                            <a:schemeClr val="tx1"/>
                          </a:solidFill>
                          <a:latin typeface="+mn-ea"/>
                          <a:ea typeface="+mn-ea"/>
                        </a:rPr>
                        <a:t>シャンゼリゼ</a:t>
                      </a:r>
                      <a:endParaRPr kumimoji="1" lang="en-US" altLang="ja-JP" sz="1000" b="0" dirty="0" smtClean="0">
                        <a:solidFill>
                          <a:schemeClr val="tx1"/>
                        </a:solidFill>
                        <a:latin typeface="+mn-ea"/>
                        <a:ea typeface="+mn-ea"/>
                      </a:endParaRPr>
                    </a:p>
                    <a:p>
                      <a:pPr algn="ctr"/>
                      <a:r>
                        <a:rPr kumimoji="1" lang="ja-JP" altLang="en-US" sz="900" b="0" dirty="0" smtClean="0">
                          <a:solidFill>
                            <a:schemeClr val="tx1"/>
                          </a:solidFill>
                          <a:latin typeface="+mn-ea"/>
                          <a:ea typeface="+mn-ea"/>
                        </a:rPr>
                        <a:t>（パリ）</a:t>
                      </a:r>
                      <a:endParaRPr kumimoji="1" lang="ja-JP" altLang="en-US" sz="900" b="0" dirty="0">
                        <a:solidFill>
                          <a:schemeClr val="tx1"/>
                        </a:solidFill>
                        <a:latin typeface="+mn-ea"/>
                        <a:ea typeface="+mn-ea"/>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361950" indent="-361950"/>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概要</a:t>
                      </a:r>
                      <a:r>
                        <a:rPr kumimoji="1" lang="en-US" altLang="ja-JP" sz="1050" b="0" dirty="0" smtClean="0">
                          <a:solidFill>
                            <a:schemeClr val="tx1"/>
                          </a:solidFill>
                          <a:latin typeface="+mn-ea"/>
                          <a:ea typeface="+mn-ea"/>
                        </a:rPr>
                        <a:t>】</a:t>
                      </a:r>
                      <a:r>
                        <a:rPr kumimoji="1" lang="ja-JP" altLang="en-US" sz="1050" b="0" dirty="0" smtClean="0">
                          <a:solidFill>
                            <a:schemeClr val="tx1"/>
                          </a:solidFill>
                          <a:latin typeface="ＭＳ Ｐ明朝" pitchFamily="18" charset="-128"/>
                          <a:ea typeface="ＭＳ Ｐ明朝" pitchFamily="18" charset="-128"/>
                        </a:rPr>
                        <a:t>パリ市内北西部の第８区を横切る大通り。パリ市は</a:t>
                      </a:r>
                      <a:r>
                        <a:rPr kumimoji="1" lang="en-US" altLang="ja-JP" sz="1050" b="0" dirty="0" smtClean="0">
                          <a:solidFill>
                            <a:schemeClr val="tx1"/>
                          </a:solidFill>
                          <a:latin typeface="ＭＳ Ｐ明朝" pitchFamily="18" charset="-128"/>
                          <a:ea typeface="ＭＳ Ｐ明朝" pitchFamily="18" charset="-128"/>
                        </a:rPr>
                        <a:t>1992</a:t>
                      </a:r>
                      <a:r>
                        <a:rPr kumimoji="1" lang="ja-JP" altLang="en-US" sz="1050" b="0" dirty="0" smtClean="0">
                          <a:solidFill>
                            <a:schemeClr val="tx1"/>
                          </a:solidFill>
                          <a:latin typeface="ＭＳ Ｐ明朝" pitchFamily="18" charset="-128"/>
                          <a:ea typeface="ＭＳ Ｐ明朝" pitchFamily="18" charset="-128"/>
                        </a:rPr>
                        <a:t>年にシャンゼリゼの一体的な再整備を実施</a:t>
                      </a:r>
                      <a:endParaRPr kumimoji="1" lang="en-US" altLang="ja-JP" sz="1050" b="0" dirty="0" smtClean="0">
                        <a:solidFill>
                          <a:schemeClr val="tx1"/>
                        </a:solidFill>
                        <a:latin typeface="ＭＳ Ｐ明朝" pitchFamily="18" charset="-128"/>
                        <a:ea typeface="ＭＳ Ｐ明朝" pitchFamily="18" charset="-128"/>
                      </a:endParaRPr>
                    </a:p>
                    <a:p>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全長</a:t>
                      </a:r>
                      <a:r>
                        <a:rPr kumimoji="1" lang="en-US" altLang="ja-JP" sz="1050" b="0" dirty="0" smtClean="0">
                          <a:solidFill>
                            <a:schemeClr val="tx1"/>
                          </a:solidFill>
                          <a:latin typeface="+mn-ea"/>
                          <a:ea typeface="+mn-ea"/>
                        </a:rPr>
                        <a:t>】</a:t>
                      </a:r>
                      <a:r>
                        <a:rPr kumimoji="1" lang="ja-JP" altLang="en-US" sz="1050" b="0" dirty="0" smtClean="0">
                          <a:solidFill>
                            <a:schemeClr val="tx1"/>
                          </a:solidFill>
                          <a:latin typeface="ＭＳ Ｐ明朝" pitchFamily="18" charset="-128"/>
                          <a:ea typeface="ＭＳ Ｐ明朝" pitchFamily="18" charset="-128"/>
                        </a:rPr>
                        <a:t>約３キロメートル</a:t>
                      </a:r>
                      <a:endParaRPr kumimoji="1" lang="en-US" altLang="ja-JP" sz="1050" b="0" dirty="0" smtClean="0">
                        <a:solidFill>
                          <a:schemeClr val="tx1"/>
                        </a:solidFill>
                        <a:latin typeface="ＭＳ Ｐ明朝" pitchFamily="18" charset="-128"/>
                        <a:ea typeface="ＭＳ Ｐ明朝" pitchFamily="18" charset="-128"/>
                      </a:endParaRPr>
                    </a:p>
                    <a:p>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幅員</a:t>
                      </a:r>
                      <a:r>
                        <a:rPr kumimoji="1" lang="en-US" altLang="ja-JP" sz="1050" b="0" dirty="0" smtClean="0">
                          <a:solidFill>
                            <a:schemeClr val="tx1"/>
                          </a:solidFill>
                          <a:latin typeface="+mn-ea"/>
                          <a:ea typeface="+mn-ea"/>
                        </a:rPr>
                        <a:t>】</a:t>
                      </a:r>
                      <a:r>
                        <a:rPr kumimoji="1" lang="ja-JP" altLang="en-US" sz="1050" b="0" dirty="0" smtClean="0">
                          <a:solidFill>
                            <a:schemeClr val="tx1"/>
                          </a:solidFill>
                          <a:latin typeface="ＭＳ Ｐ明朝" pitchFamily="18" charset="-128"/>
                          <a:ea typeface="ＭＳ Ｐ明朝" pitchFamily="18" charset="-128"/>
                        </a:rPr>
                        <a:t>７０メートル</a:t>
                      </a:r>
                      <a:r>
                        <a:rPr kumimoji="1" lang="en-US" altLang="ja-JP" sz="1050" b="0" dirty="0" smtClean="0">
                          <a:solidFill>
                            <a:schemeClr val="tx1"/>
                          </a:solidFill>
                          <a:latin typeface="ＭＳ Ｐ明朝" pitchFamily="18" charset="-128"/>
                          <a:ea typeface="ＭＳ Ｐ明朝" pitchFamily="18" charset="-128"/>
                        </a:rPr>
                        <a:t>(1990</a:t>
                      </a:r>
                      <a:r>
                        <a:rPr kumimoji="1" lang="ja-JP" altLang="en-US" sz="1050" b="0" dirty="0" smtClean="0">
                          <a:solidFill>
                            <a:schemeClr val="tx1"/>
                          </a:solidFill>
                          <a:latin typeface="ＭＳ Ｐ明朝" pitchFamily="18" charset="-128"/>
                          <a:ea typeface="ＭＳ Ｐ明朝" pitchFamily="18" charset="-128"/>
                        </a:rPr>
                        <a:t>年代に側道を廃止し、歩道を</a:t>
                      </a:r>
                      <a:r>
                        <a:rPr kumimoji="1" lang="en-US" altLang="ja-JP" sz="1050" b="0" dirty="0" smtClean="0">
                          <a:solidFill>
                            <a:schemeClr val="tx1"/>
                          </a:solidFill>
                          <a:latin typeface="ＭＳ Ｐ明朝" pitchFamily="18" charset="-128"/>
                          <a:ea typeface="ＭＳ Ｐ明朝" pitchFamily="18" charset="-128"/>
                        </a:rPr>
                        <a:t>20</a:t>
                      </a:r>
                      <a:r>
                        <a:rPr kumimoji="1" lang="ja-JP" altLang="en-US" sz="1050" b="0" dirty="0" err="1" smtClean="0">
                          <a:solidFill>
                            <a:schemeClr val="tx1"/>
                          </a:solidFill>
                          <a:latin typeface="ＭＳ Ｐ明朝" pitchFamily="18" charset="-128"/>
                          <a:ea typeface="ＭＳ Ｐ明朝" pitchFamily="18" charset="-128"/>
                        </a:rPr>
                        <a:t>ｍ</a:t>
                      </a:r>
                      <a:r>
                        <a:rPr kumimoji="1" lang="ja-JP" altLang="en-US" sz="1050" b="0" dirty="0" smtClean="0">
                          <a:solidFill>
                            <a:schemeClr val="tx1"/>
                          </a:solidFill>
                          <a:latin typeface="ＭＳ Ｐ明朝" pitchFamily="18" charset="-128"/>
                          <a:ea typeface="ＭＳ Ｐ明朝" pitchFamily="18" charset="-128"/>
                        </a:rPr>
                        <a:t>に拡幅</a:t>
                      </a:r>
                      <a:r>
                        <a:rPr kumimoji="1" lang="en-US" altLang="ja-JP" sz="1050" b="0" dirty="0" smtClean="0">
                          <a:solidFill>
                            <a:schemeClr val="tx1"/>
                          </a:solidFill>
                          <a:latin typeface="ＭＳ Ｐ明朝" pitchFamily="18" charset="-128"/>
                          <a:ea typeface="ＭＳ Ｐ明朝" pitchFamily="18" charset="-128"/>
                        </a:rPr>
                        <a:t>)</a:t>
                      </a:r>
                    </a:p>
                    <a:p>
                      <a:pPr marL="712788" indent="-712788"/>
                      <a:r>
                        <a:rPr kumimoji="1" lang="en-US" altLang="ja-JP" sz="1050" b="0" dirty="0" smtClean="0">
                          <a:solidFill>
                            <a:schemeClr val="tx1"/>
                          </a:solidFill>
                          <a:latin typeface="+mn-ea"/>
                          <a:ea typeface="+mn-ea"/>
                        </a:rPr>
                        <a:t>【</a:t>
                      </a:r>
                      <a:r>
                        <a:rPr kumimoji="1" lang="ja-JP" altLang="en-US" sz="1050" b="0" dirty="0" smtClean="0">
                          <a:solidFill>
                            <a:schemeClr val="tx1"/>
                          </a:solidFill>
                          <a:latin typeface="+mn-ea"/>
                          <a:ea typeface="+mn-ea"/>
                        </a:rPr>
                        <a:t>立地業種</a:t>
                      </a:r>
                      <a:r>
                        <a:rPr kumimoji="1" lang="en-US" altLang="ja-JP" sz="1050" b="0" dirty="0" smtClean="0">
                          <a:solidFill>
                            <a:schemeClr val="tx1"/>
                          </a:solidFill>
                          <a:latin typeface="+mn-ea"/>
                          <a:ea typeface="+mn-ea"/>
                        </a:rPr>
                        <a:t>】  </a:t>
                      </a:r>
                      <a:r>
                        <a:rPr kumimoji="1" lang="ja-JP" altLang="en-US" sz="1050" b="0" dirty="0" smtClean="0">
                          <a:solidFill>
                            <a:schemeClr val="tx1"/>
                          </a:solidFill>
                          <a:latin typeface="ＭＳ Ｐ明朝" pitchFamily="18" charset="-128"/>
                          <a:ea typeface="ＭＳ Ｐ明朝" pitchFamily="18" charset="-128"/>
                        </a:rPr>
                        <a:t>世界のブランドショップや有名レストラン、カフェが建ち並ぶ。中・高層階は、オフィス等</a:t>
                      </a:r>
                      <a:endParaRPr kumimoji="1" lang="en-US" altLang="ja-JP" sz="1050" b="0" dirty="0" smtClean="0">
                        <a:solidFill>
                          <a:schemeClr val="tx1"/>
                        </a:solidFill>
                        <a:latin typeface="ＭＳ Ｐ明朝" pitchFamily="18" charset="-128"/>
                        <a:ea typeface="ＭＳ Ｐ明朝" pitchFamily="18"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074347">
                <a:tc vMerge="1">
                  <a:txBody>
                    <a:bodyPr/>
                    <a:lstStyle/>
                    <a:p>
                      <a:endParaRPr kumimoji="1" lang="ja-JP" altLang="en-US" sz="11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indent="0" algn="ctr"/>
                      <a:r>
                        <a:rPr kumimoji="1" lang="ja-JP" altLang="en-US" sz="1000" dirty="0" smtClean="0">
                          <a:solidFill>
                            <a:schemeClr val="tx1"/>
                          </a:solidFill>
                          <a:latin typeface="+mn-ea"/>
                          <a:ea typeface="+mn-ea"/>
                        </a:rPr>
                        <a:t>　</a:t>
                      </a:r>
                      <a:r>
                        <a:rPr kumimoji="1" lang="ja-JP" altLang="en-US" sz="1050" dirty="0" smtClean="0">
                          <a:solidFill>
                            <a:schemeClr val="tx1"/>
                          </a:solidFill>
                          <a:latin typeface="+mn-ea"/>
                          <a:ea typeface="+mn-ea"/>
                        </a:rPr>
                        <a:t>フィフス</a:t>
                      </a:r>
                      <a:endParaRPr kumimoji="1" lang="en-US" altLang="ja-JP" sz="1050" dirty="0" smtClean="0">
                        <a:solidFill>
                          <a:schemeClr val="tx1"/>
                        </a:solidFill>
                        <a:latin typeface="+mn-ea"/>
                        <a:ea typeface="+mn-ea"/>
                      </a:endParaRPr>
                    </a:p>
                    <a:p>
                      <a:pPr marL="0" indent="0" algn="ctr"/>
                      <a:r>
                        <a:rPr kumimoji="1" lang="ja-JP" altLang="en-US" sz="1050" dirty="0" smtClean="0">
                          <a:solidFill>
                            <a:schemeClr val="tx1"/>
                          </a:solidFill>
                          <a:latin typeface="+mn-ea"/>
                          <a:ea typeface="+mn-ea"/>
                        </a:rPr>
                        <a:t>・アベニュー</a:t>
                      </a:r>
                      <a:endParaRPr kumimoji="1" lang="en-US" altLang="ja-JP" sz="1050" dirty="0" smtClean="0">
                        <a:solidFill>
                          <a:schemeClr val="tx1"/>
                        </a:solidFill>
                        <a:latin typeface="+mn-ea"/>
                        <a:ea typeface="+mn-ea"/>
                      </a:endParaRPr>
                    </a:p>
                    <a:p>
                      <a:pPr marL="0" indent="0" algn="ctr"/>
                      <a:r>
                        <a:rPr kumimoji="1" lang="en-US" altLang="ja-JP" sz="600" dirty="0" smtClean="0">
                          <a:solidFill>
                            <a:schemeClr val="tx1"/>
                          </a:solidFill>
                          <a:latin typeface="+mn-ea"/>
                          <a:ea typeface="+mn-ea"/>
                        </a:rPr>
                        <a:t>(</a:t>
                      </a:r>
                      <a:r>
                        <a:rPr kumimoji="1" lang="ja-JP" altLang="en-US" sz="600" dirty="0" smtClean="0">
                          <a:solidFill>
                            <a:schemeClr val="tx1"/>
                          </a:solidFill>
                          <a:latin typeface="+mn-ea"/>
                          <a:ea typeface="+mn-ea"/>
                        </a:rPr>
                        <a:t>ﾜｼﾝﾄﾝ・ｽｸｴｱ公園</a:t>
                      </a:r>
                      <a:endParaRPr kumimoji="1" lang="en-US" altLang="ja-JP" sz="600" dirty="0" smtClean="0">
                        <a:solidFill>
                          <a:schemeClr val="tx1"/>
                        </a:solidFill>
                        <a:latin typeface="+mn-ea"/>
                        <a:ea typeface="+mn-ea"/>
                      </a:endParaRPr>
                    </a:p>
                    <a:p>
                      <a:pPr marL="0" indent="0" algn="ctr"/>
                      <a:r>
                        <a:rPr kumimoji="1" lang="ja-JP" altLang="en-US" sz="600" dirty="0" smtClean="0">
                          <a:solidFill>
                            <a:schemeClr val="tx1"/>
                          </a:solidFill>
                          <a:latin typeface="+mn-ea"/>
                          <a:ea typeface="+mn-ea"/>
                        </a:rPr>
                        <a:t>～</a:t>
                      </a:r>
                      <a:r>
                        <a:rPr kumimoji="1" lang="en-US" altLang="ja-JP" sz="600" dirty="0" smtClean="0">
                          <a:solidFill>
                            <a:schemeClr val="tx1"/>
                          </a:solidFill>
                          <a:latin typeface="+mn-ea"/>
                          <a:ea typeface="+mn-ea"/>
                        </a:rPr>
                        <a:t>59</a:t>
                      </a:r>
                      <a:r>
                        <a:rPr kumimoji="1" lang="ja-JP" altLang="en-US" sz="600" dirty="0" smtClean="0">
                          <a:solidFill>
                            <a:schemeClr val="tx1"/>
                          </a:solidFill>
                          <a:latin typeface="+mn-ea"/>
                          <a:ea typeface="+mn-ea"/>
                        </a:rPr>
                        <a:t>番通</a:t>
                      </a:r>
                      <a:r>
                        <a:rPr kumimoji="1" lang="en-US" altLang="ja-JP" sz="600" dirty="0" smtClean="0">
                          <a:solidFill>
                            <a:schemeClr val="tx1"/>
                          </a:solidFill>
                          <a:latin typeface="+mn-ea"/>
                          <a:ea typeface="+mn-ea"/>
                        </a:rPr>
                        <a:t>)</a:t>
                      </a:r>
                    </a:p>
                    <a:p>
                      <a:pPr marL="0" indent="0" algn="ctr"/>
                      <a:r>
                        <a:rPr kumimoji="1" lang="ja-JP" altLang="en-US" sz="900" dirty="0" smtClean="0">
                          <a:solidFill>
                            <a:schemeClr val="tx1"/>
                          </a:solidFill>
                          <a:latin typeface="+mn-ea"/>
                          <a:ea typeface="+mn-ea"/>
                        </a:rPr>
                        <a:t>（ニューヨーク）</a:t>
                      </a: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361950" indent="-361950"/>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概要</a:t>
                      </a:r>
                      <a:r>
                        <a:rPr kumimoji="1" lang="en-US" altLang="ja-JP" sz="1050" dirty="0" smtClean="0">
                          <a:solidFill>
                            <a:schemeClr val="tx1"/>
                          </a:solidFill>
                          <a:latin typeface="+mn-ea"/>
                          <a:ea typeface="+mn-ea"/>
                        </a:rPr>
                        <a:t>】</a:t>
                      </a:r>
                      <a:r>
                        <a:rPr kumimoji="1" lang="ja-JP" altLang="en-US" sz="1050" dirty="0" smtClean="0">
                          <a:solidFill>
                            <a:schemeClr val="tx1"/>
                          </a:solidFill>
                          <a:latin typeface="ＭＳ Ｐ明朝" pitchFamily="18" charset="-128"/>
                          <a:ea typeface="ＭＳ Ｐ明朝" pitchFamily="18" charset="-128"/>
                        </a:rPr>
                        <a:t>ニューヨーク市マンハッタンを南北に縦断する通り。北から南への一方通行。</a:t>
                      </a:r>
                      <a:endParaRPr kumimoji="1" lang="en-US" altLang="ja-JP" sz="1050" dirty="0" smtClean="0">
                        <a:solidFill>
                          <a:schemeClr val="tx1"/>
                        </a:solidFill>
                        <a:latin typeface="ＭＳ Ｐ明朝" pitchFamily="18" charset="-128"/>
                        <a:ea typeface="ＭＳ Ｐ明朝" pitchFamily="18" charset="-128"/>
                      </a:endParaRPr>
                    </a:p>
                    <a:p>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全長</a:t>
                      </a:r>
                      <a:r>
                        <a:rPr kumimoji="1" lang="en-US" altLang="ja-JP" sz="1050" dirty="0" smtClean="0">
                          <a:solidFill>
                            <a:schemeClr val="tx1"/>
                          </a:solidFill>
                          <a:latin typeface="+mn-ea"/>
                          <a:ea typeface="+mn-ea"/>
                        </a:rPr>
                        <a:t>】</a:t>
                      </a:r>
                      <a:r>
                        <a:rPr kumimoji="1" lang="ja-JP" altLang="en-US" sz="1050" dirty="0" smtClean="0">
                          <a:solidFill>
                            <a:schemeClr val="tx1"/>
                          </a:solidFill>
                          <a:latin typeface="ＭＳ Ｐ明朝" pitchFamily="18" charset="-128"/>
                          <a:ea typeface="ＭＳ Ｐ明朝" pitchFamily="18" charset="-128"/>
                        </a:rPr>
                        <a:t>約４キロメートル</a:t>
                      </a:r>
                      <a:r>
                        <a:rPr kumimoji="1" lang="ja-JP" altLang="en-US" sz="1000" dirty="0" smtClean="0">
                          <a:solidFill>
                            <a:schemeClr val="tx1"/>
                          </a:solidFill>
                          <a:latin typeface="ＭＳ Ｐ明朝" pitchFamily="18" charset="-128"/>
                          <a:ea typeface="ＭＳ Ｐ明朝" pitchFamily="18" charset="-128"/>
                        </a:rPr>
                        <a:t>（ワシントン・スクエア公園からセントラル・パーク間）</a:t>
                      </a:r>
                      <a:endParaRPr kumimoji="1" lang="en-US" altLang="ja-JP" sz="1050" dirty="0" smtClean="0">
                        <a:solidFill>
                          <a:schemeClr val="tx1"/>
                        </a:solidFill>
                        <a:latin typeface="ＭＳ Ｐ明朝" pitchFamily="18" charset="-128"/>
                        <a:ea typeface="ＭＳ Ｐ明朝" pitchFamily="18" charset="-128"/>
                      </a:endParaRPr>
                    </a:p>
                    <a:p>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幅員</a:t>
                      </a:r>
                      <a:r>
                        <a:rPr kumimoji="1" lang="en-US" altLang="ja-JP" sz="1050" dirty="0" smtClean="0">
                          <a:solidFill>
                            <a:schemeClr val="tx1"/>
                          </a:solidFill>
                          <a:latin typeface="+mn-ea"/>
                          <a:ea typeface="+mn-ea"/>
                        </a:rPr>
                        <a:t>】</a:t>
                      </a:r>
                      <a:r>
                        <a:rPr kumimoji="1" lang="ja-JP" altLang="en-US" sz="1050" dirty="0" smtClean="0">
                          <a:solidFill>
                            <a:schemeClr val="tx1"/>
                          </a:solidFill>
                          <a:latin typeface="ＭＳ Ｐ明朝" pitchFamily="18" charset="-128"/>
                          <a:ea typeface="ＭＳ Ｐ明朝" pitchFamily="18" charset="-128"/>
                        </a:rPr>
                        <a:t>約３０メートル</a:t>
                      </a:r>
                      <a:endParaRPr kumimoji="1" lang="en-US" altLang="ja-JP" sz="1050" dirty="0" smtClean="0">
                        <a:solidFill>
                          <a:schemeClr val="tx1"/>
                        </a:solidFill>
                        <a:latin typeface="ＭＳ Ｐ明朝" pitchFamily="18" charset="-128"/>
                        <a:ea typeface="ＭＳ Ｐ明朝" pitchFamily="18" charset="-128"/>
                      </a:endParaRPr>
                    </a:p>
                    <a:p>
                      <a:pPr marL="712788" indent="-712788"/>
                      <a:r>
                        <a:rPr kumimoji="1" lang="en-US" altLang="ja-JP" sz="1050" dirty="0" smtClean="0">
                          <a:solidFill>
                            <a:schemeClr val="tx1"/>
                          </a:solidFill>
                          <a:latin typeface="+mn-ea"/>
                          <a:ea typeface="+mn-ea"/>
                        </a:rPr>
                        <a:t>【</a:t>
                      </a:r>
                      <a:r>
                        <a:rPr kumimoji="1" lang="ja-JP" altLang="en-US" sz="1050" dirty="0" smtClean="0">
                          <a:solidFill>
                            <a:schemeClr val="tx1"/>
                          </a:solidFill>
                          <a:latin typeface="+mn-ea"/>
                          <a:ea typeface="+mn-ea"/>
                        </a:rPr>
                        <a:t>立地業種</a:t>
                      </a:r>
                      <a:r>
                        <a:rPr kumimoji="1" lang="en-US" altLang="ja-JP" sz="1050" dirty="0" smtClean="0">
                          <a:solidFill>
                            <a:schemeClr val="tx1"/>
                          </a:solidFill>
                          <a:latin typeface="+mn-ea"/>
                          <a:ea typeface="+mn-ea"/>
                        </a:rPr>
                        <a:t>】  </a:t>
                      </a:r>
                      <a:r>
                        <a:rPr kumimoji="1" lang="ja-JP" altLang="en-US" sz="1050" dirty="0" smtClean="0">
                          <a:solidFill>
                            <a:schemeClr val="tx1"/>
                          </a:solidFill>
                          <a:latin typeface="ＭＳ Ｐ明朝" pitchFamily="18" charset="-128"/>
                          <a:ea typeface="ＭＳ Ｐ明朝" pitchFamily="18" charset="-128"/>
                        </a:rPr>
                        <a:t>世界のブランドショップ、高級住宅、図書館等の文化施設のほか、エンパイア・ステート・ビルなどニューヨークを代表するランドマークが立地</a:t>
                      </a:r>
                      <a:endParaRPr kumimoji="1" lang="en-US" altLang="ja-JP" sz="1050" dirty="0" smtClean="0">
                        <a:solidFill>
                          <a:schemeClr val="tx1"/>
                        </a:solidFill>
                        <a:latin typeface="ＭＳ Ｐ明朝" pitchFamily="18" charset="-128"/>
                        <a:ea typeface="ＭＳ Ｐ明朝" pitchFamily="18"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4" name="Rectangle 2"/>
          <p:cNvSpPr txBox="1">
            <a:spLocks noChangeArrowheads="1"/>
          </p:cNvSpPr>
          <p:nvPr/>
        </p:nvSpPr>
        <p:spPr bwMode="auto">
          <a:xfrm>
            <a:off x="0" y="18"/>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３．御堂筋</a:t>
            </a:r>
            <a:endParaRPr lang="en-US" altLang="ja-JP" sz="2000" b="1" dirty="0" smtClean="0">
              <a:solidFill>
                <a:schemeClr val="bg1"/>
              </a:solidFill>
              <a:latin typeface="ＭＳ ゴシック" pitchFamily="49" charset="-128"/>
              <a:ea typeface="ＭＳ ゴシック" pitchFamily="49" charset="-128"/>
            </a:endParaRPr>
          </a:p>
        </p:txBody>
      </p:sp>
      <p:pic>
        <p:nvPicPr>
          <p:cNvPr id="1027" name="Picture 3"/>
          <p:cNvPicPr>
            <a:picLocks noChangeAspect="1" noChangeArrowheads="1"/>
          </p:cNvPicPr>
          <p:nvPr/>
        </p:nvPicPr>
        <p:blipFill>
          <a:blip r:embed="rId3" cstate="email"/>
          <a:srcRect/>
          <a:stretch>
            <a:fillRect/>
          </a:stretch>
        </p:blipFill>
        <p:spPr bwMode="auto">
          <a:xfrm>
            <a:off x="8014841" y="608876"/>
            <a:ext cx="1801482" cy="2172052"/>
          </a:xfrm>
          <a:prstGeom prst="rect">
            <a:avLst/>
          </a:prstGeom>
          <a:noFill/>
          <a:ln w="9525">
            <a:noFill/>
            <a:miter lim="800000"/>
            <a:headEnd/>
            <a:tailEnd/>
          </a:ln>
        </p:spPr>
      </p:pic>
      <p:sp>
        <p:nvSpPr>
          <p:cNvPr id="10" name="テキスト ボックス 9"/>
          <p:cNvSpPr txBox="1"/>
          <p:nvPr/>
        </p:nvSpPr>
        <p:spPr>
          <a:xfrm>
            <a:off x="9201469" y="1287900"/>
            <a:ext cx="572765" cy="161583"/>
          </a:xfrm>
          <a:prstGeom prst="rect">
            <a:avLst/>
          </a:prstGeom>
          <a:solidFill>
            <a:schemeClr val="bg1">
              <a:alpha val="50000"/>
            </a:schemeClr>
          </a:solidFill>
        </p:spPr>
        <p:txBody>
          <a:bodyPr wrap="square" lIns="0" tIns="0" rIns="0" bIns="0" rtlCol="0">
            <a:spAutoFit/>
          </a:bodyPr>
          <a:lstStyle/>
          <a:p>
            <a:pPr algn="ctr"/>
            <a:r>
              <a:rPr kumimoji="1" lang="ja-JP" altLang="en-US" sz="1050" dirty="0" smtClean="0"/>
              <a:t>御堂筋</a:t>
            </a:r>
            <a:endParaRPr kumimoji="1" lang="ja-JP" altLang="en-US" sz="1050" dirty="0"/>
          </a:p>
        </p:txBody>
      </p:sp>
      <p:cxnSp>
        <p:nvCxnSpPr>
          <p:cNvPr id="12" name="直線矢印コネクタ 11"/>
          <p:cNvCxnSpPr/>
          <p:nvPr/>
        </p:nvCxnSpPr>
        <p:spPr>
          <a:xfrm flipH="1">
            <a:off x="9072563" y="1368600"/>
            <a:ext cx="186063" cy="17445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5470525" y="476250"/>
            <a:ext cx="4353876" cy="6243864"/>
          </a:xfrm>
          <a:prstGeom prst="rect">
            <a:avLst/>
          </a:prstGeom>
          <a:noFill/>
          <a:ln>
            <a:solidFill>
              <a:schemeClr val="tx1"/>
            </a:solidFill>
            <a:prstDash val="sysDash"/>
          </a:ln>
        </p:spPr>
        <p:txBody>
          <a:bodyPr wrap="square" rtlCol="0">
            <a:noAutofit/>
          </a:bodyPr>
          <a:lstStyle/>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sp>
        <p:nvSpPr>
          <p:cNvPr id="83" name="テキスト ボックス 82"/>
          <p:cNvSpPr txBox="1"/>
          <p:nvPr/>
        </p:nvSpPr>
        <p:spPr>
          <a:xfrm>
            <a:off x="8708975" y="1441430"/>
            <a:ext cx="444531" cy="200055"/>
          </a:xfrm>
          <a:prstGeom prst="rect">
            <a:avLst/>
          </a:prstGeom>
          <a:noFill/>
        </p:spPr>
        <p:txBody>
          <a:bodyPr wrap="square" rtlCol="0">
            <a:spAutoFit/>
          </a:bodyPr>
          <a:lstStyle/>
          <a:p>
            <a:r>
              <a:rPr lang="ja-JP" altLang="en-US" sz="700" dirty="0" smtClean="0"/>
              <a:t>梅田</a:t>
            </a:r>
            <a:endParaRPr kumimoji="1" lang="ja-JP" altLang="en-US" sz="700" dirty="0"/>
          </a:p>
        </p:txBody>
      </p:sp>
      <p:sp>
        <p:nvSpPr>
          <p:cNvPr id="84" name="テキスト ボックス 83"/>
          <p:cNvSpPr txBox="1"/>
          <p:nvPr/>
        </p:nvSpPr>
        <p:spPr>
          <a:xfrm>
            <a:off x="8931174" y="1886893"/>
            <a:ext cx="506433" cy="200055"/>
          </a:xfrm>
          <a:prstGeom prst="rect">
            <a:avLst/>
          </a:prstGeom>
          <a:noFill/>
        </p:spPr>
        <p:txBody>
          <a:bodyPr wrap="square" rtlCol="0">
            <a:spAutoFit/>
          </a:bodyPr>
          <a:lstStyle/>
          <a:p>
            <a:r>
              <a:rPr kumimoji="1" lang="ja-JP" altLang="en-US" sz="700" dirty="0" smtClean="0"/>
              <a:t>なんば</a:t>
            </a:r>
            <a:endParaRPr kumimoji="1" lang="ja-JP" altLang="en-US" sz="700" dirty="0"/>
          </a:p>
        </p:txBody>
      </p:sp>
      <p:sp>
        <p:nvSpPr>
          <p:cNvPr id="85" name="テキスト ボックス 84"/>
          <p:cNvSpPr txBox="1"/>
          <p:nvPr/>
        </p:nvSpPr>
        <p:spPr>
          <a:xfrm>
            <a:off x="8980120" y="1604283"/>
            <a:ext cx="523101" cy="200055"/>
          </a:xfrm>
          <a:prstGeom prst="rect">
            <a:avLst/>
          </a:prstGeom>
          <a:noFill/>
        </p:spPr>
        <p:txBody>
          <a:bodyPr wrap="square" rtlCol="0">
            <a:spAutoFit/>
          </a:bodyPr>
          <a:lstStyle/>
          <a:p>
            <a:r>
              <a:rPr kumimoji="1" lang="ja-JP" altLang="en-US" sz="700" dirty="0" smtClean="0"/>
              <a:t>淀屋橋</a:t>
            </a:r>
            <a:endParaRPr kumimoji="1" lang="ja-JP" altLang="en-US" sz="700" dirty="0"/>
          </a:p>
        </p:txBody>
      </p:sp>
      <p:graphicFrame>
        <p:nvGraphicFramePr>
          <p:cNvPr id="131" name="表 130"/>
          <p:cNvGraphicFramePr>
            <a:graphicFrameLocks noGrp="1"/>
          </p:cNvGraphicFramePr>
          <p:nvPr/>
        </p:nvGraphicFramePr>
        <p:xfrm>
          <a:off x="7978232" y="2996952"/>
          <a:ext cx="1787621" cy="1463040"/>
        </p:xfrm>
        <a:graphic>
          <a:graphicData uri="http://schemas.openxmlformats.org/drawingml/2006/table">
            <a:tbl>
              <a:tblPr firstRow="1" bandRow="1">
                <a:tableStyleId>{5C22544A-7EE6-4342-B048-85BDC9FD1C3A}</a:tableStyleId>
              </a:tblPr>
              <a:tblGrid>
                <a:gridCol w="275453"/>
                <a:gridCol w="1512168"/>
              </a:tblGrid>
              <a:tr h="144016">
                <a:tc>
                  <a:txBody>
                    <a:bodyPr/>
                    <a:lstStyle/>
                    <a:p>
                      <a:pPr algn="ctr"/>
                      <a:endParaRPr kumimoji="1" lang="ja-JP" altLang="en-US" sz="1000" dirty="0">
                        <a:solidFill>
                          <a:schemeClr val="tx1"/>
                        </a:solidFill>
                        <a:latin typeface="+mn-ea"/>
                        <a:ea typeface="+mn-ea"/>
                      </a:endParaRPr>
                    </a:p>
                  </a:txBody>
                  <a:tcPr marL="0" marR="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000" dirty="0" smtClean="0">
                          <a:solidFill>
                            <a:schemeClr val="tx1"/>
                          </a:solidFill>
                          <a:latin typeface="+mn-ea"/>
                          <a:ea typeface="+mn-ea"/>
                        </a:rPr>
                        <a:t>都市再生特別地区</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0">
                <a:tc>
                  <a:txBody>
                    <a:bodyPr/>
                    <a:lstStyle/>
                    <a:p>
                      <a:pPr algn="ctr"/>
                      <a:r>
                        <a:rPr kumimoji="1" lang="ja-JP" altLang="en-US" sz="1000" dirty="0" smtClean="0">
                          <a:solidFill>
                            <a:schemeClr val="tx1"/>
                          </a:solidFill>
                          <a:latin typeface="+mn-ea"/>
                          <a:ea typeface="+mn-ea"/>
                        </a:rPr>
                        <a:t>①</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阪神百貨店・新阪急ビル</a:t>
                      </a:r>
                      <a:endParaRPr kumimoji="1" lang="en-US" altLang="ja-JP" sz="1000" dirty="0" smtClean="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0">
                <a:tc>
                  <a:txBody>
                    <a:bodyPr/>
                    <a:lstStyle/>
                    <a:p>
                      <a:pPr algn="ctr"/>
                      <a:r>
                        <a:rPr kumimoji="1" lang="ja-JP" altLang="en-US" sz="1000" dirty="0" smtClean="0">
                          <a:solidFill>
                            <a:schemeClr val="tx1"/>
                          </a:solidFill>
                          <a:latin typeface="+mn-ea"/>
                          <a:ea typeface="+mn-ea"/>
                        </a:rPr>
                        <a:t>②</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淀屋橋</a:t>
                      </a:r>
                      <a:r>
                        <a:rPr kumimoji="1" lang="en-US" altLang="ja-JP" sz="1000" dirty="0" err="1" smtClean="0">
                          <a:solidFill>
                            <a:schemeClr val="tx1"/>
                          </a:solidFill>
                          <a:latin typeface="+mn-ea"/>
                          <a:ea typeface="+mn-ea"/>
                        </a:rPr>
                        <a:t>Odona</a:t>
                      </a:r>
                      <a:endParaRPr kumimoji="1" lang="en-US" altLang="ja-JP" sz="1000" dirty="0" smtClean="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0">
                <a:tc>
                  <a:txBody>
                    <a:bodyPr/>
                    <a:lstStyle/>
                    <a:p>
                      <a:pPr algn="ctr"/>
                      <a:r>
                        <a:rPr kumimoji="1" lang="ja-JP" altLang="en-US" sz="1000" dirty="0" smtClean="0">
                          <a:solidFill>
                            <a:schemeClr val="tx1"/>
                          </a:solidFill>
                          <a:latin typeface="+mn-ea"/>
                          <a:ea typeface="+mn-ea"/>
                        </a:rPr>
                        <a:t>③</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三菱東京</a:t>
                      </a:r>
                      <a:r>
                        <a:rPr kumimoji="1" lang="en-US" altLang="ja-JP" sz="1000" dirty="0" smtClean="0">
                          <a:solidFill>
                            <a:schemeClr val="tx1"/>
                          </a:solidFill>
                          <a:latin typeface="+mn-ea"/>
                          <a:ea typeface="+mn-ea"/>
                        </a:rPr>
                        <a:t>UFJ</a:t>
                      </a:r>
                      <a:r>
                        <a:rPr kumimoji="1" lang="ja-JP" altLang="en-US" sz="1000" dirty="0" smtClean="0">
                          <a:solidFill>
                            <a:schemeClr val="tx1"/>
                          </a:solidFill>
                          <a:latin typeface="+mn-ea"/>
                          <a:ea typeface="+mn-ea"/>
                        </a:rPr>
                        <a:t>銀行</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132576">
                <a:tc>
                  <a:txBody>
                    <a:bodyPr/>
                    <a:lstStyle/>
                    <a:p>
                      <a:pPr algn="ctr"/>
                      <a:r>
                        <a:rPr kumimoji="1" lang="ja-JP" altLang="en-US" sz="1000" dirty="0" smtClean="0">
                          <a:solidFill>
                            <a:schemeClr val="tx1"/>
                          </a:solidFill>
                          <a:latin typeface="+mn-ea"/>
                          <a:ea typeface="+mn-ea"/>
                        </a:rPr>
                        <a:t>④</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本町ガーデンシティ</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0">
                <a:tc>
                  <a:txBody>
                    <a:bodyPr/>
                    <a:lstStyle/>
                    <a:p>
                      <a:pPr algn="ctr"/>
                      <a:r>
                        <a:rPr kumimoji="1" lang="ja-JP" altLang="en-US" sz="1000" dirty="0" smtClean="0">
                          <a:solidFill>
                            <a:schemeClr val="tx1"/>
                          </a:solidFill>
                          <a:latin typeface="+mn-ea"/>
                          <a:ea typeface="+mn-ea"/>
                        </a:rPr>
                        <a:t>⑤</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000" dirty="0" smtClean="0">
                          <a:solidFill>
                            <a:schemeClr val="tx1"/>
                          </a:solidFill>
                          <a:latin typeface="+mn-ea"/>
                          <a:ea typeface="+mn-ea"/>
                        </a:rPr>
                        <a:t>大丸心斎橋店北館</a:t>
                      </a:r>
                      <a:endParaRPr kumimoji="1" lang="ja-JP" altLang="en-US" sz="100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grpSp>
        <p:nvGrpSpPr>
          <p:cNvPr id="8" name="グループ化 111"/>
          <p:cNvGrpSpPr/>
          <p:nvPr/>
        </p:nvGrpSpPr>
        <p:grpSpPr>
          <a:xfrm>
            <a:off x="5542826" y="548119"/>
            <a:ext cx="2743515" cy="6024103"/>
            <a:chOff x="5457056" y="620688"/>
            <a:chExt cx="2656322" cy="5832648"/>
          </a:xfrm>
        </p:grpSpPr>
        <p:pic>
          <p:nvPicPr>
            <p:cNvPr id="2" name="Picture 2"/>
            <p:cNvPicPr>
              <a:picLocks noChangeAspect="1" noChangeArrowheads="1"/>
            </p:cNvPicPr>
            <p:nvPr/>
          </p:nvPicPr>
          <p:blipFill>
            <a:blip r:embed="rId4" cstate="email"/>
            <a:srcRect/>
            <a:stretch>
              <a:fillRect/>
            </a:stretch>
          </p:blipFill>
          <p:spPr bwMode="auto">
            <a:xfrm>
              <a:off x="5457056" y="620688"/>
              <a:ext cx="2333060" cy="5832648"/>
            </a:xfrm>
            <a:prstGeom prst="rect">
              <a:avLst/>
            </a:prstGeom>
            <a:noFill/>
            <a:ln w="9525">
              <a:noFill/>
              <a:miter lim="800000"/>
              <a:headEnd/>
              <a:tailEnd/>
            </a:ln>
          </p:spPr>
        </p:pic>
        <p:sp>
          <p:nvSpPr>
            <p:cNvPr id="103" name="フリーフォーム 102"/>
            <p:cNvSpPr/>
            <p:nvPr/>
          </p:nvSpPr>
          <p:spPr>
            <a:xfrm>
              <a:off x="6816916" y="2670413"/>
              <a:ext cx="155384" cy="84537"/>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0 w 378246"/>
                <a:gd name="connsiteY0" fmla="*/ 133003 h 133003"/>
                <a:gd name="connsiteX1" fmla="*/ 378246 w 378246"/>
                <a:gd name="connsiteY1" fmla="*/ 0 h 133003"/>
                <a:gd name="connsiteX2" fmla="*/ 375071 w 378246"/>
                <a:gd name="connsiteY2" fmla="*/ 117475 h 133003"/>
                <a:gd name="connsiteX3" fmla="*/ 244896 w 378246"/>
                <a:gd name="connsiteY3" fmla="*/ 117475 h 133003"/>
                <a:gd name="connsiteX4" fmla="*/ 244896 w 378246"/>
                <a:gd name="connsiteY4" fmla="*/ 117475 h 133003"/>
                <a:gd name="connsiteX5" fmla="*/ 244896 w 378246"/>
                <a:gd name="connsiteY5" fmla="*/ 117475 h 133003"/>
                <a:gd name="connsiteX6" fmla="*/ 244896 w 378246"/>
                <a:gd name="connsiteY6" fmla="*/ 117475 h 133003"/>
                <a:gd name="connsiteX7" fmla="*/ 0 w 378246"/>
                <a:gd name="connsiteY7" fmla="*/ 133003 h 133003"/>
                <a:gd name="connsiteX0" fmla="*/ 422 w 378668"/>
                <a:gd name="connsiteY0" fmla="*/ 133003 h 242416"/>
                <a:gd name="connsiteX1" fmla="*/ 0 w 378668"/>
                <a:gd name="connsiteY1" fmla="*/ 242416 h 242416"/>
                <a:gd name="connsiteX2" fmla="*/ 378668 w 378668"/>
                <a:gd name="connsiteY2" fmla="*/ 0 h 242416"/>
                <a:gd name="connsiteX3" fmla="*/ 375493 w 378668"/>
                <a:gd name="connsiteY3" fmla="*/ 117475 h 242416"/>
                <a:gd name="connsiteX4" fmla="*/ 245318 w 378668"/>
                <a:gd name="connsiteY4" fmla="*/ 117475 h 242416"/>
                <a:gd name="connsiteX5" fmla="*/ 245318 w 378668"/>
                <a:gd name="connsiteY5" fmla="*/ 117475 h 242416"/>
                <a:gd name="connsiteX6" fmla="*/ 245318 w 378668"/>
                <a:gd name="connsiteY6" fmla="*/ 117475 h 242416"/>
                <a:gd name="connsiteX7" fmla="*/ 245318 w 378668"/>
                <a:gd name="connsiteY7" fmla="*/ 117475 h 242416"/>
                <a:gd name="connsiteX8" fmla="*/ 422 w 378668"/>
                <a:gd name="connsiteY8" fmla="*/ 133003 h 242416"/>
                <a:gd name="connsiteX0" fmla="*/ 422 w 378668"/>
                <a:gd name="connsiteY0" fmla="*/ 133003 h 242539"/>
                <a:gd name="connsiteX1" fmla="*/ 0 w 378668"/>
                <a:gd name="connsiteY1" fmla="*/ 242416 h 242539"/>
                <a:gd name="connsiteX2" fmla="*/ 65509 w 378668"/>
                <a:gd name="connsiteY2" fmla="*/ 242539 h 242539"/>
                <a:gd name="connsiteX3" fmla="*/ 378668 w 378668"/>
                <a:gd name="connsiteY3" fmla="*/ 0 h 242539"/>
                <a:gd name="connsiteX4" fmla="*/ 375493 w 378668"/>
                <a:gd name="connsiteY4" fmla="*/ 117475 h 242539"/>
                <a:gd name="connsiteX5" fmla="*/ 245318 w 378668"/>
                <a:gd name="connsiteY5" fmla="*/ 117475 h 242539"/>
                <a:gd name="connsiteX6" fmla="*/ 245318 w 378668"/>
                <a:gd name="connsiteY6" fmla="*/ 117475 h 242539"/>
                <a:gd name="connsiteX7" fmla="*/ 245318 w 378668"/>
                <a:gd name="connsiteY7" fmla="*/ 117475 h 242539"/>
                <a:gd name="connsiteX8" fmla="*/ 245318 w 378668"/>
                <a:gd name="connsiteY8" fmla="*/ 117475 h 242539"/>
                <a:gd name="connsiteX9" fmla="*/ 422 w 378668"/>
                <a:gd name="connsiteY9" fmla="*/ 133003 h 242539"/>
                <a:gd name="connsiteX0" fmla="*/ 422 w 378668"/>
                <a:gd name="connsiteY0" fmla="*/ 133003 h 242539"/>
                <a:gd name="connsiteX1" fmla="*/ 0 w 378668"/>
                <a:gd name="connsiteY1" fmla="*/ 242416 h 242539"/>
                <a:gd name="connsiteX2" fmla="*/ 65509 w 378668"/>
                <a:gd name="connsiteY2" fmla="*/ 242539 h 242539"/>
                <a:gd name="connsiteX3" fmla="*/ 67890 w 378668"/>
                <a:gd name="connsiteY3" fmla="*/ 133002 h 242539"/>
                <a:gd name="connsiteX4" fmla="*/ 378668 w 378668"/>
                <a:gd name="connsiteY4" fmla="*/ 0 h 242539"/>
                <a:gd name="connsiteX5" fmla="*/ 375493 w 378668"/>
                <a:gd name="connsiteY5" fmla="*/ 117475 h 242539"/>
                <a:gd name="connsiteX6" fmla="*/ 245318 w 378668"/>
                <a:gd name="connsiteY6" fmla="*/ 117475 h 242539"/>
                <a:gd name="connsiteX7" fmla="*/ 245318 w 378668"/>
                <a:gd name="connsiteY7" fmla="*/ 117475 h 242539"/>
                <a:gd name="connsiteX8" fmla="*/ 245318 w 378668"/>
                <a:gd name="connsiteY8" fmla="*/ 117475 h 242539"/>
                <a:gd name="connsiteX9" fmla="*/ 245318 w 378668"/>
                <a:gd name="connsiteY9" fmla="*/ 117475 h 242539"/>
                <a:gd name="connsiteX10" fmla="*/ 422 w 378668"/>
                <a:gd name="connsiteY10" fmla="*/ 133003 h 242539"/>
                <a:gd name="connsiteX0" fmla="*/ 422 w 378668"/>
                <a:gd name="connsiteY0" fmla="*/ 133003 h 242539"/>
                <a:gd name="connsiteX1" fmla="*/ 0 w 378668"/>
                <a:gd name="connsiteY1" fmla="*/ 242416 h 242539"/>
                <a:gd name="connsiteX2" fmla="*/ 65509 w 378668"/>
                <a:gd name="connsiteY2" fmla="*/ 242539 h 242539"/>
                <a:gd name="connsiteX3" fmla="*/ 67890 w 378668"/>
                <a:gd name="connsiteY3" fmla="*/ 133002 h 242539"/>
                <a:gd name="connsiteX4" fmla="*/ 378668 w 378668"/>
                <a:gd name="connsiteY4" fmla="*/ 0 h 242539"/>
                <a:gd name="connsiteX5" fmla="*/ 375493 w 378668"/>
                <a:gd name="connsiteY5" fmla="*/ 117475 h 242539"/>
                <a:gd name="connsiteX6" fmla="*/ 245318 w 378668"/>
                <a:gd name="connsiteY6" fmla="*/ 117475 h 242539"/>
                <a:gd name="connsiteX7" fmla="*/ 245318 w 378668"/>
                <a:gd name="connsiteY7" fmla="*/ 117475 h 242539"/>
                <a:gd name="connsiteX8" fmla="*/ 245318 w 378668"/>
                <a:gd name="connsiteY8" fmla="*/ 117475 h 242539"/>
                <a:gd name="connsiteX9" fmla="*/ 422 w 378668"/>
                <a:gd name="connsiteY9" fmla="*/ 133003 h 242539"/>
                <a:gd name="connsiteX0" fmla="*/ 422 w 408239"/>
                <a:gd name="connsiteY0" fmla="*/ 135591 h 245127"/>
                <a:gd name="connsiteX1" fmla="*/ 0 w 408239"/>
                <a:gd name="connsiteY1" fmla="*/ 245004 h 245127"/>
                <a:gd name="connsiteX2" fmla="*/ 65509 w 408239"/>
                <a:gd name="connsiteY2" fmla="*/ 245127 h 245127"/>
                <a:gd name="connsiteX3" fmla="*/ 67890 w 408239"/>
                <a:gd name="connsiteY3" fmla="*/ 135590 h 245127"/>
                <a:gd name="connsiteX4" fmla="*/ 378668 w 408239"/>
                <a:gd name="connsiteY4" fmla="*/ 2588 h 245127"/>
                <a:gd name="connsiteX5" fmla="*/ 245318 w 408239"/>
                <a:gd name="connsiteY5" fmla="*/ 120063 h 245127"/>
                <a:gd name="connsiteX6" fmla="*/ 245318 w 408239"/>
                <a:gd name="connsiteY6" fmla="*/ 120063 h 245127"/>
                <a:gd name="connsiteX7" fmla="*/ 245318 w 408239"/>
                <a:gd name="connsiteY7" fmla="*/ 120063 h 245127"/>
                <a:gd name="connsiteX8" fmla="*/ 422 w 408239"/>
                <a:gd name="connsiteY8" fmla="*/ 135591 h 245127"/>
                <a:gd name="connsiteX0" fmla="*/ 422 w 408239"/>
                <a:gd name="connsiteY0" fmla="*/ 135591 h 245127"/>
                <a:gd name="connsiteX1" fmla="*/ 0 w 408239"/>
                <a:gd name="connsiteY1" fmla="*/ 245004 h 245127"/>
                <a:gd name="connsiteX2" fmla="*/ 65509 w 408239"/>
                <a:gd name="connsiteY2" fmla="*/ 245127 h 245127"/>
                <a:gd name="connsiteX3" fmla="*/ 67890 w 408239"/>
                <a:gd name="connsiteY3" fmla="*/ 135590 h 245127"/>
                <a:gd name="connsiteX4" fmla="*/ 378668 w 408239"/>
                <a:gd name="connsiteY4" fmla="*/ 2588 h 245127"/>
                <a:gd name="connsiteX5" fmla="*/ 245318 w 408239"/>
                <a:gd name="connsiteY5" fmla="*/ 120063 h 245127"/>
                <a:gd name="connsiteX6" fmla="*/ 245318 w 408239"/>
                <a:gd name="connsiteY6" fmla="*/ 120063 h 245127"/>
                <a:gd name="connsiteX7" fmla="*/ 422 w 408239"/>
                <a:gd name="connsiteY7" fmla="*/ 135591 h 245127"/>
                <a:gd name="connsiteX0" fmla="*/ 422 w 408239"/>
                <a:gd name="connsiteY0" fmla="*/ 135591 h 245127"/>
                <a:gd name="connsiteX1" fmla="*/ 0 w 408239"/>
                <a:gd name="connsiteY1" fmla="*/ 245004 h 245127"/>
                <a:gd name="connsiteX2" fmla="*/ 65509 w 408239"/>
                <a:gd name="connsiteY2" fmla="*/ 245127 h 245127"/>
                <a:gd name="connsiteX3" fmla="*/ 67890 w 408239"/>
                <a:gd name="connsiteY3" fmla="*/ 135590 h 245127"/>
                <a:gd name="connsiteX4" fmla="*/ 378668 w 408239"/>
                <a:gd name="connsiteY4" fmla="*/ 2588 h 245127"/>
                <a:gd name="connsiteX5" fmla="*/ 245318 w 408239"/>
                <a:gd name="connsiteY5" fmla="*/ 120063 h 245127"/>
                <a:gd name="connsiteX6" fmla="*/ 422 w 408239"/>
                <a:gd name="connsiteY6" fmla="*/ 135591 h 245127"/>
                <a:gd name="connsiteX0" fmla="*/ 422 w 245318"/>
                <a:gd name="connsiteY0" fmla="*/ 15528 h 125064"/>
                <a:gd name="connsiteX1" fmla="*/ 0 w 245318"/>
                <a:gd name="connsiteY1" fmla="*/ 124941 h 125064"/>
                <a:gd name="connsiteX2" fmla="*/ 65509 w 245318"/>
                <a:gd name="connsiteY2" fmla="*/ 125064 h 125064"/>
                <a:gd name="connsiteX3" fmla="*/ 67890 w 245318"/>
                <a:gd name="connsiteY3" fmla="*/ 15527 h 125064"/>
                <a:gd name="connsiteX4" fmla="*/ 245318 w 245318"/>
                <a:gd name="connsiteY4" fmla="*/ 0 h 125064"/>
                <a:gd name="connsiteX5" fmla="*/ 422 w 245318"/>
                <a:gd name="connsiteY5" fmla="*/ 15528 h 125064"/>
                <a:gd name="connsiteX0" fmla="*/ 422 w 67890"/>
                <a:gd name="connsiteY0" fmla="*/ 1 h 109537"/>
                <a:gd name="connsiteX1" fmla="*/ 0 w 67890"/>
                <a:gd name="connsiteY1" fmla="*/ 109414 h 109537"/>
                <a:gd name="connsiteX2" fmla="*/ 65509 w 67890"/>
                <a:gd name="connsiteY2" fmla="*/ 109537 h 109537"/>
                <a:gd name="connsiteX3" fmla="*/ 67890 w 67890"/>
                <a:gd name="connsiteY3" fmla="*/ 0 h 109537"/>
                <a:gd name="connsiteX4" fmla="*/ 422 w 67890"/>
                <a:gd name="connsiteY4" fmla="*/ 1 h 109537"/>
                <a:gd name="connsiteX0" fmla="*/ 422 w 78750"/>
                <a:gd name="connsiteY0" fmla="*/ 1 h 109537"/>
                <a:gd name="connsiteX1" fmla="*/ 0 w 78750"/>
                <a:gd name="connsiteY1" fmla="*/ 109414 h 109537"/>
                <a:gd name="connsiteX2" fmla="*/ 65509 w 78750"/>
                <a:gd name="connsiteY2" fmla="*/ 109537 h 109537"/>
                <a:gd name="connsiteX3" fmla="*/ 65577 w 78750"/>
                <a:gd name="connsiteY3" fmla="*/ 60376 h 109537"/>
                <a:gd name="connsiteX4" fmla="*/ 67890 w 78750"/>
                <a:gd name="connsiteY4" fmla="*/ 0 h 109537"/>
                <a:gd name="connsiteX5" fmla="*/ 422 w 78750"/>
                <a:gd name="connsiteY5" fmla="*/ 1 h 109537"/>
                <a:gd name="connsiteX0" fmla="*/ 422 w 76438"/>
                <a:gd name="connsiteY0" fmla="*/ 1 h 109537"/>
                <a:gd name="connsiteX1" fmla="*/ 0 w 76438"/>
                <a:gd name="connsiteY1" fmla="*/ 109414 h 109537"/>
                <a:gd name="connsiteX2" fmla="*/ 65509 w 76438"/>
                <a:gd name="connsiteY2" fmla="*/ 109537 h 109537"/>
                <a:gd name="connsiteX3" fmla="*/ 65577 w 76438"/>
                <a:gd name="connsiteY3" fmla="*/ 60376 h 109537"/>
                <a:gd name="connsiteX4" fmla="*/ 67890 w 76438"/>
                <a:gd name="connsiteY4" fmla="*/ 0 h 109537"/>
                <a:gd name="connsiteX5" fmla="*/ 422 w 76438"/>
                <a:gd name="connsiteY5" fmla="*/ 1 h 109537"/>
                <a:gd name="connsiteX0" fmla="*/ 422 w 77467"/>
                <a:gd name="connsiteY0" fmla="*/ 1 h 151394"/>
                <a:gd name="connsiteX1" fmla="*/ 0 w 77467"/>
                <a:gd name="connsiteY1" fmla="*/ 109414 h 151394"/>
                <a:gd name="connsiteX2" fmla="*/ 65509 w 77467"/>
                <a:gd name="connsiteY2" fmla="*/ 109537 h 151394"/>
                <a:gd name="connsiteX3" fmla="*/ 10744 w 77467"/>
                <a:gd name="connsiteY3" fmla="*/ 143201 h 151394"/>
                <a:gd name="connsiteX4" fmla="*/ 65577 w 77467"/>
                <a:gd name="connsiteY4" fmla="*/ 60376 h 151394"/>
                <a:gd name="connsiteX5" fmla="*/ 67890 w 77467"/>
                <a:gd name="connsiteY5" fmla="*/ 0 h 151394"/>
                <a:gd name="connsiteX6" fmla="*/ 422 w 77467"/>
                <a:gd name="connsiteY6" fmla="*/ 1 h 151394"/>
                <a:gd name="connsiteX0" fmla="*/ 422 w 204432"/>
                <a:gd name="connsiteY0" fmla="*/ 1 h 109537"/>
                <a:gd name="connsiteX1" fmla="*/ 0 w 204432"/>
                <a:gd name="connsiteY1" fmla="*/ 109414 h 109537"/>
                <a:gd name="connsiteX2" fmla="*/ 65509 w 204432"/>
                <a:gd name="connsiteY2" fmla="*/ 109537 h 109537"/>
                <a:gd name="connsiteX3" fmla="*/ 204422 w 204432"/>
                <a:gd name="connsiteY3" fmla="*/ 66547 h 109537"/>
                <a:gd name="connsiteX4" fmla="*/ 65577 w 204432"/>
                <a:gd name="connsiteY4" fmla="*/ 60376 h 109537"/>
                <a:gd name="connsiteX5" fmla="*/ 67890 w 204432"/>
                <a:gd name="connsiteY5" fmla="*/ 0 h 109537"/>
                <a:gd name="connsiteX6" fmla="*/ 422 w 204432"/>
                <a:gd name="connsiteY6" fmla="*/ 1 h 109537"/>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227049"/>
                <a:gd name="connsiteY0" fmla="*/ 1 h 113823"/>
                <a:gd name="connsiteX1" fmla="*/ 0 w 227049"/>
                <a:gd name="connsiteY1" fmla="*/ 109414 h 113823"/>
                <a:gd name="connsiteX2" fmla="*/ 65509 w 227049"/>
                <a:gd name="connsiteY2" fmla="*/ 109537 h 113823"/>
                <a:gd name="connsiteX3" fmla="*/ 201336 w 227049"/>
                <a:gd name="connsiteY3" fmla="*/ 106658 h 113823"/>
                <a:gd name="connsiteX4" fmla="*/ 204422 w 227049"/>
                <a:gd name="connsiteY4" fmla="*/ 66547 h 113823"/>
                <a:gd name="connsiteX5" fmla="*/ 65577 w 227049"/>
                <a:gd name="connsiteY5" fmla="*/ 60376 h 113823"/>
                <a:gd name="connsiteX6" fmla="*/ 67890 w 227049"/>
                <a:gd name="connsiteY6" fmla="*/ 0 h 113823"/>
                <a:gd name="connsiteX7" fmla="*/ 422 w 227049"/>
                <a:gd name="connsiteY7" fmla="*/ 1 h 113823"/>
                <a:gd name="connsiteX0" fmla="*/ 422 w 313280"/>
                <a:gd name="connsiteY0" fmla="*/ 144423 h 292120"/>
                <a:gd name="connsiteX1" fmla="*/ 0 w 313280"/>
                <a:gd name="connsiteY1" fmla="*/ 253836 h 292120"/>
                <a:gd name="connsiteX2" fmla="*/ 65509 w 313280"/>
                <a:gd name="connsiteY2" fmla="*/ 253959 h 292120"/>
                <a:gd name="connsiteX3" fmla="*/ 201336 w 313280"/>
                <a:gd name="connsiteY3" fmla="*/ 251080 h 292120"/>
                <a:gd name="connsiteX4" fmla="*/ 290653 w 313280"/>
                <a:gd name="connsiteY4" fmla="*/ 7715 h 292120"/>
                <a:gd name="connsiteX5" fmla="*/ 65577 w 313280"/>
                <a:gd name="connsiteY5" fmla="*/ 204798 h 292120"/>
                <a:gd name="connsiteX6" fmla="*/ 67890 w 313280"/>
                <a:gd name="connsiteY6" fmla="*/ 144422 h 292120"/>
                <a:gd name="connsiteX7" fmla="*/ 422 w 313280"/>
                <a:gd name="connsiteY7" fmla="*/ 144423 h 292120"/>
                <a:gd name="connsiteX0" fmla="*/ 422 w 290653"/>
                <a:gd name="connsiteY0" fmla="*/ 144422 h 292120"/>
                <a:gd name="connsiteX1" fmla="*/ 0 w 290653"/>
                <a:gd name="connsiteY1" fmla="*/ 253835 h 292120"/>
                <a:gd name="connsiteX2" fmla="*/ 65509 w 290653"/>
                <a:gd name="connsiteY2" fmla="*/ 253958 h 292120"/>
                <a:gd name="connsiteX3" fmla="*/ 201336 w 290653"/>
                <a:gd name="connsiteY3" fmla="*/ 251079 h 292120"/>
                <a:gd name="connsiteX4" fmla="*/ 290653 w 290653"/>
                <a:gd name="connsiteY4" fmla="*/ 7714 h 292120"/>
                <a:gd name="connsiteX5" fmla="*/ 65577 w 290653"/>
                <a:gd name="connsiteY5" fmla="*/ 204797 h 292120"/>
                <a:gd name="connsiteX6" fmla="*/ 67890 w 290653"/>
                <a:gd name="connsiteY6" fmla="*/ 144421 h 292120"/>
                <a:gd name="connsiteX7" fmla="*/ 422 w 290653"/>
                <a:gd name="connsiteY7" fmla="*/ 144422 h 292120"/>
                <a:gd name="connsiteX0" fmla="*/ 422 w 290653"/>
                <a:gd name="connsiteY0" fmla="*/ 144422 h 253958"/>
                <a:gd name="connsiteX1" fmla="*/ 0 w 290653"/>
                <a:gd name="connsiteY1" fmla="*/ 253835 h 253958"/>
                <a:gd name="connsiteX2" fmla="*/ 65509 w 290653"/>
                <a:gd name="connsiteY2" fmla="*/ 253958 h 253958"/>
                <a:gd name="connsiteX3" fmla="*/ 201336 w 290653"/>
                <a:gd name="connsiteY3" fmla="*/ 251079 h 253958"/>
                <a:gd name="connsiteX4" fmla="*/ 290653 w 290653"/>
                <a:gd name="connsiteY4" fmla="*/ 7714 h 253958"/>
                <a:gd name="connsiteX5" fmla="*/ 65577 w 290653"/>
                <a:gd name="connsiteY5" fmla="*/ 204797 h 253958"/>
                <a:gd name="connsiteX6" fmla="*/ 67890 w 290653"/>
                <a:gd name="connsiteY6" fmla="*/ 144421 h 253958"/>
                <a:gd name="connsiteX7" fmla="*/ 422 w 290653"/>
                <a:gd name="connsiteY7" fmla="*/ 144422 h 253958"/>
                <a:gd name="connsiteX0" fmla="*/ 422 w 290653"/>
                <a:gd name="connsiteY0" fmla="*/ 136709 h 246245"/>
                <a:gd name="connsiteX1" fmla="*/ 0 w 290653"/>
                <a:gd name="connsiteY1" fmla="*/ 246122 h 246245"/>
                <a:gd name="connsiteX2" fmla="*/ 65509 w 290653"/>
                <a:gd name="connsiteY2" fmla="*/ 246245 h 246245"/>
                <a:gd name="connsiteX3" fmla="*/ 201336 w 290653"/>
                <a:gd name="connsiteY3" fmla="*/ 243366 h 246245"/>
                <a:gd name="connsiteX4" fmla="*/ 290653 w 290653"/>
                <a:gd name="connsiteY4" fmla="*/ 1 h 246245"/>
                <a:gd name="connsiteX5" fmla="*/ 65577 w 290653"/>
                <a:gd name="connsiteY5" fmla="*/ 197084 h 246245"/>
                <a:gd name="connsiteX6" fmla="*/ 67890 w 290653"/>
                <a:gd name="connsiteY6" fmla="*/ 136708 h 246245"/>
                <a:gd name="connsiteX7" fmla="*/ 422 w 290653"/>
                <a:gd name="connsiteY7" fmla="*/ 136709 h 246245"/>
                <a:gd name="connsiteX0" fmla="*/ 422 w 201337"/>
                <a:gd name="connsiteY0" fmla="*/ 1 h 109537"/>
                <a:gd name="connsiteX1" fmla="*/ 0 w 201337"/>
                <a:gd name="connsiteY1" fmla="*/ 109414 h 109537"/>
                <a:gd name="connsiteX2" fmla="*/ 65509 w 201337"/>
                <a:gd name="connsiteY2" fmla="*/ 109537 h 109537"/>
                <a:gd name="connsiteX3" fmla="*/ 201336 w 201337"/>
                <a:gd name="connsiteY3" fmla="*/ 106658 h 109537"/>
                <a:gd name="connsiteX4" fmla="*/ 198250 w 201337"/>
                <a:gd name="connsiteY4" fmla="*/ 57291 h 109537"/>
                <a:gd name="connsiteX5" fmla="*/ 65577 w 201337"/>
                <a:gd name="connsiteY5" fmla="*/ 60376 h 109537"/>
                <a:gd name="connsiteX6" fmla="*/ 67890 w 201337"/>
                <a:gd name="connsiteY6" fmla="*/ 0 h 109537"/>
                <a:gd name="connsiteX7" fmla="*/ 422 w 201337"/>
                <a:gd name="connsiteY7" fmla="*/ 1 h 10953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01337" h="109537">
                  <a:moveTo>
                    <a:pt x="422" y="1"/>
                  </a:moveTo>
                  <a:cubicBezTo>
                    <a:pt x="281" y="36472"/>
                    <a:pt x="141" y="72943"/>
                    <a:pt x="0" y="109414"/>
                  </a:cubicBezTo>
                  <a:lnTo>
                    <a:pt x="65509" y="109537"/>
                  </a:lnTo>
                  <a:lnTo>
                    <a:pt x="201336" y="106658"/>
                  </a:lnTo>
                  <a:lnTo>
                    <a:pt x="198250" y="57291"/>
                  </a:lnTo>
                  <a:lnTo>
                    <a:pt x="65577" y="60376"/>
                  </a:lnTo>
                  <a:lnTo>
                    <a:pt x="67890" y="0"/>
                  </a:lnTo>
                  <a:lnTo>
                    <a:pt x="422" y="1"/>
                  </a:ln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3" name="フリーフォーム 112"/>
            <p:cNvSpPr/>
            <p:nvPr/>
          </p:nvSpPr>
          <p:spPr>
            <a:xfrm>
              <a:off x="6362702" y="1099119"/>
              <a:ext cx="261936" cy="143894"/>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 name="connsiteX0" fmla="*/ 0 w 280966"/>
                <a:gd name="connsiteY0" fmla="*/ 0 h 186605"/>
                <a:gd name="connsiteX1" fmla="*/ 133390 w 280966"/>
                <a:gd name="connsiteY1" fmla="*/ 764 h 186605"/>
                <a:gd name="connsiteX2" fmla="*/ 279908 w 280966"/>
                <a:gd name="connsiteY2" fmla="*/ 186605 h 186605"/>
                <a:gd name="connsiteX3" fmla="*/ 40 w 280966"/>
                <a:gd name="connsiteY3" fmla="*/ 118239 h 186605"/>
                <a:gd name="connsiteX4" fmla="*/ 40 w 280966"/>
                <a:gd name="connsiteY4" fmla="*/ 118239 h 186605"/>
                <a:gd name="connsiteX5" fmla="*/ 40 w 280966"/>
                <a:gd name="connsiteY5" fmla="*/ 118239 h 186605"/>
                <a:gd name="connsiteX6" fmla="*/ 40 w 280966"/>
                <a:gd name="connsiteY6" fmla="*/ 118239 h 186605"/>
                <a:gd name="connsiteX7" fmla="*/ 0 w 280966"/>
                <a:gd name="connsiteY7" fmla="*/ 0 h 186605"/>
                <a:gd name="connsiteX0" fmla="*/ 0 w 279907"/>
                <a:gd name="connsiteY0" fmla="*/ 0 h 186605"/>
                <a:gd name="connsiteX1" fmla="*/ 133390 w 279907"/>
                <a:gd name="connsiteY1" fmla="*/ 764 h 186605"/>
                <a:gd name="connsiteX2" fmla="*/ 279908 w 279907"/>
                <a:gd name="connsiteY2" fmla="*/ 186605 h 186605"/>
                <a:gd name="connsiteX3" fmla="*/ 40 w 279907"/>
                <a:gd name="connsiteY3" fmla="*/ 118239 h 186605"/>
                <a:gd name="connsiteX4" fmla="*/ 40 w 279907"/>
                <a:gd name="connsiteY4" fmla="*/ 118239 h 186605"/>
                <a:gd name="connsiteX5" fmla="*/ 40 w 279907"/>
                <a:gd name="connsiteY5" fmla="*/ 118239 h 186605"/>
                <a:gd name="connsiteX6" fmla="*/ 40 w 279907"/>
                <a:gd name="connsiteY6" fmla="*/ 118239 h 186605"/>
                <a:gd name="connsiteX7" fmla="*/ 0 w 279907"/>
                <a:gd name="connsiteY7" fmla="*/ 0 h 186605"/>
                <a:gd name="connsiteX0" fmla="*/ 0 w 199590"/>
                <a:gd name="connsiteY0" fmla="*/ 0 h 118239"/>
                <a:gd name="connsiteX1" fmla="*/ 133390 w 199590"/>
                <a:gd name="connsiteY1" fmla="*/ 764 h 118239"/>
                <a:gd name="connsiteX2" fmla="*/ 199590 w 199590"/>
                <a:gd name="connsiteY2" fmla="*/ 19830 h 118239"/>
                <a:gd name="connsiteX3" fmla="*/ 40 w 199590"/>
                <a:gd name="connsiteY3" fmla="*/ 118239 h 118239"/>
                <a:gd name="connsiteX4" fmla="*/ 40 w 199590"/>
                <a:gd name="connsiteY4" fmla="*/ 118239 h 118239"/>
                <a:gd name="connsiteX5" fmla="*/ 40 w 199590"/>
                <a:gd name="connsiteY5" fmla="*/ 118239 h 118239"/>
                <a:gd name="connsiteX6" fmla="*/ 40 w 199590"/>
                <a:gd name="connsiteY6" fmla="*/ 118239 h 118239"/>
                <a:gd name="connsiteX7" fmla="*/ 0 w 199590"/>
                <a:gd name="connsiteY7" fmla="*/ 0 h 118239"/>
                <a:gd name="connsiteX0" fmla="*/ 0 w 199590"/>
                <a:gd name="connsiteY0" fmla="*/ 0 h 118239"/>
                <a:gd name="connsiteX1" fmla="*/ 167330 w 199590"/>
                <a:gd name="connsiteY1" fmla="*/ 10020 h 118239"/>
                <a:gd name="connsiteX2" fmla="*/ 199590 w 199590"/>
                <a:gd name="connsiteY2" fmla="*/ 19830 h 118239"/>
                <a:gd name="connsiteX3" fmla="*/ 40 w 199590"/>
                <a:gd name="connsiteY3" fmla="*/ 118239 h 118239"/>
                <a:gd name="connsiteX4" fmla="*/ 40 w 199590"/>
                <a:gd name="connsiteY4" fmla="*/ 118239 h 118239"/>
                <a:gd name="connsiteX5" fmla="*/ 40 w 199590"/>
                <a:gd name="connsiteY5" fmla="*/ 118239 h 118239"/>
                <a:gd name="connsiteX6" fmla="*/ 40 w 199590"/>
                <a:gd name="connsiteY6" fmla="*/ 118239 h 118239"/>
                <a:gd name="connsiteX7" fmla="*/ 0 w 199590"/>
                <a:gd name="connsiteY7" fmla="*/ 0 h 118239"/>
                <a:gd name="connsiteX0" fmla="*/ 0 w 199590"/>
                <a:gd name="connsiteY0" fmla="*/ 41879 h 160118"/>
                <a:gd name="connsiteX1" fmla="*/ 147139 w 199590"/>
                <a:gd name="connsiteY1" fmla="*/ 0 h 160118"/>
                <a:gd name="connsiteX2" fmla="*/ 167330 w 199590"/>
                <a:gd name="connsiteY2" fmla="*/ 51899 h 160118"/>
                <a:gd name="connsiteX3" fmla="*/ 199590 w 199590"/>
                <a:gd name="connsiteY3" fmla="*/ 61709 h 160118"/>
                <a:gd name="connsiteX4" fmla="*/ 40 w 199590"/>
                <a:gd name="connsiteY4" fmla="*/ 160118 h 160118"/>
                <a:gd name="connsiteX5" fmla="*/ 40 w 199590"/>
                <a:gd name="connsiteY5" fmla="*/ 160118 h 160118"/>
                <a:gd name="connsiteX6" fmla="*/ 40 w 199590"/>
                <a:gd name="connsiteY6" fmla="*/ 160118 h 160118"/>
                <a:gd name="connsiteX7" fmla="*/ 40 w 199590"/>
                <a:gd name="connsiteY7" fmla="*/ 160118 h 160118"/>
                <a:gd name="connsiteX8" fmla="*/ 0 w 199590"/>
                <a:gd name="connsiteY8" fmla="*/ 41879 h 160118"/>
                <a:gd name="connsiteX0" fmla="*/ 283835 w 283847"/>
                <a:gd name="connsiteY0" fmla="*/ 0 h 244743"/>
                <a:gd name="connsiteX1" fmla="*/ 147112 w 283847"/>
                <a:gd name="connsiteY1" fmla="*/ 84625 h 244743"/>
                <a:gd name="connsiteX2" fmla="*/ 167303 w 283847"/>
                <a:gd name="connsiteY2" fmla="*/ 136524 h 244743"/>
                <a:gd name="connsiteX3" fmla="*/ 199563 w 283847"/>
                <a:gd name="connsiteY3" fmla="*/ 146334 h 244743"/>
                <a:gd name="connsiteX4" fmla="*/ 13 w 283847"/>
                <a:gd name="connsiteY4" fmla="*/ 244743 h 244743"/>
                <a:gd name="connsiteX5" fmla="*/ 13 w 283847"/>
                <a:gd name="connsiteY5" fmla="*/ 244743 h 244743"/>
                <a:gd name="connsiteX6" fmla="*/ 13 w 283847"/>
                <a:gd name="connsiteY6" fmla="*/ 244743 h 244743"/>
                <a:gd name="connsiteX7" fmla="*/ 13 w 283847"/>
                <a:gd name="connsiteY7" fmla="*/ 244743 h 244743"/>
                <a:gd name="connsiteX8" fmla="*/ 283835 w 283847"/>
                <a:gd name="connsiteY8" fmla="*/ 0 h 244743"/>
                <a:gd name="connsiteX0" fmla="*/ 283822 w 283822"/>
                <a:gd name="connsiteY0" fmla="*/ 0 h 244743"/>
                <a:gd name="connsiteX1" fmla="*/ 147099 w 283822"/>
                <a:gd name="connsiteY1" fmla="*/ 84625 h 244743"/>
                <a:gd name="connsiteX2" fmla="*/ 167290 w 283822"/>
                <a:gd name="connsiteY2" fmla="*/ 136524 h 244743"/>
                <a:gd name="connsiteX3" fmla="*/ 199550 w 283822"/>
                <a:gd name="connsiteY3" fmla="*/ 146334 h 244743"/>
                <a:gd name="connsiteX4" fmla="*/ 0 w 283822"/>
                <a:gd name="connsiteY4" fmla="*/ 244743 h 244743"/>
                <a:gd name="connsiteX5" fmla="*/ 0 w 283822"/>
                <a:gd name="connsiteY5" fmla="*/ 244743 h 244743"/>
                <a:gd name="connsiteX6" fmla="*/ 0 w 283822"/>
                <a:gd name="connsiteY6" fmla="*/ 244743 h 244743"/>
                <a:gd name="connsiteX7" fmla="*/ 0 w 283822"/>
                <a:gd name="connsiteY7" fmla="*/ 244743 h 244743"/>
                <a:gd name="connsiteX8" fmla="*/ 283822 w 283822"/>
                <a:gd name="connsiteY8" fmla="*/ 0 h 244743"/>
                <a:gd name="connsiteX0" fmla="*/ 283822 w 333608"/>
                <a:gd name="connsiteY0" fmla="*/ 0 h 244743"/>
                <a:gd name="connsiteX1" fmla="*/ 147099 w 333608"/>
                <a:gd name="connsiteY1" fmla="*/ 84625 h 244743"/>
                <a:gd name="connsiteX2" fmla="*/ 167290 w 333608"/>
                <a:gd name="connsiteY2" fmla="*/ 136524 h 244743"/>
                <a:gd name="connsiteX3" fmla="*/ 199550 w 333608"/>
                <a:gd name="connsiteY3" fmla="*/ 146334 h 244743"/>
                <a:gd name="connsiteX4" fmla="*/ 0 w 333608"/>
                <a:gd name="connsiteY4" fmla="*/ 244743 h 244743"/>
                <a:gd name="connsiteX5" fmla="*/ 0 w 333608"/>
                <a:gd name="connsiteY5" fmla="*/ 244743 h 244743"/>
                <a:gd name="connsiteX6" fmla="*/ 0 w 333608"/>
                <a:gd name="connsiteY6" fmla="*/ 244743 h 244743"/>
                <a:gd name="connsiteX7" fmla="*/ 0 w 333608"/>
                <a:gd name="connsiteY7" fmla="*/ 244743 h 244743"/>
                <a:gd name="connsiteX8" fmla="*/ 333608 w 333608"/>
                <a:gd name="connsiteY8" fmla="*/ 1898 h 244743"/>
                <a:gd name="connsiteX9" fmla="*/ 283822 w 333608"/>
                <a:gd name="connsiteY9" fmla="*/ 0 h 244743"/>
                <a:gd name="connsiteX0" fmla="*/ 283822 w 393933"/>
                <a:gd name="connsiteY0" fmla="*/ 0 h 244743"/>
                <a:gd name="connsiteX1" fmla="*/ 147099 w 393933"/>
                <a:gd name="connsiteY1" fmla="*/ 84625 h 244743"/>
                <a:gd name="connsiteX2" fmla="*/ 167290 w 393933"/>
                <a:gd name="connsiteY2" fmla="*/ 136524 h 244743"/>
                <a:gd name="connsiteX3" fmla="*/ 199550 w 393933"/>
                <a:gd name="connsiteY3" fmla="*/ 146334 h 244743"/>
                <a:gd name="connsiteX4" fmla="*/ 0 w 393933"/>
                <a:gd name="connsiteY4" fmla="*/ 244743 h 244743"/>
                <a:gd name="connsiteX5" fmla="*/ 0 w 393933"/>
                <a:gd name="connsiteY5" fmla="*/ 244743 h 244743"/>
                <a:gd name="connsiteX6" fmla="*/ 0 w 393933"/>
                <a:gd name="connsiteY6" fmla="*/ 244743 h 244743"/>
                <a:gd name="connsiteX7" fmla="*/ 0 w 393933"/>
                <a:gd name="connsiteY7" fmla="*/ 244743 h 244743"/>
                <a:gd name="connsiteX8" fmla="*/ 393933 w 393933"/>
                <a:gd name="connsiteY8" fmla="*/ 41431 h 244743"/>
                <a:gd name="connsiteX9" fmla="*/ 333608 w 393933"/>
                <a:gd name="connsiteY9" fmla="*/ 1898 h 244743"/>
                <a:gd name="connsiteX10" fmla="*/ 283822 w 393933"/>
                <a:gd name="connsiteY10" fmla="*/ 0 h 244743"/>
                <a:gd name="connsiteX0" fmla="*/ 283822 w 393933"/>
                <a:gd name="connsiteY0" fmla="*/ 0 h 593018"/>
                <a:gd name="connsiteX1" fmla="*/ 147099 w 393933"/>
                <a:gd name="connsiteY1" fmla="*/ 84625 h 593018"/>
                <a:gd name="connsiteX2" fmla="*/ 167290 w 393933"/>
                <a:gd name="connsiteY2" fmla="*/ 136524 h 593018"/>
                <a:gd name="connsiteX3" fmla="*/ 199550 w 393933"/>
                <a:gd name="connsiteY3" fmla="*/ 146334 h 593018"/>
                <a:gd name="connsiteX4" fmla="*/ 0 w 393933"/>
                <a:gd name="connsiteY4" fmla="*/ 244743 h 593018"/>
                <a:gd name="connsiteX5" fmla="*/ 0 w 393933"/>
                <a:gd name="connsiteY5" fmla="*/ 244743 h 593018"/>
                <a:gd name="connsiteX6" fmla="*/ 0 w 393933"/>
                <a:gd name="connsiteY6" fmla="*/ 244743 h 593018"/>
                <a:gd name="connsiteX7" fmla="*/ 186565 w 393933"/>
                <a:gd name="connsiteY7" fmla="*/ 593018 h 593018"/>
                <a:gd name="connsiteX8" fmla="*/ 393933 w 393933"/>
                <a:gd name="connsiteY8" fmla="*/ 41431 h 593018"/>
                <a:gd name="connsiteX9" fmla="*/ 333608 w 393933"/>
                <a:gd name="connsiteY9" fmla="*/ 1898 h 593018"/>
                <a:gd name="connsiteX10" fmla="*/ 283822 w 393933"/>
                <a:gd name="connsiteY10" fmla="*/ 0 h 593018"/>
                <a:gd name="connsiteX0" fmla="*/ 283822 w 439379"/>
                <a:gd name="connsiteY0" fmla="*/ 0 h 593018"/>
                <a:gd name="connsiteX1" fmla="*/ 147099 w 439379"/>
                <a:gd name="connsiteY1" fmla="*/ 84625 h 593018"/>
                <a:gd name="connsiteX2" fmla="*/ 167290 w 439379"/>
                <a:gd name="connsiteY2" fmla="*/ 136524 h 593018"/>
                <a:gd name="connsiteX3" fmla="*/ 199550 w 439379"/>
                <a:gd name="connsiteY3" fmla="*/ 146334 h 593018"/>
                <a:gd name="connsiteX4" fmla="*/ 0 w 439379"/>
                <a:gd name="connsiteY4" fmla="*/ 244743 h 593018"/>
                <a:gd name="connsiteX5" fmla="*/ 0 w 439379"/>
                <a:gd name="connsiteY5" fmla="*/ 244743 h 593018"/>
                <a:gd name="connsiteX6" fmla="*/ 0 w 439379"/>
                <a:gd name="connsiteY6" fmla="*/ 244743 h 593018"/>
                <a:gd name="connsiteX7" fmla="*/ 186565 w 439379"/>
                <a:gd name="connsiteY7" fmla="*/ 593018 h 593018"/>
                <a:gd name="connsiteX8" fmla="*/ 439379 w 439379"/>
                <a:gd name="connsiteY8" fmla="*/ 85206 h 593018"/>
                <a:gd name="connsiteX9" fmla="*/ 393933 w 439379"/>
                <a:gd name="connsiteY9" fmla="*/ 41431 h 593018"/>
                <a:gd name="connsiteX10" fmla="*/ 333608 w 439379"/>
                <a:gd name="connsiteY10" fmla="*/ 1898 h 593018"/>
                <a:gd name="connsiteX11" fmla="*/ 283822 w 439379"/>
                <a:gd name="connsiteY11" fmla="*/ 0 h 593018"/>
                <a:gd name="connsiteX0" fmla="*/ 283822 w 450146"/>
                <a:gd name="connsiteY0" fmla="*/ 0 h 593018"/>
                <a:gd name="connsiteX1" fmla="*/ 147099 w 450146"/>
                <a:gd name="connsiteY1" fmla="*/ 84625 h 593018"/>
                <a:gd name="connsiteX2" fmla="*/ 167290 w 450146"/>
                <a:gd name="connsiteY2" fmla="*/ 136524 h 593018"/>
                <a:gd name="connsiteX3" fmla="*/ 199550 w 450146"/>
                <a:gd name="connsiteY3" fmla="*/ 146334 h 593018"/>
                <a:gd name="connsiteX4" fmla="*/ 0 w 450146"/>
                <a:gd name="connsiteY4" fmla="*/ 244743 h 593018"/>
                <a:gd name="connsiteX5" fmla="*/ 0 w 450146"/>
                <a:gd name="connsiteY5" fmla="*/ 244743 h 593018"/>
                <a:gd name="connsiteX6" fmla="*/ 0 w 450146"/>
                <a:gd name="connsiteY6" fmla="*/ 244743 h 593018"/>
                <a:gd name="connsiteX7" fmla="*/ 186565 w 450146"/>
                <a:gd name="connsiteY7" fmla="*/ 593018 h 593018"/>
                <a:gd name="connsiteX8" fmla="*/ 450146 w 450146"/>
                <a:gd name="connsiteY8" fmla="*/ 114292 h 593018"/>
                <a:gd name="connsiteX9" fmla="*/ 393933 w 450146"/>
                <a:gd name="connsiteY9" fmla="*/ 41431 h 593018"/>
                <a:gd name="connsiteX10" fmla="*/ 333608 w 450146"/>
                <a:gd name="connsiteY10" fmla="*/ 1898 h 593018"/>
                <a:gd name="connsiteX11" fmla="*/ 283822 w 450146"/>
                <a:gd name="connsiteY11" fmla="*/ 0 h 593018"/>
                <a:gd name="connsiteX0" fmla="*/ 283822 w 468658"/>
                <a:gd name="connsiteY0" fmla="*/ 0 h 593018"/>
                <a:gd name="connsiteX1" fmla="*/ 147099 w 468658"/>
                <a:gd name="connsiteY1" fmla="*/ 84625 h 593018"/>
                <a:gd name="connsiteX2" fmla="*/ 167290 w 468658"/>
                <a:gd name="connsiteY2" fmla="*/ 136524 h 593018"/>
                <a:gd name="connsiteX3" fmla="*/ 199550 w 468658"/>
                <a:gd name="connsiteY3" fmla="*/ 146334 h 593018"/>
                <a:gd name="connsiteX4" fmla="*/ 0 w 468658"/>
                <a:gd name="connsiteY4" fmla="*/ 244743 h 593018"/>
                <a:gd name="connsiteX5" fmla="*/ 0 w 468658"/>
                <a:gd name="connsiteY5" fmla="*/ 244743 h 593018"/>
                <a:gd name="connsiteX6" fmla="*/ 0 w 468658"/>
                <a:gd name="connsiteY6" fmla="*/ 244743 h 593018"/>
                <a:gd name="connsiteX7" fmla="*/ 186565 w 468658"/>
                <a:gd name="connsiteY7" fmla="*/ 593018 h 593018"/>
                <a:gd name="connsiteX8" fmla="*/ 468658 w 468658"/>
                <a:gd name="connsiteY8" fmla="*/ 120462 h 593018"/>
                <a:gd name="connsiteX9" fmla="*/ 393933 w 468658"/>
                <a:gd name="connsiteY9" fmla="*/ 41431 h 593018"/>
                <a:gd name="connsiteX10" fmla="*/ 333608 w 468658"/>
                <a:gd name="connsiteY10" fmla="*/ 1898 h 593018"/>
                <a:gd name="connsiteX11" fmla="*/ 283822 w 468658"/>
                <a:gd name="connsiteY11" fmla="*/ 0 h 593018"/>
                <a:gd name="connsiteX0" fmla="*/ 283822 w 486495"/>
                <a:gd name="connsiteY0" fmla="*/ 0 h 593018"/>
                <a:gd name="connsiteX1" fmla="*/ 147099 w 486495"/>
                <a:gd name="connsiteY1" fmla="*/ 84625 h 593018"/>
                <a:gd name="connsiteX2" fmla="*/ 167290 w 486495"/>
                <a:gd name="connsiteY2" fmla="*/ 136524 h 593018"/>
                <a:gd name="connsiteX3" fmla="*/ 199550 w 486495"/>
                <a:gd name="connsiteY3" fmla="*/ 146334 h 593018"/>
                <a:gd name="connsiteX4" fmla="*/ 0 w 486495"/>
                <a:gd name="connsiteY4" fmla="*/ 244743 h 593018"/>
                <a:gd name="connsiteX5" fmla="*/ 0 w 486495"/>
                <a:gd name="connsiteY5" fmla="*/ 244743 h 593018"/>
                <a:gd name="connsiteX6" fmla="*/ 0 w 486495"/>
                <a:gd name="connsiteY6" fmla="*/ 244743 h 593018"/>
                <a:gd name="connsiteX7" fmla="*/ 186565 w 486495"/>
                <a:gd name="connsiteY7" fmla="*/ 593018 h 593018"/>
                <a:gd name="connsiteX8" fmla="*/ 486495 w 486495"/>
                <a:gd name="connsiteY8" fmla="*/ 167934 h 593018"/>
                <a:gd name="connsiteX9" fmla="*/ 468658 w 486495"/>
                <a:gd name="connsiteY9" fmla="*/ 120462 h 593018"/>
                <a:gd name="connsiteX10" fmla="*/ 393933 w 486495"/>
                <a:gd name="connsiteY10" fmla="*/ 41431 h 593018"/>
                <a:gd name="connsiteX11" fmla="*/ 333608 w 486495"/>
                <a:gd name="connsiteY11" fmla="*/ 1898 h 593018"/>
                <a:gd name="connsiteX12" fmla="*/ 283822 w 486495"/>
                <a:gd name="connsiteY12" fmla="*/ 0 h 593018"/>
                <a:gd name="connsiteX0" fmla="*/ 283822 w 559773"/>
                <a:gd name="connsiteY0" fmla="*/ 153402 h 398145"/>
                <a:gd name="connsiteX1" fmla="*/ 147099 w 559773"/>
                <a:gd name="connsiteY1" fmla="*/ 238027 h 398145"/>
                <a:gd name="connsiteX2" fmla="*/ 167290 w 559773"/>
                <a:gd name="connsiteY2" fmla="*/ 289926 h 398145"/>
                <a:gd name="connsiteX3" fmla="*/ 199550 w 559773"/>
                <a:gd name="connsiteY3" fmla="*/ 299736 h 398145"/>
                <a:gd name="connsiteX4" fmla="*/ 0 w 559773"/>
                <a:gd name="connsiteY4" fmla="*/ 398145 h 398145"/>
                <a:gd name="connsiteX5" fmla="*/ 0 w 559773"/>
                <a:gd name="connsiteY5" fmla="*/ 398145 h 398145"/>
                <a:gd name="connsiteX6" fmla="*/ 0 w 559773"/>
                <a:gd name="connsiteY6" fmla="*/ 398145 h 398145"/>
                <a:gd name="connsiteX7" fmla="*/ 559773 w 559773"/>
                <a:gd name="connsiteY7" fmla="*/ 0 h 398145"/>
                <a:gd name="connsiteX8" fmla="*/ 486495 w 559773"/>
                <a:gd name="connsiteY8" fmla="*/ 321336 h 398145"/>
                <a:gd name="connsiteX9" fmla="*/ 468658 w 559773"/>
                <a:gd name="connsiteY9" fmla="*/ 273864 h 398145"/>
                <a:gd name="connsiteX10" fmla="*/ 393933 w 559773"/>
                <a:gd name="connsiteY10" fmla="*/ 194833 h 398145"/>
                <a:gd name="connsiteX11" fmla="*/ 333608 w 559773"/>
                <a:gd name="connsiteY11" fmla="*/ 155300 h 398145"/>
                <a:gd name="connsiteX12" fmla="*/ 283822 w 559773"/>
                <a:gd name="connsiteY12" fmla="*/ 153402 h 398145"/>
                <a:gd name="connsiteX0" fmla="*/ 283822 w 559773"/>
                <a:gd name="connsiteY0" fmla="*/ 153402 h 398145"/>
                <a:gd name="connsiteX1" fmla="*/ 147099 w 559773"/>
                <a:gd name="connsiteY1" fmla="*/ 238027 h 398145"/>
                <a:gd name="connsiteX2" fmla="*/ 167290 w 559773"/>
                <a:gd name="connsiteY2" fmla="*/ 289926 h 398145"/>
                <a:gd name="connsiteX3" fmla="*/ 199550 w 559773"/>
                <a:gd name="connsiteY3" fmla="*/ 299736 h 398145"/>
                <a:gd name="connsiteX4" fmla="*/ 0 w 559773"/>
                <a:gd name="connsiteY4" fmla="*/ 398145 h 398145"/>
                <a:gd name="connsiteX5" fmla="*/ 0 w 559773"/>
                <a:gd name="connsiteY5" fmla="*/ 398145 h 398145"/>
                <a:gd name="connsiteX6" fmla="*/ 373168 w 559773"/>
                <a:gd name="connsiteY6" fmla="*/ 0 h 398145"/>
                <a:gd name="connsiteX7" fmla="*/ 559773 w 559773"/>
                <a:gd name="connsiteY7" fmla="*/ 0 h 398145"/>
                <a:gd name="connsiteX8" fmla="*/ 486495 w 559773"/>
                <a:gd name="connsiteY8" fmla="*/ 321336 h 398145"/>
                <a:gd name="connsiteX9" fmla="*/ 468658 w 559773"/>
                <a:gd name="connsiteY9" fmla="*/ 273864 h 398145"/>
                <a:gd name="connsiteX10" fmla="*/ 393933 w 559773"/>
                <a:gd name="connsiteY10" fmla="*/ 194833 h 398145"/>
                <a:gd name="connsiteX11" fmla="*/ 333608 w 559773"/>
                <a:gd name="connsiteY11" fmla="*/ 155300 h 398145"/>
                <a:gd name="connsiteX12" fmla="*/ 283822 w 559773"/>
                <a:gd name="connsiteY12" fmla="*/ 153402 h 398145"/>
                <a:gd name="connsiteX0" fmla="*/ 283822 w 559773"/>
                <a:gd name="connsiteY0" fmla="*/ 153402 h 398145"/>
                <a:gd name="connsiteX1" fmla="*/ 147099 w 559773"/>
                <a:gd name="connsiteY1" fmla="*/ 238027 h 398145"/>
                <a:gd name="connsiteX2" fmla="*/ 167290 w 559773"/>
                <a:gd name="connsiteY2" fmla="*/ 289926 h 398145"/>
                <a:gd name="connsiteX3" fmla="*/ 199550 w 559773"/>
                <a:gd name="connsiteY3" fmla="*/ 299736 h 398145"/>
                <a:gd name="connsiteX4" fmla="*/ 0 w 559773"/>
                <a:gd name="connsiteY4" fmla="*/ 398145 h 398145"/>
                <a:gd name="connsiteX5" fmla="*/ 373168 w 559773"/>
                <a:gd name="connsiteY5" fmla="*/ 0 h 398145"/>
                <a:gd name="connsiteX6" fmla="*/ 559773 w 559773"/>
                <a:gd name="connsiteY6" fmla="*/ 0 h 398145"/>
                <a:gd name="connsiteX7" fmla="*/ 486495 w 559773"/>
                <a:gd name="connsiteY7" fmla="*/ 321336 h 398145"/>
                <a:gd name="connsiteX8" fmla="*/ 468658 w 559773"/>
                <a:gd name="connsiteY8" fmla="*/ 273864 h 398145"/>
                <a:gd name="connsiteX9" fmla="*/ 393933 w 559773"/>
                <a:gd name="connsiteY9" fmla="*/ 194833 h 398145"/>
                <a:gd name="connsiteX10" fmla="*/ 333608 w 559773"/>
                <a:gd name="connsiteY10" fmla="*/ 155300 h 398145"/>
                <a:gd name="connsiteX11" fmla="*/ 283822 w 559773"/>
                <a:gd name="connsiteY11" fmla="*/ 153402 h 398145"/>
                <a:gd name="connsiteX0" fmla="*/ 136722 w 412673"/>
                <a:gd name="connsiteY0" fmla="*/ 153402 h 321336"/>
                <a:gd name="connsiteX1" fmla="*/ -1 w 412673"/>
                <a:gd name="connsiteY1" fmla="*/ 238027 h 321336"/>
                <a:gd name="connsiteX2" fmla="*/ 20190 w 412673"/>
                <a:gd name="connsiteY2" fmla="*/ 289926 h 321336"/>
                <a:gd name="connsiteX3" fmla="*/ 52450 w 412673"/>
                <a:gd name="connsiteY3" fmla="*/ 299736 h 321336"/>
                <a:gd name="connsiteX4" fmla="*/ 226068 w 412673"/>
                <a:gd name="connsiteY4" fmla="*/ 0 h 321336"/>
                <a:gd name="connsiteX5" fmla="*/ 412673 w 412673"/>
                <a:gd name="connsiteY5" fmla="*/ 0 h 321336"/>
                <a:gd name="connsiteX6" fmla="*/ 339395 w 412673"/>
                <a:gd name="connsiteY6" fmla="*/ 321336 h 321336"/>
                <a:gd name="connsiteX7" fmla="*/ 321558 w 412673"/>
                <a:gd name="connsiteY7" fmla="*/ 273864 h 321336"/>
                <a:gd name="connsiteX8" fmla="*/ 246833 w 412673"/>
                <a:gd name="connsiteY8" fmla="*/ 194833 h 321336"/>
                <a:gd name="connsiteX9" fmla="*/ 186508 w 412673"/>
                <a:gd name="connsiteY9" fmla="*/ 155300 h 321336"/>
                <a:gd name="connsiteX10" fmla="*/ 136722 w 412673"/>
                <a:gd name="connsiteY10" fmla="*/ 153402 h 321336"/>
                <a:gd name="connsiteX0" fmla="*/ 136723 w 339396"/>
                <a:gd name="connsiteY0" fmla="*/ 153402 h 339849"/>
                <a:gd name="connsiteX1" fmla="*/ 0 w 339396"/>
                <a:gd name="connsiteY1" fmla="*/ 238027 h 339849"/>
                <a:gd name="connsiteX2" fmla="*/ 20191 w 339396"/>
                <a:gd name="connsiteY2" fmla="*/ 289926 h 339849"/>
                <a:gd name="connsiteX3" fmla="*/ 52451 w 339396"/>
                <a:gd name="connsiteY3" fmla="*/ 299736 h 339849"/>
                <a:gd name="connsiteX4" fmla="*/ 226069 w 339396"/>
                <a:gd name="connsiteY4" fmla="*/ 0 h 339849"/>
                <a:gd name="connsiteX5" fmla="*/ 262259 w 339396"/>
                <a:gd name="connsiteY5" fmla="*/ 339849 h 339849"/>
                <a:gd name="connsiteX6" fmla="*/ 339396 w 339396"/>
                <a:gd name="connsiteY6" fmla="*/ 321336 h 339849"/>
                <a:gd name="connsiteX7" fmla="*/ 321559 w 339396"/>
                <a:gd name="connsiteY7" fmla="*/ 273864 h 339849"/>
                <a:gd name="connsiteX8" fmla="*/ 246834 w 339396"/>
                <a:gd name="connsiteY8" fmla="*/ 194833 h 339849"/>
                <a:gd name="connsiteX9" fmla="*/ 186509 w 339396"/>
                <a:gd name="connsiteY9" fmla="*/ 155300 h 339849"/>
                <a:gd name="connsiteX10" fmla="*/ 136723 w 339396"/>
                <a:gd name="connsiteY10" fmla="*/ 153402 h 339849"/>
                <a:gd name="connsiteX0" fmla="*/ 136723 w 339396"/>
                <a:gd name="connsiteY0" fmla="*/ 0 h 186447"/>
                <a:gd name="connsiteX1" fmla="*/ 0 w 339396"/>
                <a:gd name="connsiteY1" fmla="*/ 84625 h 186447"/>
                <a:gd name="connsiteX2" fmla="*/ 20191 w 339396"/>
                <a:gd name="connsiteY2" fmla="*/ 136524 h 186447"/>
                <a:gd name="connsiteX3" fmla="*/ 52451 w 339396"/>
                <a:gd name="connsiteY3" fmla="*/ 146334 h 186447"/>
                <a:gd name="connsiteX4" fmla="*/ 222985 w 339396"/>
                <a:gd name="connsiteY4" fmla="*/ 50237 h 186447"/>
                <a:gd name="connsiteX5" fmla="*/ 262259 w 339396"/>
                <a:gd name="connsiteY5" fmla="*/ 186447 h 186447"/>
                <a:gd name="connsiteX6" fmla="*/ 339396 w 339396"/>
                <a:gd name="connsiteY6" fmla="*/ 167934 h 186447"/>
                <a:gd name="connsiteX7" fmla="*/ 321559 w 339396"/>
                <a:gd name="connsiteY7" fmla="*/ 120462 h 186447"/>
                <a:gd name="connsiteX8" fmla="*/ 246834 w 339396"/>
                <a:gd name="connsiteY8" fmla="*/ 41431 h 186447"/>
                <a:gd name="connsiteX9" fmla="*/ 186509 w 339396"/>
                <a:gd name="connsiteY9" fmla="*/ 1898 h 186447"/>
                <a:gd name="connsiteX10" fmla="*/ 136723 w 339396"/>
                <a:gd name="connsiteY10" fmla="*/ 0 h 186447"/>
                <a:gd name="connsiteX0" fmla="*/ 136723 w 339396"/>
                <a:gd name="connsiteY0" fmla="*/ 0 h 186447"/>
                <a:gd name="connsiteX1" fmla="*/ 0 w 339396"/>
                <a:gd name="connsiteY1" fmla="*/ 84625 h 186447"/>
                <a:gd name="connsiteX2" fmla="*/ 20191 w 339396"/>
                <a:gd name="connsiteY2" fmla="*/ 136524 h 186447"/>
                <a:gd name="connsiteX3" fmla="*/ 52451 w 339396"/>
                <a:gd name="connsiteY3" fmla="*/ 146334 h 186447"/>
                <a:gd name="connsiteX4" fmla="*/ 212895 w 339396"/>
                <a:gd name="connsiteY4" fmla="*/ 67721 h 186447"/>
                <a:gd name="connsiteX5" fmla="*/ 262259 w 339396"/>
                <a:gd name="connsiteY5" fmla="*/ 186447 h 186447"/>
                <a:gd name="connsiteX6" fmla="*/ 339396 w 339396"/>
                <a:gd name="connsiteY6" fmla="*/ 167934 h 186447"/>
                <a:gd name="connsiteX7" fmla="*/ 321559 w 339396"/>
                <a:gd name="connsiteY7" fmla="*/ 120462 h 186447"/>
                <a:gd name="connsiteX8" fmla="*/ 246834 w 339396"/>
                <a:gd name="connsiteY8" fmla="*/ 41431 h 186447"/>
                <a:gd name="connsiteX9" fmla="*/ 186509 w 339396"/>
                <a:gd name="connsiteY9" fmla="*/ 1898 h 186447"/>
                <a:gd name="connsiteX10" fmla="*/ 136723 w 339396"/>
                <a:gd name="connsiteY10" fmla="*/ 0 h 1864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39396" h="186447">
                  <a:moveTo>
                    <a:pt x="136723" y="0"/>
                  </a:moveTo>
                  <a:lnTo>
                    <a:pt x="0" y="84625"/>
                  </a:lnTo>
                  <a:lnTo>
                    <a:pt x="20191" y="136524"/>
                  </a:lnTo>
                  <a:lnTo>
                    <a:pt x="52451" y="146334"/>
                  </a:lnTo>
                  <a:lnTo>
                    <a:pt x="212895" y="67721"/>
                  </a:lnTo>
                  <a:lnTo>
                    <a:pt x="262259" y="186447"/>
                  </a:lnTo>
                  <a:lnTo>
                    <a:pt x="339396" y="167934"/>
                  </a:lnTo>
                  <a:lnTo>
                    <a:pt x="321559" y="120462"/>
                  </a:lnTo>
                  <a:lnTo>
                    <a:pt x="246834" y="41431"/>
                  </a:lnTo>
                  <a:lnTo>
                    <a:pt x="186509" y="1898"/>
                  </a:lnTo>
                  <a:lnTo>
                    <a:pt x="136723" y="0"/>
                  </a:ln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4" name="フリーフォーム 123"/>
            <p:cNvSpPr/>
            <p:nvPr/>
          </p:nvSpPr>
          <p:spPr>
            <a:xfrm>
              <a:off x="6486527" y="1057275"/>
              <a:ext cx="410690" cy="1225318"/>
            </a:xfrm>
            <a:custGeom>
              <a:avLst/>
              <a:gdLst>
                <a:gd name="connsiteX0" fmla="*/ 0 w 919163"/>
                <a:gd name="connsiteY0" fmla="*/ 0 h 759618"/>
                <a:gd name="connsiteX1" fmla="*/ 311944 w 919163"/>
                <a:gd name="connsiteY1" fmla="*/ 2381 h 759618"/>
                <a:gd name="connsiteX2" fmla="*/ 919163 w 919163"/>
                <a:gd name="connsiteY2" fmla="*/ 759618 h 759618"/>
                <a:gd name="connsiteX3" fmla="*/ 919163 w 919163"/>
                <a:gd name="connsiteY3" fmla="*/ 759618 h 759618"/>
                <a:gd name="connsiteX0" fmla="*/ 0 w 919163"/>
                <a:gd name="connsiteY0" fmla="*/ 0 h 1198265"/>
                <a:gd name="connsiteX1" fmla="*/ 311944 w 919163"/>
                <a:gd name="connsiteY1" fmla="*/ 2381 h 1198265"/>
                <a:gd name="connsiteX2" fmla="*/ 284733 w 919163"/>
                <a:gd name="connsiteY2" fmla="*/ 1198265 h 1198265"/>
                <a:gd name="connsiteX3" fmla="*/ 919163 w 919163"/>
                <a:gd name="connsiteY3" fmla="*/ 759618 h 1198265"/>
                <a:gd name="connsiteX4" fmla="*/ 919163 w 919163"/>
                <a:gd name="connsiteY4" fmla="*/ 759618 h 1198265"/>
                <a:gd name="connsiteX0" fmla="*/ 0 w 919163"/>
                <a:gd name="connsiteY0" fmla="*/ 0 h 1528762"/>
                <a:gd name="connsiteX1" fmla="*/ 311944 w 919163"/>
                <a:gd name="connsiteY1" fmla="*/ 2381 h 1528762"/>
                <a:gd name="connsiteX2" fmla="*/ 284733 w 919163"/>
                <a:gd name="connsiteY2" fmla="*/ 1198265 h 1528762"/>
                <a:gd name="connsiteX3" fmla="*/ 300038 w 919163"/>
                <a:gd name="connsiteY3" fmla="*/ 1528762 h 1528762"/>
                <a:gd name="connsiteX4" fmla="*/ 919163 w 919163"/>
                <a:gd name="connsiteY4" fmla="*/ 759618 h 1528762"/>
                <a:gd name="connsiteX5" fmla="*/ 919163 w 919163"/>
                <a:gd name="connsiteY5" fmla="*/ 759618 h 1528762"/>
                <a:gd name="connsiteX0" fmla="*/ 0 w 919163"/>
                <a:gd name="connsiteY0" fmla="*/ 0 h 1728786"/>
                <a:gd name="connsiteX1" fmla="*/ 311944 w 919163"/>
                <a:gd name="connsiteY1" fmla="*/ 2381 h 1728786"/>
                <a:gd name="connsiteX2" fmla="*/ 284733 w 919163"/>
                <a:gd name="connsiteY2" fmla="*/ 1198265 h 1728786"/>
                <a:gd name="connsiteX3" fmla="*/ 300038 w 919163"/>
                <a:gd name="connsiteY3" fmla="*/ 1528762 h 1728786"/>
                <a:gd name="connsiteX4" fmla="*/ 304800 w 919163"/>
                <a:gd name="connsiteY4" fmla="*/ 1728786 h 1728786"/>
                <a:gd name="connsiteX5" fmla="*/ 919163 w 919163"/>
                <a:gd name="connsiteY5" fmla="*/ 759618 h 1728786"/>
                <a:gd name="connsiteX6" fmla="*/ 919163 w 919163"/>
                <a:gd name="connsiteY6" fmla="*/ 759618 h 1728786"/>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919163 w 919163"/>
                <a:gd name="connsiteY6" fmla="*/ 759618 h 1847849"/>
                <a:gd name="connsiteX7" fmla="*/ 919163 w 919163"/>
                <a:gd name="connsiteY7" fmla="*/ 759618 h 1847849"/>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164306 w 919163"/>
                <a:gd name="connsiteY6" fmla="*/ 1847849 h 1847849"/>
                <a:gd name="connsiteX7" fmla="*/ 919163 w 919163"/>
                <a:gd name="connsiteY7" fmla="*/ 759618 h 1847849"/>
                <a:gd name="connsiteX8" fmla="*/ 919163 w 919163"/>
                <a:gd name="connsiteY8" fmla="*/ 759618 h 184784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919163 w 919163"/>
                <a:gd name="connsiteY8" fmla="*/ 759618 h 1904999"/>
                <a:gd name="connsiteX9" fmla="*/ 919163 w 919163"/>
                <a:gd name="connsiteY9" fmla="*/ 759618 h 190499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2381 w 919163"/>
                <a:gd name="connsiteY8" fmla="*/ 1783555 h 1904999"/>
                <a:gd name="connsiteX9" fmla="*/ 919163 w 919163"/>
                <a:gd name="connsiteY9" fmla="*/ 759618 h 1904999"/>
                <a:gd name="connsiteX10" fmla="*/ 919163 w 919163"/>
                <a:gd name="connsiteY10"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931069 w 931069"/>
                <a:gd name="connsiteY11"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882079 w 93106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10071 w 882079"/>
                <a:gd name="connsiteY10" fmla="*/ 879895 h 1904999"/>
                <a:gd name="connsiteX11" fmla="*/ 882079 w 88207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11" fmla="*/ 11906 w 338137"/>
                <a:gd name="connsiteY11" fmla="*/ 0 h 1904999"/>
                <a:gd name="connsiteX0" fmla="*/ 11906 w 338137"/>
                <a:gd name="connsiteY0" fmla="*/ 0 h 1902619"/>
                <a:gd name="connsiteX1" fmla="*/ 323850 w 338137"/>
                <a:gd name="connsiteY1" fmla="*/ 1 h 1902619"/>
                <a:gd name="connsiteX2" fmla="*/ 296639 w 338137"/>
                <a:gd name="connsiteY2" fmla="*/ 1195885 h 1902619"/>
                <a:gd name="connsiteX3" fmla="*/ 311944 w 338137"/>
                <a:gd name="connsiteY3" fmla="*/ 1526382 h 1902619"/>
                <a:gd name="connsiteX4" fmla="*/ 316706 w 338137"/>
                <a:gd name="connsiteY4" fmla="*/ 1726406 h 1902619"/>
                <a:gd name="connsiteX5" fmla="*/ 338137 w 338137"/>
                <a:gd name="connsiteY5" fmla="*/ 1845469 h 1902619"/>
                <a:gd name="connsiteX6" fmla="*/ 176212 w 338137"/>
                <a:gd name="connsiteY6" fmla="*/ 1845469 h 1902619"/>
                <a:gd name="connsiteX7" fmla="*/ 76200 w 338137"/>
                <a:gd name="connsiteY7" fmla="*/ 1902619 h 1902619"/>
                <a:gd name="connsiteX8" fmla="*/ 14287 w 338137"/>
                <a:gd name="connsiteY8" fmla="*/ 1781175 h 1902619"/>
                <a:gd name="connsiteX9" fmla="*/ 0 w 338137"/>
                <a:gd name="connsiteY9" fmla="*/ 1157287 h 1902619"/>
                <a:gd name="connsiteX10" fmla="*/ 11906 w 338137"/>
                <a:gd name="connsiteY10" fmla="*/ 0 h 1902619"/>
                <a:gd name="connsiteX0" fmla="*/ 11906 w 1129226"/>
                <a:gd name="connsiteY0" fmla="*/ 0 h 1902619"/>
                <a:gd name="connsiteX1" fmla="*/ 1129226 w 1129226"/>
                <a:gd name="connsiteY1" fmla="*/ 169455 h 1902619"/>
                <a:gd name="connsiteX2" fmla="*/ 296639 w 1129226"/>
                <a:gd name="connsiteY2" fmla="*/ 1195885 h 1902619"/>
                <a:gd name="connsiteX3" fmla="*/ 311944 w 1129226"/>
                <a:gd name="connsiteY3" fmla="*/ 1526382 h 1902619"/>
                <a:gd name="connsiteX4" fmla="*/ 316706 w 1129226"/>
                <a:gd name="connsiteY4" fmla="*/ 1726406 h 1902619"/>
                <a:gd name="connsiteX5" fmla="*/ 338137 w 1129226"/>
                <a:gd name="connsiteY5" fmla="*/ 1845469 h 1902619"/>
                <a:gd name="connsiteX6" fmla="*/ 176212 w 1129226"/>
                <a:gd name="connsiteY6" fmla="*/ 1845469 h 1902619"/>
                <a:gd name="connsiteX7" fmla="*/ 76200 w 1129226"/>
                <a:gd name="connsiteY7" fmla="*/ 1902619 h 1902619"/>
                <a:gd name="connsiteX8" fmla="*/ 14287 w 1129226"/>
                <a:gd name="connsiteY8" fmla="*/ 1781175 h 1902619"/>
                <a:gd name="connsiteX9" fmla="*/ 0 w 1129226"/>
                <a:gd name="connsiteY9" fmla="*/ 1157287 h 1902619"/>
                <a:gd name="connsiteX10" fmla="*/ 11906 w 1129226"/>
                <a:gd name="connsiteY10" fmla="*/ 0 h 1902619"/>
                <a:gd name="connsiteX0" fmla="*/ 11906 w 1129226"/>
                <a:gd name="connsiteY0" fmla="*/ 0 h 1902619"/>
                <a:gd name="connsiteX1" fmla="*/ 1121252 w 1129226"/>
                <a:gd name="connsiteY1" fmla="*/ 107203 h 1902619"/>
                <a:gd name="connsiteX2" fmla="*/ 1129226 w 1129226"/>
                <a:gd name="connsiteY2" fmla="*/ 169455 h 1902619"/>
                <a:gd name="connsiteX3" fmla="*/ 296639 w 1129226"/>
                <a:gd name="connsiteY3" fmla="*/ 1195885 h 1902619"/>
                <a:gd name="connsiteX4" fmla="*/ 311944 w 1129226"/>
                <a:gd name="connsiteY4" fmla="*/ 1526382 h 1902619"/>
                <a:gd name="connsiteX5" fmla="*/ 316706 w 1129226"/>
                <a:gd name="connsiteY5" fmla="*/ 1726406 h 1902619"/>
                <a:gd name="connsiteX6" fmla="*/ 338137 w 1129226"/>
                <a:gd name="connsiteY6" fmla="*/ 1845469 h 1902619"/>
                <a:gd name="connsiteX7" fmla="*/ 176212 w 1129226"/>
                <a:gd name="connsiteY7" fmla="*/ 1845469 h 1902619"/>
                <a:gd name="connsiteX8" fmla="*/ 76200 w 1129226"/>
                <a:gd name="connsiteY8" fmla="*/ 1902619 h 1902619"/>
                <a:gd name="connsiteX9" fmla="*/ 14287 w 1129226"/>
                <a:gd name="connsiteY9" fmla="*/ 1781175 h 1902619"/>
                <a:gd name="connsiteX10" fmla="*/ 0 w 1129226"/>
                <a:gd name="connsiteY10" fmla="*/ 1157287 h 1902619"/>
                <a:gd name="connsiteX11" fmla="*/ 11906 w 1129226"/>
                <a:gd name="connsiteY11" fmla="*/ 0 h 1902619"/>
                <a:gd name="connsiteX0" fmla="*/ 11906 w 1129226"/>
                <a:gd name="connsiteY0" fmla="*/ 0 h 1902619"/>
                <a:gd name="connsiteX1" fmla="*/ 836675 w 1129226"/>
                <a:gd name="connsiteY1" fmla="*/ 156114 h 1902619"/>
                <a:gd name="connsiteX2" fmla="*/ 1121252 w 1129226"/>
                <a:gd name="connsiteY2" fmla="*/ 107203 h 1902619"/>
                <a:gd name="connsiteX3" fmla="*/ 1129226 w 1129226"/>
                <a:gd name="connsiteY3" fmla="*/ 169455 h 1902619"/>
                <a:gd name="connsiteX4" fmla="*/ 296639 w 1129226"/>
                <a:gd name="connsiteY4" fmla="*/ 1195885 h 1902619"/>
                <a:gd name="connsiteX5" fmla="*/ 311944 w 1129226"/>
                <a:gd name="connsiteY5" fmla="*/ 1526382 h 1902619"/>
                <a:gd name="connsiteX6" fmla="*/ 316706 w 1129226"/>
                <a:gd name="connsiteY6" fmla="*/ 1726406 h 1902619"/>
                <a:gd name="connsiteX7" fmla="*/ 338137 w 1129226"/>
                <a:gd name="connsiteY7" fmla="*/ 1845469 h 1902619"/>
                <a:gd name="connsiteX8" fmla="*/ 176212 w 1129226"/>
                <a:gd name="connsiteY8" fmla="*/ 1845469 h 1902619"/>
                <a:gd name="connsiteX9" fmla="*/ 76200 w 1129226"/>
                <a:gd name="connsiteY9" fmla="*/ 1902619 h 1902619"/>
                <a:gd name="connsiteX10" fmla="*/ 14287 w 1129226"/>
                <a:gd name="connsiteY10" fmla="*/ 1781175 h 1902619"/>
                <a:gd name="connsiteX11" fmla="*/ 0 w 1129226"/>
                <a:gd name="connsiteY11" fmla="*/ 1157287 h 1902619"/>
                <a:gd name="connsiteX12" fmla="*/ 11906 w 1129226"/>
                <a:gd name="connsiteY12" fmla="*/ 0 h 1902619"/>
                <a:gd name="connsiteX0" fmla="*/ 11906 w 1129226"/>
                <a:gd name="connsiteY0" fmla="*/ 0 h 1902619"/>
                <a:gd name="connsiteX1" fmla="*/ 1018982 w 1129226"/>
                <a:gd name="connsiteY1" fmla="*/ 280617 h 1902619"/>
                <a:gd name="connsiteX2" fmla="*/ 836675 w 1129226"/>
                <a:gd name="connsiteY2" fmla="*/ 156114 h 1902619"/>
                <a:gd name="connsiteX3" fmla="*/ 1121252 w 1129226"/>
                <a:gd name="connsiteY3" fmla="*/ 107203 h 1902619"/>
                <a:gd name="connsiteX4" fmla="*/ 1129226 w 1129226"/>
                <a:gd name="connsiteY4" fmla="*/ 169455 h 1902619"/>
                <a:gd name="connsiteX5" fmla="*/ 296639 w 1129226"/>
                <a:gd name="connsiteY5" fmla="*/ 1195885 h 1902619"/>
                <a:gd name="connsiteX6" fmla="*/ 311944 w 1129226"/>
                <a:gd name="connsiteY6" fmla="*/ 1526382 h 1902619"/>
                <a:gd name="connsiteX7" fmla="*/ 316706 w 1129226"/>
                <a:gd name="connsiteY7" fmla="*/ 1726406 h 1902619"/>
                <a:gd name="connsiteX8" fmla="*/ 338137 w 1129226"/>
                <a:gd name="connsiteY8" fmla="*/ 1845469 h 1902619"/>
                <a:gd name="connsiteX9" fmla="*/ 176212 w 1129226"/>
                <a:gd name="connsiteY9" fmla="*/ 1845469 h 1902619"/>
                <a:gd name="connsiteX10" fmla="*/ 76200 w 1129226"/>
                <a:gd name="connsiteY10" fmla="*/ 1902619 h 1902619"/>
                <a:gd name="connsiteX11" fmla="*/ 14287 w 1129226"/>
                <a:gd name="connsiteY11" fmla="*/ 1781175 h 1902619"/>
                <a:gd name="connsiteX12" fmla="*/ 0 w 1129226"/>
                <a:gd name="connsiteY12" fmla="*/ 1157287 h 1902619"/>
                <a:gd name="connsiteX13" fmla="*/ 11906 w 1129226"/>
                <a:gd name="connsiteY13" fmla="*/ 0 h 1902619"/>
                <a:gd name="connsiteX0" fmla="*/ 11906 w 1129226"/>
                <a:gd name="connsiteY0" fmla="*/ 0 h 1902619"/>
                <a:gd name="connsiteX1" fmla="*/ 1032321 w 1129226"/>
                <a:gd name="connsiteY1" fmla="*/ 356208 h 1902619"/>
                <a:gd name="connsiteX2" fmla="*/ 1018982 w 1129226"/>
                <a:gd name="connsiteY2" fmla="*/ 280617 h 1902619"/>
                <a:gd name="connsiteX3" fmla="*/ 836675 w 1129226"/>
                <a:gd name="connsiteY3" fmla="*/ 156114 h 1902619"/>
                <a:gd name="connsiteX4" fmla="*/ 1121252 w 1129226"/>
                <a:gd name="connsiteY4" fmla="*/ 107203 h 1902619"/>
                <a:gd name="connsiteX5" fmla="*/ 1129226 w 1129226"/>
                <a:gd name="connsiteY5" fmla="*/ 169455 h 1902619"/>
                <a:gd name="connsiteX6" fmla="*/ 296639 w 1129226"/>
                <a:gd name="connsiteY6" fmla="*/ 1195885 h 1902619"/>
                <a:gd name="connsiteX7" fmla="*/ 311944 w 1129226"/>
                <a:gd name="connsiteY7" fmla="*/ 1526382 h 1902619"/>
                <a:gd name="connsiteX8" fmla="*/ 316706 w 1129226"/>
                <a:gd name="connsiteY8" fmla="*/ 1726406 h 1902619"/>
                <a:gd name="connsiteX9" fmla="*/ 338137 w 1129226"/>
                <a:gd name="connsiteY9" fmla="*/ 1845469 h 1902619"/>
                <a:gd name="connsiteX10" fmla="*/ 176212 w 1129226"/>
                <a:gd name="connsiteY10" fmla="*/ 1845469 h 1902619"/>
                <a:gd name="connsiteX11" fmla="*/ 76200 w 1129226"/>
                <a:gd name="connsiteY11" fmla="*/ 1902619 h 1902619"/>
                <a:gd name="connsiteX12" fmla="*/ 14287 w 1129226"/>
                <a:gd name="connsiteY12" fmla="*/ 1781175 h 1902619"/>
                <a:gd name="connsiteX13" fmla="*/ 0 w 1129226"/>
                <a:gd name="connsiteY13" fmla="*/ 1157287 h 1902619"/>
                <a:gd name="connsiteX14" fmla="*/ 11906 w 1129226"/>
                <a:gd name="connsiteY14" fmla="*/ 0 h 1902619"/>
                <a:gd name="connsiteX0" fmla="*/ 11906 w 1142033"/>
                <a:gd name="connsiteY0" fmla="*/ 0 h 1902619"/>
                <a:gd name="connsiteX1" fmla="*/ 1032321 w 1142033"/>
                <a:gd name="connsiteY1" fmla="*/ 356208 h 1902619"/>
                <a:gd name="connsiteX2" fmla="*/ 1018982 w 1142033"/>
                <a:gd name="connsiteY2" fmla="*/ 280617 h 1902619"/>
                <a:gd name="connsiteX3" fmla="*/ 836675 w 1142033"/>
                <a:gd name="connsiteY3" fmla="*/ 156114 h 1902619"/>
                <a:gd name="connsiteX4" fmla="*/ 1121252 w 1142033"/>
                <a:gd name="connsiteY4" fmla="*/ 107203 h 1902619"/>
                <a:gd name="connsiteX5" fmla="*/ 1129226 w 1142033"/>
                <a:gd name="connsiteY5" fmla="*/ 169455 h 1902619"/>
                <a:gd name="connsiteX6" fmla="*/ 1142033 w 1142033"/>
                <a:gd name="connsiteY6" fmla="*/ 284138 h 1902619"/>
                <a:gd name="connsiteX7" fmla="*/ 311944 w 1142033"/>
                <a:gd name="connsiteY7" fmla="*/ 1526382 h 1902619"/>
                <a:gd name="connsiteX8" fmla="*/ 316706 w 1142033"/>
                <a:gd name="connsiteY8" fmla="*/ 1726406 h 1902619"/>
                <a:gd name="connsiteX9" fmla="*/ 338137 w 1142033"/>
                <a:gd name="connsiteY9" fmla="*/ 1845469 h 1902619"/>
                <a:gd name="connsiteX10" fmla="*/ 176212 w 1142033"/>
                <a:gd name="connsiteY10" fmla="*/ 1845469 h 1902619"/>
                <a:gd name="connsiteX11" fmla="*/ 76200 w 1142033"/>
                <a:gd name="connsiteY11" fmla="*/ 1902619 h 1902619"/>
                <a:gd name="connsiteX12" fmla="*/ 14287 w 1142033"/>
                <a:gd name="connsiteY12" fmla="*/ 1781175 h 1902619"/>
                <a:gd name="connsiteX13" fmla="*/ 0 w 1142033"/>
                <a:gd name="connsiteY13" fmla="*/ 1157287 h 1902619"/>
                <a:gd name="connsiteX14" fmla="*/ 11906 w 1142033"/>
                <a:gd name="connsiteY14" fmla="*/ 0 h 1902619"/>
                <a:gd name="connsiteX0" fmla="*/ 11906 w 1192394"/>
                <a:gd name="connsiteY0" fmla="*/ 0 h 1902619"/>
                <a:gd name="connsiteX1" fmla="*/ 1032321 w 1192394"/>
                <a:gd name="connsiteY1" fmla="*/ 356208 h 1902619"/>
                <a:gd name="connsiteX2" fmla="*/ 1018982 w 1192394"/>
                <a:gd name="connsiteY2" fmla="*/ 280617 h 1902619"/>
                <a:gd name="connsiteX3" fmla="*/ 836675 w 1192394"/>
                <a:gd name="connsiteY3" fmla="*/ 156114 h 1902619"/>
                <a:gd name="connsiteX4" fmla="*/ 1121252 w 1192394"/>
                <a:gd name="connsiteY4" fmla="*/ 107203 h 1902619"/>
                <a:gd name="connsiteX5" fmla="*/ 1129226 w 1192394"/>
                <a:gd name="connsiteY5" fmla="*/ 169455 h 1902619"/>
                <a:gd name="connsiteX6" fmla="*/ 1142033 w 1192394"/>
                <a:gd name="connsiteY6" fmla="*/ 284138 h 1902619"/>
                <a:gd name="connsiteX7" fmla="*/ 1192394 w 1192394"/>
                <a:gd name="connsiteY7" fmla="*/ 285064 h 1902619"/>
                <a:gd name="connsiteX8" fmla="*/ 311944 w 1192394"/>
                <a:gd name="connsiteY8" fmla="*/ 1526382 h 1902619"/>
                <a:gd name="connsiteX9" fmla="*/ 316706 w 1192394"/>
                <a:gd name="connsiteY9" fmla="*/ 1726406 h 1902619"/>
                <a:gd name="connsiteX10" fmla="*/ 338137 w 1192394"/>
                <a:gd name="connsiteY10" fmla="*/ 1845469 h 1902619"/>
                <a:gd name="connsiteX11" fmla="*/ 176212 w 1192394"/>
                <a:gd name="connsiteY11" fmla="*/ 1845469 h 1902619"/>
                <a:gd name="connsiteX12" fmla="*/ 76200 w 1192394"/>
                <a:gd name="connsiteY12" fmla="*/ 1902619 h 1902619"/>
                <a:gd name="connsiteX13" fmla="*/ 14287 w 1192394"/>
                <a:gd name="connsiteY13" fmla="*/ 1781175 h 1902619"/>
                <a:gd name="connsiteX14" fmla="*/ 0 w 1192394"/>
                <a:gd name="connsiteY14" fmla="*/ 1157287 h 1902619"/>
                <a:gd name="connsiteX15" fmla="*/ 11906 w 1192394"/>
                <a:gd name="connsiteY15" fmla="*/ 0 h 1902619"/>
                <a:gd name="connsiteX0" fmla="*/ 11906 w 1219073"/>
                <a:gd name="connsiteY0" fmla="*/ 0 h 1902619"/>
                <a:gd name="connsiteX1" fmla="*/ 1032321 w 1219073"/>
                <a:gd name="connsiteY1" fmla="*/ 356208 h 1902619"/>
                <a:gd name="connsiteX2" fmla="*/ 1018982 w 1219073"/>
                <a:gd name="connsiteY2" fmla="*/ 280617 h 1902619"/>
                <a:gd name="connsiteX3" fmla="*/ 836675 w 1219073"/>
                <a:gd name="connsiteY3" fmla="*/ 156114 h 1902619"/>
                <a:gd name="connsiteX4" fmla="*/ 1121252 w 1219073"/>
                <a:gd name="connsiteY4" fmla="*/ 107203 h 1902619"/>
                <a:gd name="connsiteX5" fmla="*/ 1129226 w 1219073"/>
                <a:gd name="connsiteY5" fmla="*/ 169455 h 1902619"/>
                <a:gd name="connsiteX6" fmla="*/ 1142033 w 1219073"/>
                <a:gd name="connsiteY6" fmla="*/ 284138 h 1902619"/>
                <a:gd name="connsiteX7" fmla="*/ 1192394 w 1219073"/>
                <a:gd name="connsiteY7" fmla="*/ 285064 h 1902619"/>
                <a:gd name="connsiteX8" fmla="*/ 1219073 w 1219073"/>
                <a:gd name="connsiteY8" fmla="*/ 427353 h 1902619"/>
                <a:gd name="connsiteX9" fmla="*/ 311944 w 1219073"/>
                <a:gd name="connsiteY9" fmla="*/ 1526382 h 1902619"/>
                <a:gd name="connsiteX10" fmla="*/ 316706 w 1219073"/>
                <a:gd name="connsiteY10" fmla="*/ 1726406 h 1902619"/>
                <a:gd name="connsiteX11" fmla="*/ 338137 w 1219073"/>
                <a:gd name="connsiteY11" fmla="*/ 1845469 h 1902619"/>
                <a:gd name="connsiteX12" fmla="*/ 176212 w 1219073"/>
                <a:gd name="connsiteY12" fmla="*/ 1845469 h 1902619"/>
                <a:gd name="connsiteX13" fmla="*/ 76200 w 1219073"/>
                <a:gd name="connsiteY13" fmla="*/ 1902619 h 1902619"/>
                <a:gd name="connsiteX14" fmla="*/ 14287 w 1219073"/>
                <a:gd name="connsiteY14" fmla="*/ 1781175 h 1902619"/>
                <a:gd name="connsiteX15" fmla="*/ 0 w 1219073"/>
                <a:gd name="connsiteY15" fmla="*/ 1157287 h 1902619"/>
                <a:gd name="connsiteX16" fmla="*/ 11906 w 1219073"/>
                <a:gd name="connsiteY16" fmla="*/ 0 h 1902619"/>
                <a:gd name="connsiteX0" fmla="*/ 11906 w 1219073"/>
                <a:gd name="connsiteY0" fmla="*/ 0 h 1902619"/>
                <a:gd name="connsiteX1" fmla="*/ 1032321 w 1219073"/>
                <a:gd name="connsiteY1" fmla="*/ 356208 h 1902619"/>
                <a:gd name="connsiteX2" fmla="*/ 1018982 w 1219073"/>
                <a:gd name="connsiteY2" fmla="*/ 280617 h 1902619"/>
                <a:gd name="connsiteX3" fmla="*/ 836675 w 1219073"/>
                <a:gd name="connsiteY3" fmla="*/ 156114 h 1902619"/>
                <a:gd name="connsiteX4" fmla="*/ 1121252 w 1219073"/>
                <a:gd name="connsiteY4" fmla="*/ 107203 h 1902619"/>
                <a:gd name="connsiteX5" fmla="*/ 1129226 w 1219073"/>
                <a:gd name="connsiteY5" fmla="*/ 169455 h 1902619"/>
                <a:gd name="connsiteX6" fmla="*/ 1142033 w 1219073"/>
                <a:gd name="connsiteY6" fmla="*/ 284138 h 1902619"/>
                <a:gd name="connsiteX7" fmla="*/ 1192394 w 1219073"/>
                <a:gd name="connsiteY7" fmla="*/ 285064 h 1902619"/>
                <a:gd name="connsiteX8" fmla="*/ 1219073 w 1219073"/>
                <a:gd name="connsiteY8" fmla="*/ 427353 h 1902619"/>
                <a:gd name="connsiteX9" fmla="*/ 1214626 w 1219073"/>
                <a:gd name="connsiteY9" fmla="*/ 627446 h 1902619"/>
                <a:gd name="connsiteX10" fmla="*/ 311944 w 1219073"/>
                <a:gd name="connsiteY10" fmla="*/ 1526382 h 1902619"/>
                <a:gd name="connsiteX11" fmla="*/ 316706 w 1219073"/>
                <a:gd name="connsiteY11" fmla="*/ 1726406 h 1902619"/>
                <a:gd name="connsiteX12" fmla="*/ 338137 w 1219073"/>
                <a:gd name="connsiteY12" fmla="*/ 1845469 h 1902619"/>
                <a:gd name="connsiteX13" fmla="*/ 176212 w 1219073"/>
                <a:gd name="connsiteY13" fmla="*/ 1845469 h 1902619"/>
                <a:gd name="connsiteX14" fmla="*/ 76200 w 1219073"/>
                <a:gd name="connsiteY14" fmla="*/ 1902619 h 1902619"/>
                <a:gd name="connsiteX15" fmla="*/ 14287 w 1219073"/>
                <a:gd name="connsiteY15" fmla="*/ 1781175 h 1902619"/>
                <a:gd name="connsiteX16" fmla="*/ 0 w 1219073"/>
                <a:gd name="connsiteY16" fmla="*/ 1157287 h 1902619"/>
                <a:gd name="connsiteX17" fmla="*/ 11906 w 1219073"/>
                <a:gd name="connsiteY17" fmla="*/ 0 h 1902619"/>
                <a:gd name="connsiteX0" fmla="*/ 11906 w 1325789"/>
                <a:gd name="connsiteY0" fmla="*/ 0 h 1902619"/>
                <a:gd name="connsiteX1" fmla="*/ 1032321 w 1325789"/>
                <a:gd name="connsiteY1" fmla="*/ 356208 h 1902619"/>
                <a:gd name="connsiteX2" fmla="*/ 1018982 w 1325789"/>
                <a:gd name="connsiteY2" fmla="*/ 280617 h 1902619"/>
                <a:gd name="connsiteX3" fmla="*/ 836675 w 1325789"/>
                <a:gd name="connsiteY3" fmla="*/ 156114 h 1902619"/>
                <a:gd name="connsiteX4" fmla="*/ 1121252 w 1325789"/>
                <a:gd name="connsiteY4" fmla="*/ 107203 h 1902619"/>
                <a:gd name="connsiteX5" fmla="*/ 1129226 w 1325789"/>
                <a:gd name="connsiteY5" fmla="*/ 169455 h 1902619"/>
                <a:gd name="connsiteX6" fmla="*/ 1142033 w 1325789"/>
                <a:gd name="connsiteY6" fmla="*/ 284138 h 1902619"/>
                <a:gd name="connsiteX7" fmla="*/ 1192394 w 1325789"/>
                <a:gd name="connsiteY7" fmla="*/ 285064 h 1902619"/>
                <a:gd name="connsiteX8" fmla="*/ 1219073 w 1325789"/>
                <a:gd name="connsiteY8" fmla="*/ 427353 h 1902619"/>
                <a:gd name="connsiteX9" fmla="*/ 1214626 w 1325789"/>
                <a:gd name="connsiteY9" fmla="*/ 627446 h 1902619"/>
                <a:gd name="connsiteX10" fmla="*/ 1325789 w 1325789"/>
                <a:gd name="connsiteY10" fmla="*/ 591874 h 1902619"/>
                <a:gd name="connsiteX11" fmla="*/ 311944 w 1325789"/>
                <a:gd name="connsiteY11" fmla="*/ 1526382 h 1902619"/>
                <a:gd name="connsiteX12" fmla="*/ 316706 w 1325789"/>
                <a:gd name="connsiteY12" fmla="*/ 1726406 h 1902619"/>
                <a:gd name="connsiteX13" fmla="*/ 338137 w 1325789"/>
                <a:gd name="connsiteY13" fmla="*/ 1845469 h 1902619"/>
                <a:gd name="connsiteX14" fmla="*/ 176212 w 1325789"/>
                <a:gd name="connsiteY14" fmla="*/ 1845469 h 1902619"/>
                <a:gd name="connsiteX15" fmla="*/ 76200 w 1325789"/>
                <a:gd name="connsiteY15" fmla="*/ 1902619 h 1902619"/>
                <a:gd name="connsiteX16" fmla="*/ 14287 w 1325789"/>
                <a:gd name="connsiteY16" fmla="*/ 1781175 h 1902619"/>
                <a:gd name="connsiteX17" fmla="*/ 0 w 1325789"/>
                <a:gd name="connsiteY17" fmla="*/ 1157287 h 1902619"/>
                <a:gd name="connsiteX18" fmla="*/ 11906 w 1325789"/>
                <a:gd name="connsiteY18"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29226 w 1356915"/>
                <a:gd name="connsiteY5" fmla="*/ 169455 h 1902619"/>
                <a:gd name="connsiteX6" fmla="*/ 1142033 w 1356915"/>
                <a:gd name="connsiteY6" fmla="*/ 284138 h 1902619"/>
                <a:gd name="connsiteX7" fmla="*/ 1192394 w 1356915"/>
                <a:gd name="connsiteY7" fmla="*/ 285064 h 1902619"/>
                <a:gd name="connsiteX8" fmla="*/ 1219073 w 1356915"/>
                <a:gd name="connsiteY8" fmla="*/ 427353 h 1902619"/>
                <a:gd name="connsiteX9" fmla="*/ 1214626 w 1356915"/>
                <a:gd name="connsiteY9" fmla="*/ 627446 h 1902619"/>
                <a:gd name="connsiteX10" fmla="*/ 1325789 w 1356915"/>
                <a:gd name="connsiteY10" fmla="*/ 591874 h 1902619"/>
                <a:gd name="connsiteX11" fmla="*/ 1356915 w 1356915"/>
                <a:gd name="connsiteY11" fmla="*/ 916470 h 1902619"/>
                <a:gd name="connsiteX12" fmla="*/ 311944 w 1356915"/>
                <a:gd name="connsiteY12" fmla="*/ 1526382 h 1902619"/>
                <a:gd name="connsiteX13" fmla="*/ 316706 w 1356915"/>
                <a:gd name="connsiteY13" fmla="*/ 1726406 h 1902619"/>
                <a:gd name="connsiteX14" fmla="*/ 338137 w 1356915"/>
                <a:gd name="connsiteY14" fmla="*/ 1845469 h 1902619"/>
                <a:gd name="connsiteX15" fmla="*/ 176212 w 1356915"/>
                <a:gd name="connsiteY15" fmla="*/ 1845469 h 1902619"/>
                <a:gd name="connsiteX16" fmla="*/ 76200 w 1356915"/>
                <a:gd name="connsiteY16" fmla="*/ 1902619 h 1902619"/>
                <a:gd name="connsiteX17" fmla="*/ 14287 w 1356915"/>
                <a:gd name="connsiteY17" fmla="*/ 1781175 h 1902619"/>
                <a:gd name="connsiteX18" fmla="*/ 0 w 1356915"/>
                <a:gd name="connsiteY18" fmla="*/ 1157287 h 1902619"/>
                <a:gd name="connsiteX19" fmla="*/ 11906 w 1356915"/>
                <a:gd name="connsiteY19"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29226 w 1356915"/>
                <a:gd name="connsiteY5" fmla="*/ 169455 h 1902619"/>
                <a:gd name="connsiteX6" fmla="*/ 1192394 w 1356915"/>
                <a:gd name="connsiteY6" fmla="*/ 285064 h 1902619"/>
                <a:gd name="connsiteX7" fmla="*/ 1219073 w 1356915"/>
                <a:gd name="connsiteY7" fmla="*/ 427353 h 1902619"/>
                <a:gd name="connsiteX8" fmla="*/ 1214626 w 1356915"/>
                <a:gd name="connsiteY8" fmla="*/ 627446 h 1902619"/>
                <a:gd name="connsiteX9" fmla="*/ 1325789 w 1356915"/>
                <a:gd name="connsiteY9" fmla="*/ 591874 h 1902619"/>
                <a:gd name="connsiteX10" fmla="*/ 1356915 w 1356915"/>
                <a:gd name="connsiteY10" fmla="*/ 916470 h 1902619"/>
                <a:gd name="connsiteX11" fmla="*/ 311944 w 1356915"/>
                <a:gd name="connsiteY11" fmla="*/ 1526382 h 1902619"/>
                <a:gd name="connsiteX12" fmla="*/ 316706 w 1356915"/>
                <a:gd name="connsiteY12" fmla="*/ 1726406 h 1902619"/>
                <a:gd name="connsiteX13" fmla="*/ 338137 w 1356915"/>
                <a:gd name="connsiteY13" fmla="*/ 1845469 h 1902619"/>
                <a:gd name="connsiteX14" fmla="*/ 176212 w 1356915"/>
                <a:gd name="connsiteY14" fmla="*/ 1845469 h 1902619"/>
                <a:gd name="connsiteX15" fmla="*/ 76200 w 1356915"/>
                <a:gd name="connsiteY15" fmla="*/ 1902619 h 1902619"/>
                <a:gd name="connsiteX16" fmla="*/ 14287 w 1356915"/>
                <a:gd name="connsiteY16" fmla="*/ 1781175 h 1902619"/>
                <a:gd name="connsiteX17" fmla="*/ 0 w 1356915"/>
                <a:gd name="connsiteY17" fmla="*/ 1157287 h 1902619"/>
                <a:gd name="connsiteX18" fmla="*/ 11906 w 1356915"/>
                <a:gd name="connsiteY18"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92394 w 1356915"/>
                <a:gd name="connsiteY5" fmla="*/ 285064 h 1902619"/>
                <a:gd name="connsiteX6" fmla="*/ 1219073 w 1356915"/>
                <a:gd name="connsiteY6" fmla="*/ 427353 h 1902619"/>
                <a:gd name="connsiteX7" fmla="*/ 1214626 w 1356915"/>
                <a:gd name="connsiteY7" fmla="*/ 627446 h 1902619"/>
                <a:gd name="connsiteX8" fmla="*/ 1325789 w 1356915"/>
                <a:gd name="connsiteY8" fmla="*/ 591874 h 1902619"/>
                <a:gd name="connsiteX9" fmla="*/ 1356915 w 1356915"/>
                <a:gd name="connsiteY9" fmla="*/ 916470 h 1902619"/>
                <a:gd name="connsiteX10" fmla="*/ 311944 w 1356915"/>
                <a:gd name="connsiteY10" fmla="*/ 1526382 h 1902619"/>
                <a:gd name="connsiteX11" fmla="*/ 316706 w 1356915"/>
                <a:gd name="connsiteY11" fmla="*/ 1726406 h 1902619"/>
                <a:gd name="connsiteX12" fmla="*/ 338137 w 1356915"/>
                <a:gd name="connsiteY12" fmla="*/ 1845469 h 1902619"/>
                <a:gd name="connsiteX13" fmla="*/ 176212 w 1356915"/>
                <a:gd name="connsiteY13" fmla="*/ 1845469 h 1902619"/>
                <a:gd name="connsiteX14" fmla="*/ 76200 w 1356915"/>
                <a:gd name="connsiteY14" fmla="*/ 1902619 h 1902619"/>
                <a:gd name="connsiteX15" fmla="*/ 14287 w 1356915"/>
                <a:gd name="connsiteY15" fmla="*/ 1781175 h 1902619"/>
                <a:gd name="connsiteX16" fmla="*/ 0 w 1356915"/>
                <a:gd name="connsiteY16" fmla="*/ 1157287 h 1902619"/>
                <a:gd name="connsiteX17" fmla="*/ 11906 w 1356915"/>
                <a:gd name="connsiteY17"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92394 w 1356915"/>
                <a:gd name="connsiteY5" fmla="*/ 285064 h 1902619"/>
                <a:gd name="connsiteX6" fmla="*/ 1219073 w 1356915"/>
                <a:gd name="connsiteY6" fmla="*/ 427353 h 1902619"/>
                <a:gd name="connsiteX7" fmla="*/ 1325789 w 1356915"/>
                <a:gd name="connsiteY7" fmla="*/ 591874 h 1902619"/>
                <a:gd name="connsiteX8" fmla="*/ 1356915 w 1356915"/>
                <a:gd name="connsiteY8" fmla="*/ 916470 h 1902619"/>
                <a:gd name="connsiteX9" fmla="*/ 311944 w 1356915"/>
                <a:gd name="connsiteY9" fmla="*/ 1526382 h 1902619"/>
                <a:gd name="connsiteX10" fmla="*/ 316706 w 1356915"/>
                <a:gd name="connsiteY10" fmla="*/ 1726406 h 1902619"/>
                <a:gd name="connsiteX11" fmla="*/ 338137 w 1356915"/>
                <a:gd name="connsiteY11" fmla="*/ 1845469 h 1902619"/>
                <a:gd name="connsiteX12" fmla="*/ 176212 w 1356915"/>
                <a:gd name="connsiteY12" fmla="*/ 1845469 h 1902619"/>
                <a:gd name="connsiteX13" fmla="*/ 76200 w 1356915"/>
                <a:gd name="connsiteY13" fmla="*/ 1902619 h 1902619"/>
                <a:gd name="connsiteX14" fmla="*/ 14287 w 1356915"/>
                <a:gd name="connsiteY14" fmla="*/ 1781175 h 1902619"/>
                <a:gd name="connsiteX15" fmla="*/ 0 w 1356915"/>
                <a:gd name="connsiteY15" fmla="*/ 1157287 h 1902619"/>
                <a:gd name="connsiteX16" fmla="*/ 11906 w 1356915"/>
                <a:gd name="connsiteY16" fmla="*/ 0 h 1902619"/>
                <a:gd name="connsiteX0" fmla="*/ 11906 w 1356915"/>
                <a:gd name="connsiteY0" fmla="*/ 0 h 1902619"/>
                <a:gd name="connsiteX1" fmla="*/ 1032321 w 1356915"/>
                <a:gd name="connsiteY1" fmla="*/ 356208 h 1902619"/>
                <a:gd name="connsiteX2" fmla="*/ 1018982 w 1356915"/>
                <a:gd name="connsiteY2" fmla="*/ 280617 h 1902619"/>
                <a:gd name="connsiteX3" fmla="*/ 836675 w 1356915"/>
                <a:gd name="connsiteY3" fmla="*/ 156114 h 1902619"/>
                <a:gd name="connsiteX4" fmla="*/ 1121252 w 1356915"/>
                <a:gd name="connsiteY4" fmla="*/ 107203 h 1902619"/>
                <a:gd name="connsiteX5" fmla="*/ 1192394 w 1356915"/>
                <a:gd name="connsiteY5" fmla="*/ 285064 h 1902619"/>
                <a:gd name="connsiteX6" fmla="*/ 1325789 w 1356915"/>
                <a:gd name="connsiteY6" fmla="*/ 591874 h 1902619"/>
                <a:gd name="connsiteX7" fmla="*/ 1356915 w 1356915"/>
                <a:gd name="connsiteY7" fmla="*/ 916470 h 1902619"/>
                <a:gd name="connsiteX8" fmla="*/ 311944 w 1356915"/>
                <a:gd name="connsiteY8" fmla="*/ 1526382 h 1902619"/>
                <a:gd name="connsiteX9" fmla="*/ 316706 w 1356915"/>
                <a:gd name="connsiteY9" fmla="*/ 1726406 h 1902619"/>
                <a:gd name="connsiteX10" fmla="*/ 338137 w 1356915"/>
                <a:gd name="connsiteY10" fmla="*/ 1845469 h 1902619"/>
                <a:gd name="connsiteX11" fmla="*/ 176212 w 1356915"/>
                <a:gd name="connsiteY11" fmla="*/ 1845469 h 1902619"/>
                <a:gd name="connsiteX12" fmla="*/ 76200 w 1356915"/>
                <a:gd name="connsiteY12" fmla="*/ 1902619 h 1902619"/>
                <a:gd name="connsiteX13" fmla="*/ 14287 w 1356915"/>
                <a:gd name="connsiteY13" fmla="*/ 1781175 h 1902619"/>
                <a:gd name="connsiteX14" fmla="*/ 0 w 1356915"/>
                <a:gd name="connsiteY14" fmla="*/ 1157287 h 1902619"/>
                <a:gd name="connsiteX15" fmla="*/ 11906 w 1356915"/>
                <a:gd name="connsiteY15" fmla="*/ 0 h 1902619"/>
                <a:gd name="connsiteX0" fmla="*/ 11906 w 1356915"/>
                <a:gd name="connsiteY0" fmla="*/ 0 h 1902619"/>
                <a:gd name="connsiteX1" fmla="*/ 1032321 w 1356915"/>
                <a:gd name="connsiteY1" fmla="*/ 356208 h 1902619"/>
                <a:gd name="connsiteX2" fmla="*/ 836675 w 1356915"/>
                <a:gd name="connsiteY2" fmla="*/ 156114 h 1902619"/>
                <a:gd name="connsiteX3" fmla="*/ 1121252 w 1356915"/>
                <a:gd name="connsiteY3" fmla="*/ 107203 h 1902619"/>
                <a:gd name="connsiteX4" fmla="*/ 1192394 w 1356915"/>
                <a:gd name="connsiteY4" fmla="*/ 285064 h 1902619"/>
                <a:gd name="connsiteX5" fmla="*/ 1325789 w 1356915"/>
                <a:gd name="connsiteY5" fmla="*/ 591874 h 1902619"/>
                <a:gd name="connsiteX6" fmla="*/ 1356915 w 1356915"/>
                <a:gd name="connsiteY6" fmla="*/ 916470 h 1902619"/>
                <a:gd name="connsiteX7" fmla="*/ 311944 w 1356915"/>
                <a:gd name="connsiteY7" fmla="*/ 1526382 h 1902619"/>
                <a:gd name="connsiteX8" fmla="*/ 316706 w 1356915"/>
                <a:gd name="connsiteY8" fmla="*/ 1726406 h 1902619"/>
                <a:gd name="connsiteX9" fmla="*/ 338137 w 1356915"/>
                <a:gd name="connsiteY9" fmla="*/ 1845469 h 1902619"/>
                <a:gd name="connsiteX10" fmla="*/ 176212 w 1356915"/>
                <a:gd name="connsiteY10" fmla="*/ 1845469 h 1902619"/>
                <a:gd name="connsiteX11" fmla="*/ 76200 w 1356915"/>
                <a:gd name="connsiteY11" fmla="*/ 1902619 h 1902619"/>
                <a:gd name="connsiteX12" fmla="*/ 14287 w 1356915"/>
                <a:gd name="connsiteY12" fmla="*/ 1781175 h 1902619"/>
                <a:gd name="connsiteX13" fmla="*/ 0 w 1356915"/>
                <a:gd name="connsiteY13" fmla="*/ 1157287 h 1902619"/>
                <a:gd name="connsiteX14" fmla="*/ 11906 w 1356915"/>
                <a:gd name="connsiteY14" fmla="*/ 0 h 1902619"/>
                <a:gd name="connsiteX0" fmla="*/ 11906 w 1356915"/>
                <a:gd name="connsiteY0" fmla="*/ 0 h 1902619"/>
                <a:gd name="connsiteX1" fmla="*/ 836675 w 1356915"/>
                <a:gd name="connsiteY1" fmla="*/ 156114 h 1902619"/>
                <a:gd name="connsiteX2" fmla="*/ 1121252 w 1356915"/>
                <a:gd name="connsiteY2" fmla="*/ 107203 h 1902619"/>
                <a:gd name="connsiteX3" fmla="*/ 1192394 w 1356915"/>
                <a:gd name="connsiteY3" fmla="*/ 285064 h 1902619"/>
                <a:gd name="connsiteX4" fmla="*/ 1325789 w 1356915"/>
                <a:gd name="connsiteY4" fmla="*/ 591874 h 1902619"/>
                <a:gd name="connsiteX5" fmla="*/ 1356915 w 1356915"/>
                <a:gd name="connsiteY5" fmla="*/ 916470 h 1902619"/>
                <a:gd name="connsiteX6" fmla="*/ 311944 w 1356915"/>
                <a:gd name="connsiteY6" fmla="*/ 1526382 h 1902619"/>
                <a:gd name="connsiteX7" fmla="*/ 316706 w 1356915"/>
                <a:gd name="connsiteY7" fmla="*/ 1726406 h 1902619"/>
                <a:gd name="connsiteX8" fmla="*/ 338137 w 1356915"/>
                <a:gd name="connsiteY8" fmla="*/ 1845469 h 1902619"/>
                <a:gd name="connsiteX9" fmla="*/ 176212 w 1356915"/>
                <a:gd name="connsiteY9" fmla="*/ 1845469 h 1902619"/>
                <a:gd name="connsiteX10" fmla="*/ 76200 w 1356915"/>
                <a:gd name="connsiteY10" fmla="*/ 1902619 h 1902619"/>
                <a:gd name="connsiteX11" fmla="*/ 14287 w 1356915"/>
                <a:gd name="connsiteY11" fmla="*/ 1781175 h 1902619"/>
                <a:gd name="connsiteX12" fmla="*/ 0 w 1356915"/>
                <a:gd name="connsiteY12" fmla="*/ 1157287 h 1902619"/>
                <a:gd name="connsiteX13" fmla="*/ 11906 w 1356915"/>
                <a:gd name="connsiteY13" fmla="*/ 0 h 1902619"/>
                <a:gd name="connsiteX0" fmla="*/ 946404 w 1356915"/>
                <a:gd name="connsiteY0" fmla="*/ 640299 h 1795416"/>
                <a:gd name="connsiteX1" fmla="*/ 836675 w 1356915"/>
                <a:gd name="connsiteY1" fmla="*/ 48911 h 1795416"/>
                <a:gd name="connsiteX2" fmla="*/ 1121252 w 1356915"/>
                <a:gd name="connsiteY2" fmla="*/ 0 h 1795416"/>
                <a:gd name="connsiteX3" fmla="*/ 1192394 w 1356915"/>
                <a:gd name="connsiteY3" fmla="*/ 177861 h 1795416"/>
                <a:gd name="connsiteX4" fmla="*/ 1325789 w 1356915"/>
                <a:gd name="connsiteY4" fmla="*/ 484671 h 1795416"/>
                <a:gd name="connsiteX5" fmla="*/ 1356915 w 1356915"/>
                <a:gd name="connsiteY5" fmla="*/ 809267 h 1795416"/>
                <a:gd name="connsiteX6" fmla="*/ 311944 w 1356915"/>
                <a:gd name="connsiteY6" fmla="*/ 1419179 h 1795416"/>
                <a:gd name="connsiteX7" fmla="*/ 316706 w 1356915"/>
                <a:gd name="connsiteY7" fmla="*/ 1619203 h 1795416"/>
                <a:gd name="connsiteX8" fmla="*/ 338137 w 1356915"/>
                <a:gd name="connsiteY8" fmla="*/ 1738266 h 1795416"/>
                <a:gd name="connsiteX9" fmla="*/ 176212 w 1356915"/>
                <a:gd name="connsiteY9" fmla="*/ 1738266 h 1795416"/>
                <a:gd name="connsiteX10" fmla="*/ 76200 w 1356915"/>
                <a:gd name="connsiteY10" fmla="*/ 1795416 h 1795416"/>
                <a:gd name="connsiteX11" fmla="*/ 14287 w 1356915"/>
                <a:gd name="connsiteY11" fmla="*/ 1673972 h 1795416"/>
                <a:gd name="connsiteX12" fmla="*/ 0 w 1356915"/>
                <a:gd name="connsiteY12" fmla="*/ 1050084 h 1795416"/>
                <a:gd name="connsiteX13" fmla="*/ 946404 w 1356915"/>
                <a:gd name="connsiteY13" fmla="*/ 640299 h 1795416"/>
                <a:gd name="connsiteX0" fmla="*/ 1035335 w 1356915"/>
                <a:gd name="connsiteY0" fmla="*/ 649193 h 1795416"/>
                <a:gd name="connsiteX1" fmla="*/ 836675 w 1356915"/>
                <a:gd name="connsiteY1" fmla="*/ 48911 h 1795416"/>
                <a:gd name="connsiteX2" fmla="*/ 1121252 w 1356915"/>
                <a:gd name="connsiteY2" fmla="*/ 0 h 1795416"/>
                <a:gd name="connsiteX3" fmla="*/ 1192394 w 1356915"/>
                <a:gd name="connsiteY3" fmla="*/ 177861 h 1795416"/>
                <a:gd name="connsiteX4" fmla="*/ 1325789 w 1356915"/>
                <a:gd name="connsiteY4" fmla="*/ 484671 h 1795416"/>
                <a:gd name="connsiteX5" fmla="*/ 1356915 w 1356915"/>
                <a:gd name="connsiteY5" fmla="*/ 809267 h 1795416"/>
                <a:gd name="connsiteX6" fmla="*/ 311944 w 1356915"/>
                <a:gd name="connsiteY6" fmla="*/ 1419179 h 1795416"/>
                <a:gd name="connsiteX7" fmla="*/ 316706 w 1356915"/>
                <a:gd name="connsiteY7" fmla="*/ 1619203 h 1795416"/>
                <a:gd name="connsiteX8" fmla="*/ 338137 w 1356915"/>
                <a:gd name="connsiteY8" fmla="*/ 1738266 h 1795416"/>
                <a:gd name="connsiteX9" fmla="*/ 176212 w 1356915"/>
                <a:gd name="connsiteY9" fmla="*/ 1738266 h 1795416"/>
                <a:gd name="connsiteX10" fmla="*/ 76200 w 1356915"/>
                <a:gd name="connsiteY10" fmla="*/ 1795416 h 1795416"/>
                <a:gd name="connsiteX11" fmla="*/ 14287 w 1356915"/>
                <a:gd name="connsiteY11" fmla="*/ 1673972 h 1795416"/>
                <a:gd name="connsiteX12" fmla="*/ 0 w 1356915"/>
                <a:gd name="connsiteY12" fmla="*/ 1050084 h 1795416"/>
                <a:gd name="connsiteX13" fmla="*/ 1035335 w 1356915"/>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356915 w 1411836"/>
                <a:gd name="connsiteY5" fmla="*/ 809267 h 1795416"/>
                <a:gd name="connsiteX6" fmla="*/ 1411836 w 1411836"/>
                <a:gd name="connsiteY6" fmla="*/ 1002100 h 1795416"/>
                <a:gd name="connsiteX7" fmla="*/ 316706 w 1411836"/>
                <a:gd name="connsiteY7" fmla="*/ 1619203 h 1795416"/>
                <a:gd name="connsiteX8" fmla="*/ 338137 w 1411836"/>
                <a:gd name="connsiteY8" fmla="*/ 1738266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411836 w 1411836"/>
                <a:gd name="connsiteY5" fmla="*/ 800408 h 1795416"/>
                <a:gd name="connsiteX6" fmla="*/ 1411836 w 1411836"/>
                <a:gd name="connsiteY6" fmla="*/ 1002100 h 1795416"/>
                <a:gd name="connsiteX7" fmla="*/ 316706 w 1411836"/>
                <a:gd name="connsiteY7" fmla="*/ 1619203 h 1795416"/>
                <a:gd name="connsiteX8" fmla="*/ 338137 w 1411836"/>
                <a:gd name="connsiteY8" fmla="*/ 1738266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411836 w 1411836"/>
                <a:gd name="connsiteY5" fmla="*/ 800408 h 1795416"/>
                <a:gd name="connsiteX6" fmla="*/ 1411836 w 1411836"/>
                <a:gd name="connsiteY6" fmla="*/ 1002100 h 1795416"/>
                <a:gd name="connsiteX7" fmla="*/ 1411105 w 1411836"/>
                <a:gd name="connsiteY7" fmla="*/ 1706154 h 1795416"/>
                <a:gd name="connsiteX8" fmla="*/ 338137 w 1411836"/>
                <a:gd name="connsiteY8" fmla="*/ 1738266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95416"/>
                <a:gd name="connsiteX1" fmla="*/ 836675 w 1411836"/>
                <a:gd name="connsiteY1" fmla="*/ 48911 h 1795416"/>
                <a:gd name="connsiteX2" fmla="*/ 1121252 w 1411836"/>
                <a:gd name="connsiteY2" fmla="*/ 0 h 1795416"/>
                <a:gd name="connsiteX3" fmla="*/ 1192394 w 1411836"/>
                <a:gd name="connsiteY3" fmla="*/ 177861 h 1795416"/>
                <a:gd name="connsiteX4" fmla="*/ 1325789 w 1411836"/>
                <a:gd name="connsiteY4" fmla="*/ 484671 h 1795416"/>
                <a:gd name="connsiteX5" fmla="*/ 1411836 w 1411836"/>
                <a:gd name="connsiteY5" fmla="*/ 800408 h 1795416"/>
                <a:gd name="connsiteX6" fmla="*/ 1411836 w 1411836"/>
                <a:gd name="connsiteY6" fmla="*/ 1002100 h 1795416"/>
                <a:gd name="connsiteX7" fmla="*/ 1411105 w 1411836"/>
                <a:gd name="connsiteY7" fmla="*/ 1706154 h 1795416"/>
                <a:gd name="connsiteX8" fmla="*/ 1111830 w 1411836"/>
                <a:gd name="connsiteY8" fmla="*/ 1716034 h 1795416"/>
                <a:gd name="connsiteX9" fmla="*/ 176212 w 1411836"/>
                <a:gd name="connsiteY9" fmla="*/ 1738266 h 1795416"/>
                <a:gd name="connsiteX10" fmla="*/ 76200 w 1411836"/>
                <a:gd name="connsiteY10" fmla="*/ 1795416 h 1795416"/>
                <a:gd name="connsiteX11" fmla="*/ 14287 w 1411836"/>
                <a:gd name="connsiteY11" fmla="*/ 1673972 h 1795416"/>
                <a:gd name="connsiteX12" fmla="*/ 0 w 1411836"/>
                <a:gd name="connsiteY12" fmla="*/ 1050084 h 1795416"/>
                <a:gd name="connsiteX13" fmla="*/ 1035335 w 1411836"/>
                <a:gd name="connsiteY13" fmla="*/ 649193 h 1795416"/>
                <a:gd name="connsiteX0" fmla="*/ 1035335 w 1411836"/>
                <a:gd name="connsiteY0" fmla="*/ 649193 h 1738267"/>
                <a:gd name="connsiteX1" fmla="*/ 836675 w 1411836"/>
                <a:gd name="connsiteY1" fmla="*/ 48911 h 1738267"/>
                <a:gd name="connsiteX2" fmla="*/ 1121252 w 1411836"/>
                <a:gd name="connsiteY2" fmla="*/ 0 h 1738267"/>
                <a:gd name="connsiteX3" fmla="*/ 1192394 w 1411836"/>
                <a:gd name="connsiteY3" fmla="*/ 177861 h 1738267"/>
                <a:gd name="connsiteX4" fmla="*/ 1325789 w 1411836"/>
                <a:gd name="connsiteY4" fmla="*/ 484671 h 1738267"/>
                <a:gd name="connsiteX5" fmla="*/ 1411836 w 1411836"/>
                <a:gd name="connsiteY5" fmla="*/ 800408 h 1738267"/>
                <a:gd name="connsiteX6" fmla="*/ 1411836 w 1411836"/>
                <a:gd name="connsiteY6" fmla="*/ 1002100 h 1738267"/>
                <a:gd name="connsiteX7" fmla="*/ 1411105 w 1411836"/>
                <a:gd name="connsiteY7" fmla="*/ 1706154 h 1738267"/>
                <a:gd name="connsiteX8" fmla="*/ 1111830 w 1411836"/>
                <a:gd name="connsiteY8" fmla="*/ 1716034 h 1738267"/>
                <a:gd name="connsiteX9" fmla="*/ 176212 w 1411836"/>
                <a:gd name="connsiteY9" fmla="*/ 1738266 h 1738267"/>
                <a:gd name="connsiteX10" fmla="*/ 14287 w 1411836"/>
                <a:gd name="connsiteY10" fmla="*/ 1673972 h 1738267"/>
                <a:gd name="connsiteX11" fmla="*/ 0 w 1411836"/>
                <a:gd name="connsiteY11" fmla="*/ 1050084 h 1738267"/>
                <a:gd name="connsiteX12" fmla="*/ 1035335 w 1411836"/>
                <a:gd name="connsiteY12" fmla="*/ 649193 h 1738267"/>
                <a:gd name="connsiteX0" fmla="*/ 1035335 w 1411836"/>
                <a:gd name="connsiteY0" fmla="*/ 649193 h 1716034"/>
                <a:gd name="connsiteX1" fmla="*/ 836675 w 1411836"/>
                <a:gd name="connsiteY1" fmla="*/ 48911 h 1716034"/>
                <a:gd name="connsiteX2" fmla="*/ 1121252 w 1411836"/>
                <a:gd name="connsiteY2" fmla="*/ 0 h 1716034"/>
                <a:gd name="connsiteX3" fmla="*/ 1192394 w 1411836"/>
                <a:gd name="connsiteY3" fmla="*/ 177861 h 1716034"/>
                <a:gd name="connsiteX4" fmla="*/ 1325789 w 1411836"/>
                <a:gd name="connsiteY4" fmla="*/ 484671 h 1716034"/>
                <a:gd name="connsiteX5" fmla="*/ 1411836 w 1411836"/>
                <a:gd name="connsiteY5" fmla="*/ 800408 h 1716034"/>
                <a:gd name="connsiteX6" fmla="*/ 1411836 w 1411836"/>
                <a:gd name="connsiteY6" fmla="*/ 1002100 h 1716034"/>
                <a:gd name="connsiteX7" fmla="*/ 1411105 w 1411836"/>
                <a:gd name="connsiteY7" fmla="*/ 1706154 h 1716034"/>
                <a:gd name="connsiteX8" fmla="*/ 1111830 w 1411836"/>
                <a:gd name="connsiteY8" fmla="*/ 1716034 h 1716034"/>
                <a:gd name="connsiteX9" fmla="*/ 14287 w 1411836"/>
                <a:gd name="connsiteY9" fmla="*/ 1673972 h 1716034"/>
                <a:gd name="connsiteX10" fmla="*/ 0 w 1411836"/>
                <a:gd name="connsiteY10" fmla="*/ 1050084 h 1716034"/>
                <a:gd name="connsiteX11" fmla="*/ 1035335 w 1411836"/>
                <a:gd name="connsiteY11" fmla="*/ 649193 h 1716034"/>
                <a:gd name="connsiteX0" fmla="*/ 1035335 w 1411836"/>
                <a:gd name="connsiteY0" fmla="*/ 649193 h 1716034"/>
                <a:gd name="connsiteX1" fmla="*/ 836675 w 1411836"/>
                <a:gd name="connsiteY1" fmla="*/ 48911 h 1716034"/>
                <a:gd name="connsiteX2" fmla="*/ 1121252 w 1411836"/>
                <a:gd name="connsiteY2" fmla="*/ 0 h 1716034"/>
                <a:gd name="connsiteX3" fmla="*/ 1192394 w 1411836"/>
                <a:gd name="connsiteY3" fmla="*/ 177861 h 1716034"/>
                <a:gd name="connsiteX4" fmla="*/ 1325789 w 1411836"/>
                <a:gd name="connsiteY4" fmla="*/ 484671 h 1716034"/>
                <a:gd name="connsiteX5" fmla="*/ 1411836 w 1411836"/>
                <a:gd name="connsiteY5" fmla="*/ 800408 h 1716034"/>
                <a:gd name="connsiteX6" fmla="*/ 1411836 w 1411836"/>
                <a:gd name="connsiteY6" fmla="*/ 1002100 h 1716034"/>
                <a:gd name="connsiteX7" fmla="*/ 1411105 w 1411836"/>
                <a:gd name="connsiteY7" fmla="*/ 1706154 h 1716034"/>
                <a:gd name="connsiteX8" fmla="*/ 1111830 w 1411836"/>
                <a:gd name="connsiteY8" fmla="*/ 1716034 h 1716034"/>
                <a:gd name="connsiteX9" fmla="*/ 0 w 1411836"/>
                <a:gd name="connsiteY9" fmla="*/ 1050084 h 1716034"/>
                <a:gd name="connsiteX10" fmla="*/ 1035335 w 1411836"/>
                <a:gd name="connsiteY10" fmla="*/ 649193 h 1716034"/>
                <a:gd name="connsiteX0" fmla="*/ 198659 w 575160"/>
                <a:gd name="connsiteY0" fmla="*/ 649193 h 1716034"/>
                <a:gd name="connsiteX1" fmla="*/ -1 w 575160"/>
                <a:gd name="connsiteY1" fmla="*/ 48911 h 1716034"/>
                <a:gd name="connsiteX2" fmla="*/ 284576 w 575160"/>
                <a:gd name="connsiteY2" fmla="*/ 0 h 1716034"/>
                <a:gd name="connsiteX3" fmla="*/ 355718 w 575160"/>
                <a:gd name="connsiteY3" fmla="*/ 177861 h 1716034"/>
                <a:gd name="connsiteX4" fmla="*/ 489113 w 575160"/>
                <a:gd name="connsiteY4" fmla="*/ 484671 h 1716034"/>
                <a:gd name="connsiteX5" fmla="*/ 575160 w 575160"/>
                <a:gd name="connsiteY5" fmla="*/ 800408 h 1716034"/>
                <a:gd name="connsiteX6" fmla="*/ 575160 w 575160"/>
                <a:gd name="connsiteY6" fmla="*/ 1002100 h 1716034"/>
                <a:gd name="connsiteX7" fmla="*/ 574429 w 575160"/>
                <a:gd name="connsiteY7" fmla="*/ 1706154 h 1716034"/>
                <a:gd name="connsiteX8" fmla="*/ 275154 w 575160"/>
                <a:gd name="connsiteY8" fmla="*/ 1716034 h 1716034"/>
                <a:gd name="connsiteX9" fmla="*/ 198659 w 575160"/>
                <a:gd name="connsiteY9" fmla="*/ 649193 h 171603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75160" h="1716034">
                  <a:moveTo>
                    <a:pt x="198659" y="649193"/>
                  </a:moveTo>
                  <a:lnTo>
                    <a:pt x="-1" y="48911"/>
                  </a:lnTo>
                  <a:lnTo>
                    <a:pt x="284576" y="0"/>
                  </a:lnTo>
                  <a:lnTo>
                    <a:pt x="355718" y="177861"/>
                  </a:lnTo>
                  <a:lnTo>
                    <a:pt x="489113" y="484671"/>
                  </a:lnTo>
                  <a:lnTo>
                    <a:pt x="575160" y="800408"/>
                  </a:lnTo>
                  <a:lnTo>
                    <a:pt x="575160" y="1002100"/>
                  </a:lnTo>
                  <a:cubicBezTo>
                    <a:pt x="574916" y="1236785"/>
                    <a:pt x="574673" y="1471469"/>
                    <a:pt x="574429" y="1706154"/>
                  </a:cubicBezTo>
                  <a:lnTo>
                    <a:pt x="275154" y="1716034"/>
                  </a:lnTo>
                  <a:lnTo>
                    <a:pt x="198659" y="649193"/>
                  </a:lnTo>
                  <a:close/>
                </a:path>
              </a:pathLst>
            </a:custGeom>
            <a:noFill/>
            <a:ln w="25400">
              <a:solidFill>
                <a:srgbClr val="008000"/>
              </a:solidFill>
              <a:prstDash val="sys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2" name="フリーフォーム 81"/>
            <p:cNvSpPr/>
            <p:nvPr/>
          </p:nvSpPr>
          <p:spPr>
            <a:xfrm>
              <a:off x="6601201" y="4682719"/>
              <a:ext cx="241444" cy="1358547"/>
            </a:xfrm>
            <a:custGeom>
              <a:avLst/>
              <a:gdLst>
                <a:gd name="connsiteX0" fmla="*/ 0 w 919163"/>
                <a:gd name="connsiteY0" fmla="*/ 0 h 759618"/>
                <a:gd name="connsiteX1" fmla="*/ 311944 w 919163"/>
                <a:gd name="connsiteY1" fmla="*/ 2381 h 759618"/>
                <a:gd name="connsiteX2" fmla="*/ 919163 w 919163"/>
                <a:gd name="connsiteY2" fmla="*/ 759618 h 759618"/>
                <a:gd name="connsiteX3" fmla="*/ 919163 w 919163"/>
                <a:gd name="connsiteY3" fmla="*/ 759618 h 759618"/>
                <a:gd name="connsiteX0" fmla="*/ 0 w 919163"/>
                <a:gd name="connsiteY0" fmla="*/ 0 h 1198265"/>
                <a:gd name="connsiteX1" fmla="*/ 311944 w 919163"/>
                <a:gd name="connsiteY1" fmla="*/ 2381 h 1198265"/>
                <a:gd name="connsiteX2" fmla="*/ 284733 w 919163"/>
                <a:gd name="connsiteY2" fmla="*/ 1198265 h 1198265"/>
                <a:gd name="connsiteX3" fmla="*/ 919163 w 919163"/>
                <a:gd name="connsiteY3" fmla="*/ 759618 h 1198265"/>
                <a:gd name="connsiteX4" fmla="*/ 919163 w 919163"/>
                <a:gd name="connsiteY4" fmla="*/ 759618 h 1198265"/>
                <a:gd name="connsiteX0" fmla="*/ 0 w 919163"/>
                <a:gd name="connsiteY0" fmla="*/ 0 h 1528762"/>
                <a:gd name="connsiteX1" fmla="*/ 311944 w 919163"/>
                <a:gd name="connsiteY1" fmla="*/ 2381 h 1528762"/>
                <a:gd name="connsiteX2" fmla="*/ 284733 w 919163"/>
                <a:gd name="connsiteY2" fmla="*/ 1198265 h 1528762"/>
                <a:gd name="connsiteX3" fmla="*/ 300038 w 919163"/>
                <a:gd name="connsiteY3" fmla="*/ 1528762 h 1528762"/>
                <a:gd name="connsiteX4" fmla="*/ 919163 w 919163"/>
                <a:gd name="connsiteY4" fmla="*/ 759618 h 1528762"/>
                <a:gd name="connsiteX5" fmla="*/ 919163 w 919163"/>
                <a:gd name="connsiteY5" fmla="*/ 759618 h 1528762"/>
                <a:gd name="connsiteX0" fmla="*/ 0 w 919163"/>
                <a:gd name="connsiteY0" fmla="*/ 0 h 1728786"/>
                <a:gd name="connsiteX1" fmla="*/ 311944 w 919163"/>
                <a:gd name="connsiteY1" fmla="*/ 2381 h 1728786"/>
                <a:gd name="connsiteX2" fmla="*/ 284733 w 919163"/>
                <a:gd name="connsiteY2" fmla="*/ 1198265 h 1728786"/>
                <a:gd name="connsiteX3" fmla="*/ 300038 w 919163"/>
                <a:gd name="connsiteY3" fmla="*/ 1528762 h 1728786"/>
                <a:gd name="connsiteX4" fmla="*/ 304800 w 919163"/>
                <a:gd name="connsiteY4" fmla="*/ 1728786 h 1728786"/>
                <a:gd name="connsiteX5" fmla="*/ 919163 w 919163"/>
                <a:gd name="connsiteY5" fmla="*/ 759618 h 1728786"/>
                <a:gd name="connsiteX6" fmla="*/ 919163 w 919163"/>
                <a:gd name="connsiteY6" fmla="*/ 759618 h 1728786"/>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919163 w 919163"/>
                <a:gd name="connsiteY6" fmla="*/ 759618 h 1847849"/>
                <a:gd name="connsiteX7" fmla="*/ 919163 w 919163"/>
                <a:gd name="connsiteY7" fmla="*/ 759618 h 1847849"/>
                <a:gd name="connsiteX0" fmla="*/ 0 w 919163"/>
                <a:gd name="connsiteY0" fmla="*/ 0 h 1847849"/>
                <a:gd name="connsiteX1" fmla="*/ 311944 w 919163"/>
                <a:gd name="connsiteY1" fmla="*/ 2381 h 1847849"/>
                <a:gd name="connsiteX2" fmla="*/ 284733 w 919163"/>
                <a:gd name="connsiteY2" fmla="*/ 1198265 h 1847849"/>
                <a:gd name="connsiteX3" fmla="*/ 300038 w 919163"/>
                <a:gd name="connsiteY3" fmla="*/ 1528762 h 1847849"/>
                <a:gd name="connsiteX4" fmla="*/ 304800 w 919163"/>
                <a:gd name="connsiteY4" fmla="*/ 1728786 h 1847849"/>
                <a:gd name="connsiteX5" fmla="*/ 326231 w 919163"/>
                <a:gd name="connsiteY5" fmla="*/ 1847849 h 1847849"/>
                <a:gd name="connsiteX6" fmla="*/ 164306 w 919163"/>
                <a:gd name="connsiteY6" fmla="*/ 1847849 h 1847849"/>
                <a:gd name="connsiteX7" fmla="*/ 919163 w 919163"/>
                <a:gd name="connsiteY7" fmla="*/ 759618 h 1847849"/>
                <a:gd name="connsiteX8" fmla="*/ 919163 w 919163"/>
                <a:gd name="connsiteY8" fmla="*/ 759618 h 184784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919163 w 919163"/>
                <a:gd name="connsiteY8" fmla="*/ 759618 h 1904999"/>
                <a:gd name="connsiteX9" fmla="*/ 919163 w 919163"/>
                <a:gd name="connsiteY9" fmla="*/ 759618 h 1904999"/>
                <a:gd name="connsiteX0" fmla="*/ 0 w 919163"/>
                <a:gd name="connsiteY0" fmla="*/ 0 h 1904999"/>
                <a:gd name="connsiteX1" fmla="*/ 311944 w 919163"/>
                <a:gd name="connsiteY1" fmla="*/ 2381 h 1904999"/>
                <a:gd name="connsiteX2" fmla="*/ 284733 w 919163"/>
                <a:gd name="connsiteY2" fmla="*/ 1198265 h 1904999"/>
                <a:gd name="connsiteX3" fmla="*/ 300038 w 919163"/>
                <a:gd name="connsiteY3" fmla="*/ 1528762 h 1904999"/>
                <a:gd name="connsiteX4" fmla="*/ 304800 w 919163"/>
                <a:gd name="connsiteY4" fmla="*/ 1728786 h 1904999"/>
                <a:gd name="connsiteX5" fmla="*/ 326231 w 919163"/>
                <a:gd name="connsiteY5" fmla="*/ 1847849 h 1904999"/>
                <a:gd name="connsiteX6" fmla="*/ 164306 w 919163"/>
                <a:gd name="connsiteY6" fmla="*/ 1847849 h 1904999"/>
                <a:gd name="connsiteX7" fmla="*/ 64294 w 919163"/>
                <a:gd name="connsiteY7" fmla="*/ 1904999 h 1904999"/>
                <a:gd name="connsiteX8" fmla="*/ 2381 w 919163"/>
                <a:gd name="connsiteY8" fmla="*/ 1783555 h 1904999"/>
                <a:gd name="connsiteX9" fmla="*/ 919163 w 919163"/>
                <a:gd name="connsiteY9" fmla="*/ 759618 h 1904999"/>
                <a:gd name="connsiteX10" fmla="*/ 919163 w 919163"/>
                <a:gd name="connsiteY10"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931069 w 931069"/>
                <a:gd name="connsiteY11" fmla="*/ 759618 h 1904999"/>
                <a:gd name="connsiteX0" fmla="*/ 11906 w 931069"/>
                <a:gd name="connsiteY0" fmla="*/ 0 h 1904999"/>
                <a:gd name="connsiteX1" fmla="*/ 323850 w 931069"/>
                <a:gd name="connsiteY1" fmla="*/ 2381 h 1904999"/>
                <a:gd name="connsiteX2" fmla="*/ 296639 w 931069"/>
                <a:gd name="connsiteY2" fmla="*/ 1198265 h 1904999"/>
                <a:gd name="connsiteX3" fmla="*/ 311944 w 931069"/>
                <a:gd name="connsiteY3" fmla="*/ 1528762 h 1904999"/>
                <a:gd name="connsiteX4" fmla="*/ 316706 w 931069"/>
                <a:gd name="connsiteY4" fmla="*/ 1728786 h 1904999"/>
                <a:gd name="connsiteX5" fmla="*/ 338137 w 931069"/>
                <a:gd name="connsiteY5" fmla="*/ 1847849 h 1904999"/>
                <a:gd name="connsiteX6" fmla="*/ 176212 w 931069"/>
                <a:gd name="connsiteY6" fmla="*/ 1847849 h 1904999"/>
                <a:gd name="connsiteX7" fmla="*/ 76200 w 931069"/>
                <a:gd name="connsiteY7" fmla="*/ 1904999 h 1904999"/>
                <a:gd name="connsiteX8" fmla="*/ 14287 w 931069"/>
                <a:gd name="connsiteY8" fmla="*/ 1783555 h 1904999"/>
                <a:gd name="connsiteX9" fmla="*/ 0 w 931069"/>
                <a:gd name="connsiteY9" fmla="*/ 1159667 h 1904999"/>
                <a:gd name="connsiteX10" fmla="*/ 931069 w 931069"/>
                <a:gd name="connsiteY10" fmla="*/ 759618 h 1904999"/>
                <a:gd name="connsiteX11" fmla="*/ 882079 w 93106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10071 w 882079"/>
                <a:gd name="connsiteY10" fmla="*/ 879895 h 1904999"/>
                <a:gd name="connsiteX11" fmla="*/ 882079 w 882079"/>
                <a:gd name="connsiteY11" fmla="*/ 807887 h 1904999"/>
                <a:gd name="connsiteX0" fmla="*/ 11906 w 882079"/>
                <a:gd name="connsiteY0" fmla="*/ 0 h 1904999"/>
                <a:gd name="connsiteX1" fmla="*/ 323850 w 882079"/>
                <a:gd name="connsiteY1" fmla="*/ 2381 h 1904999"/>
                <a:gd name="connsiteX2" fmla="*/ 296639 w 882079"/>
                <a:gd name="connsiteY2" fmla="*/ 1198265 h 1904999"/>
                <a:gd name="connsiteX3" fmla="*/ 311944 w 882079"/>
                <a:gd name="connsiteY3" fmla="*/ 1528762 h 1904999"/>
                <a:gd name="connsiteX4" fmla="*/ 316706 w 882079"/>
                <a:gd name="connsiteY4" fmla="*/ 1728786 h 1904999"/>
                <a:gd name="connsiteX5" fmla="*/ 338137 w 882079"/>
                <a:gd name="connsiteY5" fmla="*/ 1847849 h 1904999"/>
                <a:gd name="connsiteX6" fmla="*/ 176212 w 882079"/>
                <a:gd name="connsiteY6" fmla="*/ 1847849 h 1904999"/>
                <a:gd name="connsiteX7" fmla="*/ 76200 w 882079"/>
                <a:gd name="connsiteY7" fmla="*/ 1904999 h 1904999"/>
                <a:gd name="connsiteX8" fmla="*/ 14287 w 882079"/>
                <a:gd name="connsiteY8" fmla="*/ 1783555 h 1904999"/>
                <a:gd name="connsiteX9" fmla="*/ 0 w 882079"/>
                <a:gd name="connsiteY9" fmla="*/ 1159667 h 1904999"/>
                <a:gd name="connsiteX10" fmla="*/ 882079 w 882079"/>
                <a:gd name="connsiteY10" fmla="*/ 807887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0" fmla="*/ 11906 w 338137"/>
                <a:gd name="connsiteY0" fmla="*/ 0 h 1904999"/>
                <a:gd name="connsiteX1" fmla="*/ 323850 w 338137"/>
                <a:gd name="connsiteY1" fmla="*/ 2381 h 1904999"/>
                <a:gd name="connsiteX2" fmla="*/ 296639 w 338137"/>
                <a:gd name="connsiteY2" fmla="*/ 1198265 h 1904999"/>
                <a:gd name="connsiteX3" fmla="*/ 311944 w 338137"/>
                <a:gd name="connsiteY3" fmla="*/ 1528762 h 1904999"/>
                <a:gd name="connsiteX4" fmla="*/ 316706 w 338137"/>
                <a:gd name="connsiteY4" fmla="*/ 1728786 h 1904999"/>
                <a:gd name="connsiteX5" fmla="*/ 338137 w 338137"/>
                <a:gd name="connsiteY5" fmla="*/ 1847849 h 1904999"/>
                <a:gd name="connsiteX6" fmla="*/ 176212 w 338137"/>
                <a:gd name="connsiteY6" fmla="*/ 1847849 h 1904999"/>
                <a:gd name="connsiteX7" fmla="*/ 76200 w 338137"/>
                <a:gd name="connsiteY7" fmla="*/ 1904999 h 1904999"/>
                <a:gd name="connsiteX8" fmla="*/ 14287 w 338137"/>
                <a:gd name="connsiteY8" fmla="*/ 1783555 h 1904999"/>
                <a:gd name="connsiteX9" fmla="*/ 0 w 338137"/>
                <a:gd name="connsiteY9" fmla="*/ 1159667 h 1904999"/>
                <a:gd name="connsiteX10" fmla="*/ 11906 w 338137"/>
                <a:gd name="connsiteY10" fmla="*/ 2380 h 1904999"/>
                <a:gd name="connsiteX11" fmla="*/ 11906 w 338137"/>
                <a:gd name="connsiteY11" fmla="*/ 0 h 1904999"/>
                <a:gd name="connsiteX0" fmla="*/ 11906 w 338137"/>
                <a:gd name="connsiteY0" fmla="*/ 0 h 1902619"/>
                <a:gd name="connsiteX1" fmla="*/ 323850 w 338137"/>
                <a:gd name="connsiteY1" fmla="*/ 1 h 1902619"/>
                <a:gd name="connsiteX2" fmla="*/ 296639 w 338137"/>
                <a:gd name="connsiteY2" fmla="*/ 1195885 h 1902619"/>
                <a:gd name="connsiteX3" fmla="*/ 311944 w 338137"/>
                <a:gd name="connsiteY3" fmla="*/ 1526382 h 1902619"/>
                <a:gd name="connsiteX4" fmla="*/ 316706 w 338137"/>
                <a:gd name="connsiteY4" fmla="*/ 1726406 h 1902619"/>
                <a:gd name="connsiteX5" fmla="*/ 338137 w 338137"/>
                <a:gd name="connsiteY5" fmla="*/ 1845469 h 1902619"/>
                <a:gd name="connsiteX6" fmla="*/ 176212 w 338137"/>
                <a:gd name="connsiteY6" fmla="*/ 1845469 h 1902619"/>
                <a:gd name="connsiteX7" fmla="*/ 76200 w 338137"/>
                <a:gd name="connsiteY7" fmla="*/ 1902619 h 1902619"/>
                <a:gd name="connsiteX8" fmla="*/ 14287 w 338137"/>
                <a:gd name="connsiteY8" fmla="*/ 1781175 h 1902619"/>
                <a:gd name="connsiteX9" fmla="*/ 0 w 338137"/>
                <a:gd name="connsiteY9" fmla="*/ 1157287 h 1902619"/>
                <a:gd name="connsiteX10" fmla="*/ 11906 w 338137"/>
                <a:gd name="connsiteY10" fmla="*/ 0 h 19026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338137" h="1902619">
                  <a:moveTo>
                    <a:pt x="11906" y="0"/>
                  </a:moveTo>
                  <a:lnTo>
                    <a:pt x="323850" y="1"/>
                  </a:lnTo>
                  <a:lnTo>
                    <a:pt x="296639" y="1195885"/>
                  </a:lnTo>
                  <a:lnTo>
                    <a:pt x="311944" y="1526382"/>
                  </a:lnTo>
                  <a:lnTo>
                    <a:pt x="316706" y="1726406"/>
                  </a:lnTo>
                  <a:lnTo>
                    <a:pt x="338137" y="1845469"/>
                  </a:lnTo>
                  <a:lnTo>
                    <a:pt x="176212" y="1845469"/>
                  </a:lnTo>
                  <a:lnTo>
                    <a:pt x="76200" y="1902619"/>
                  </a:lnTo>
                  <a:lnTo>
                    <a:pt x="14287" y="1781175"/>
                  </a:lnTo>
                  <a:lnTo>
                    <a:pt x="0" y="1157287"/>
                  </a:lnTo>
                  <a:lnTo>
                    <a:pt x="11906" y="0"/>
                  </a:lnTo>
                  <a:close/>
                </a:path>
              </a:pathLst>
            </a:custGeom>
            <a:noFill/>
            <a:ln w="25400">
              <a:solidFill>
                <a:srgbClr val="FF00FF"/>
              </a:solidFill>
              <a:prstDash val="lgDashDot"/>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6" name="フリーフォーム 85"/>
            <p:cNvSpPr/>
            <p:nvPr/>
          </p:nvSpPr>
          <p:spPr>
            <a:xfrm>
              <a:off x="6579365" y="2301274"/>
              <a:ext cx="296491" cy="1403847"/>
            </a:xfrm>
            <a:custGeom>
              <a:avLst/>
              <a:gdLst>
                <a:gd name="connsiteX0" fmla="*/ 0 w 335756"/>
                <a:gd name="connsiteY0" fmla="*/ 0 h 921544"/>
                <a:gd name="connsiteX1" fmla="*/ 90488 w 335756"/>
                <a:gd name="connsiteY1" fmla="*/ 4763 h 921544"/>
                <a:gd name="connsiteX2" fmla="*/ 147638 w 335756"/>
                <a:gd name="connsiteY2" fmla="*/ 14288 h 921544"/>
                <a:gd name="connsiteX3" fmla="*/ 145256 w 335756"/>
                <a:gd name="connsiteY3" fmla="*/ 464344 h 921544"/>
                <a:gd name="connsiteX4" fmla="*/ 135731 w 335756"/>
                <a:gd name="connsiteY4" fmla="*/ 778669 h 921544"/>
                <a:gd name="connsiteX5" fmla="*/ 335756 w 335756"/>
                <a:gd name="connsiteY5" fmla="*/ 921544 h 921544"/>
                <a:gd name="connsiteX0" fmla="*/ 0 w 335756"/>
                <a:gd name="connsiteY0" fmla="*/ 0 h 997918"/>
                <a:gd name="connsiteX1" fmla="*/ 90488 w 335756"/>
                <a:gd name="connsiteY1" fmla="*/ 4763 h 997918"/>
                <a:gd name="connsiteX2" fmla="*/ 147638 w 335756"/>
                <a:gd name="connsiteY2" fmla="*/ 14288 h 997918"/>
                <a:gd name="connsiteX3" fmla="*/ 145256 w 335756"/>
                <a:gd name="connsiteY3" fmla="*/ 464344 h 997918"/>
                <a:gd name="connsiteX4" fmla="*/ 135731 w 335756"/>
                <a:gd name="connsiteY4" fmla="*/ 778669 h 997918"/>
                <a:gd name="connsiteX5" fmla="*/ 127472 w 335756"/>
                <a:gd name="connsiteY5" fmla="*/ 997918 h 997918"/>
                <a:gd name="connsiteX6" fmla="*/ 335756 w 335756"/>
                <a:gd name="connsiteY6" fmla="*/ 921544 h 997918"/>
                <a:gd name="connsiteX0" fmla="*/ 28575 w 364331"/>
                <a:gd name="connsiteY0" fmla="*/ 0 h 997918"/>
                <a:gd name="connsiteX1" fmla="*/ 119063 w 364331"/>
                <a:gd name="connsiteY1" fmla="*/ 4763 h 997918"/>
                <a:gd name="connsiteX2" fmla="*/ 176213 w 364331"/>
                <a:gd name="connsiteY2" fmla="*/ 14288 h 997918"/>
                <a:gd name="connsiteX3" fmla="*/ 173831 w 364331"/>
                <a:gd name="connsiteY3" fmla="*/ 464344 h 997918"/>
                <a:gd name="connsiteX4" fmla="*/ 164306 w 364331"/>
                <a:gd name="connsiteY4" fmla="*/ 778669 h 997918"/>
                <a:gd name="connsiteX5" fmla="*/ 156047 w 364331"/>
                <a:gd name="connsiteY5" fmla="*/ 997918 h 997918"/>
                <a:gd name="connsiteX6" fmla="*/ 0 w 364331"/>
                <a:gd name="connsiteY6" fmla="*/ 990600 h 997918"/>
                <a:gd name="connsiteX7" fmla="*/ 364331 w 364331"/>
                <a:gd name="connsiteY7" fmla="*/ 921544 h 997918"/>
                <a:gd name="connsiteX0" fmla="*/ 28575 w 364331"/>
                <a:gd name="connsiteY0" fmla="*/ 0 h 992188"/>
                <a:gd name="connsiteX1" fmla="*/ 119063 w 364331"/>
                <a:gd name="connsiteY1" fmla="*/ 4763 h 992188"/>
                <a:gd name="connsiteX2" fmla="*/ 176213 w 364331"/>
                <a:gd name="connsiteY2" fmla="*/ 14288 h 992188"/>
                <a:gd name="connsiteX3" fmla="*/ 173831 w 364331"/>
                <a:gd name="connsiteY3" fmla="*/ 464344 h 992188"/>
                <a:gd name="connsiteX4" fmla="*/ 164306 w 364331"/>
                <a:gd name="connsiteY4" fmla="*/ 778669 h 992188"/>
                <a:gd name="connsiteX5" fmla="*/ 160835 w 364331"/>
                <a:gd name="connsiteY5" fmla="*/ 992188 h 992188"/>
                <a:gd name="connsiteX6" fmla="*/ 0 w 364331"/>
                <a:gd name="connsiteY6" fmla="*/ 990600 h 992188"/>
                <a:gd name="connsiteX7" fmla="*/ 364331 w 364331"/>
                <a:gd name="connsiteY7" fmla="*/ 921544 h 992188"/>
                <a:gd name="connsiteX0" fmla="*/ 28575 w 364331"/>
                <a:gd name="connsiteY0" fmla="*/ 0 h 992188"/>
                <a:gd name="connsiteX1" fmla="*/ 119063 w 364331"/>
                <a:gd name="connsiteY1" fmla="*/ 4763 h 992188"/>
                <a:gd name="connsiteX2" fmla="*/ 176213 w 364331"/>
                <a:gd name="connsiteY2" fmla="*/ 14288 h 992188"/>
                <a:gd name="connsiteX3" fmla="*/ 173831 w 364331"/>
                <a:gd name="connsiteY3" fmla="*/ 464344 h 992188"/>
                <a:gd name="connsiteX4" fmla="*/ 164306 w 364331"/>
                <a:gd name="connsiteY4" fmla="*/ 778669 h 992188"/>
                <a:gd name="connsiteX5" fmla="*/ 160835 w 364331"/>
                <a:gd name="connsiteY5" fmla="*/ 992188 h 992188"/>
                <a:gd name="connsiteX6" fmla="*/ 0 w 364331"/>
                <a:gd name="connsiteY6" fmla="*/ 990600 h 992188"/>
                <a:gd name="connsiteX7" fmla="*/ 4764 w 364331"/>
                <a:gd name="connsiteY7" fmla="*/ 857250 h 992188"/>
                <a:gd name="connsiteX8" fmla="*/ 364331 w 364331"/>
                <a:gd name="connsiteY8"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397667 w 397667"/>
                <a:gd name="connsiteY9"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397667 w 397667"/>
                <a:gd name="connsiteY10"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397667 w 397667"/>
                <a:gd name="connsiteY11"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397667 w 397667"/>
                <a:gd name="connsiteY12"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397667 w 397667"/>
                <a:gd name="connsiteY13"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397667 w 397667"/>
                <a:gd name="connsiteY14"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397667 w 397667"/>
                <a:gd name="connsiteY15"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7667 w 397667"/>
                <a:gd name="connsiteY16"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2211 w 397667"/>
                <a:gd name="connsiteY16" fmla="*/ 777925 h 992188"/>
                <a:gd name="connsiteX17" fmla="*/ 397667 w 397667"/>
                <a:gd name="connsiteY17" fmla="*/ 921544 h 992188"/>
                <a:gd name="connsiteX0" fmla="*/ 61911 w 448567"/>
                <a:gd name="connsiteY0" fmla="*/ 0 h 992188"/>
                <a:gd name="connsiteX1" fmla="*/ 152399 w 448567"/>
                <a:gd name="connsiteY1" fmla="*/ 4763 h 992188"/>
                <a:gd name="connsiteX2" fmla="*/ 209549 w 448567"/>
                <a:gd name="connsiteY2" fmla="*/ 14288 h 992188"/>
                <a:gd name="connsiteX3" fmla="*/ 207167 w 448567"/>
                <a:gd name="connsiteY3" fmla="*/ 464344 h 992188"/>
                <a:gd name="connsiteX4" fmla="*/ 197642 w 448567"/>
                <a:gd name="connsiteY4" fmla="*/ 778669 h 992188"/>
                <a:gd name="connsiteX5" fmla="*/ 194171 w 448567"/>
                <a:gd name="connsiteY5" fmla="*/ 992188 h 992188"/>
                <a:gd name="connsiteX6" fmla="*/ 33336 w 448567"/>
                <a:gd name="connsiteY6" fmla="*/ 990600 h 992188"/>
                <a:gd name="connsiteX7" fmla="*/ 38100 w 448567"/>
                <a:gd name="connsiteY7" fmla="*/ 857250 h 992188"/>
                <a:gd name="connsiteX8" fmla="*/ 0 w 448567"/>
                <a:gd name="connsiteY8" fmla="*/ 854869 h 992188"/>
                <a:gd name="connsiteX9" fmla="*/ 2381 w 448567"/>
                <a:gd name="connsiteY9" fmla="*/ 692944 h 992188"/>
                <a:gd name="connsiteX10" fmla="*/ 59531 w 448567"/>
                <a:gd name="connsiteY10" fmla="*/ 692944 h 992188"/>
                <a:gd name="connsiteX11" fmla="*/ 59531 w 448567"/>
                <a:gd name="connsiteY11" fmla="*/ 650082 h 992188"/>
                <a:gd name="connsiteX12" fmla="*/ 52387 w 448567"/>
                <a:gd name="connsiteY12" fmla="*/ 616744 h 992188"/>
                <a:gd name="connsiteX13" fmla="*/ 52387 w 448567"/>
                <a:gd name="connsiteY13" fmla="*/ 171450 h 992188"/>
                <a:gd name="connsiteX14" fmla="*/ 52387 w 448567"/>
                <a:gd name="connsiteY14" fmla="*/ 97632 h 992188"/>
                <a:gd name="connsiteX15" fmla="*/ 59531 w 448567"/>
                <a:gd name="connsiteY15" fmla="*/ 97632 h 992188"/>
                <a:gd name="connsiteX16" fmla="*/ 392211 w 448567"/>
                <a:gd name="connsiteY16" fmla="*/ 777925 h 992188"/>
                <a:gd name="connsiteX17" fmla="*/ 397667 w 448567"/>
                <a:gd name="connsiteY17"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2211 w 397667"/>
                <a:gd name="connsiteY16" fmla="*/ 777925 h 992188"/>
                <a:gd name="connsiteX17" fmla="*/ 397667 w 397667"/>
                <a:gd name="connsiteY17" fmla="*/ 921544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2211 w 397667"/>
                <a:gd name="connsiteY16" fmla="*/ 777925 h 992188"/>
                <a:gd name="connsiteX17" fmla="*/ 397667 w 397667"/>
                <a:gd name="connsiteY17" fmla="*/ 921544 h 992188"/>
                <a:gd name="connsiteX18" fmla="*/ 61911 w 397667"/>
                <a:gd name="connsiteY18" fmla="*/ 0 h 992188"/>
                <a:gd name="connsiteX0" fmla="*/ 61911 w 397667"/>
                <a:gd name="connsiteY0" fmla="*/ 0 h 992188"/>
                <a:gd name="connsiteX1" fmla="*/ 152399 w 397667"/>
                <a:gd name="connsiteY1" fmla="*/ 4763 h 992188"/>
                <a:gd name="connsiteX2" fmla="*/ 209549 w 397667"/>
                <a:gd name="connsiteY2" fmla="*/ 14288 h 992188"/>
                <a:gd name="connsiteX3" fmla="*/ 207167 w 397667"/>
                <a:gd name="connsiteY3" fmla="*/ 464344 h 992188"/>
                <a:gd name="connsiteX4" fmla="*/ 197642 w 397667"/>
                <a:gd name="connsiteY4" fmla="*/ 778669 h 992188"/>
                <a:gd name="connsiteX5" fmla="*/ 194171 w 397667"/>
                <a:gd name="connsiteY5" fmla="*/ 992188 h 992188"/>
                <a:gd name="connsiteX6" fmla="*/ 33336 w 397667"/>
                <a:gd name="connsiteY6" fmla="*/ 990600 h 992188"/>
                <a:gd name="connsiteX7" fmla="*/ 38100 w 397667"/>
                <a:gd name="connsiteY7" fmla="*/ 857250 h 992188"/>
                <a:gd name="connsiteX8" fmla="*/ 0 w 397667"/>
                <a:gd name="connsiteY8" fmla="*/ 854869 h 992188"/>
                <a:gd name="connsiteX9" fmla="*/ 2381 w 397667"/>
                <a:gd name="connsiteY9" fmla="*/ 692944 h 992188"/>
                <a:gd name="connsiteX10" fmla="*/ 59531 w 397667"/>
                <a:gd name="connsiteY10" fmla="*/ 692944 h 992188"/>
                <a:gd name="connsiteX11" fmla="*/ 59531 w 397667"/>
                <a:gd name="connsiteY11" fmla="*/ 650082 h 992188"/>
                <a:gd name="connsiteX12" fmla="*/ 52387 w 397667"/>
                <a:gd name="connsiteY12" fmla="*/ 616744 h 992188"/>
                <a:gd name="connsiteX13" fmla="*/ 52387 w 397667"/>
                <a:gd name="connsiteY13" fmla="*/ 171450 h 992188"/>
                <a:gd name="connsiteX14" fmla="*/ 52387 w 397667"/>
                <a:gd name="connsiteY14" fmla="*/ 97632 h 992188"/>
                <a:gd name="connsiteX15" fmla="*/ 59531 w 397667"/>
                <a:gd name="connsiteY15" fmla="*/ 97632 h 992188"/>
                <a:gd name="connsiteX16" fmla="*/ 397667 w 397667"/>
                <a:gd name="connsiteY16" fmla="*/ 921544 h 992188"/>
                <a:gd name="connsiteX17" fmla="*/ 61911 w 397667"/>
                <a:gd name="connsiteY17" fmla="*/ 0 h 992188"/>
                <a:gd name="connsiteX0" fmla="*/ 61911 w 209549"/>
                <a:gd name="connsiteY0" fmla="*/ 0 h 992188"/>
                <a:gd name="connsiteX1" fmla="*/ 152399 w 209549"/>
                <a:gd name="connsiteY1" fmla="*/ 4763 h 992188"/>
                <a:gd name="connsiteX2" fmla="*/ 209549 w 209549"/>
                <a:gd name="connsiteY2" fmla="*/ 14288 h 992188"/>
                <a:gd name="connsiteX3" fmla="*/ 207167 w 209549"/>
                <a:gd name="connsiteY3" fmla="*/ 464344 h 992188"/>
                <a:gd name="connsiteX4" fmla="*/ 197642 w 209549"/>
                <a:gd name="connsiteY4" fmla="*/ 778669 h 992188"/>
                <a:gd name="connsiteX5" fmla="*/ 194171 w 209549"/>
                <a:gd name="connsiteY5" fmla="*/ 992188 h 992188"/>
                <a:gd name="connsiteX6" fmla="*/ 33336 w 209549"/>
                <a:gd name="connsiteY6" fmla="*/ 990600 h 992188"/>
                <a:gd name="connsiteX7" fmla="*/ 38100 w 209549"/>
                <a:gd name="connsiteY7" fmla="*/ 857250 h 992188"/>
                <a:gd name="connsiteX8" fmla="*/ 0 w 209549"/>
                <a:gd name="connsiteY8" fmla="*/ 854869 h 992188"/>
                <a:gd name="connsiteX9" fmla="*/ 2381 w 209549"/>
                <a:gd name="connsiteY9" fmla="*/ 692944 h 992188"/>
                <a:gd name="connsiteX10" fmla="*/ 59531 w 209549"/>
                <a:gd name="connsiteY10" fmla="*/ 692944 h 992188"/>
                <a:gd name="connsiteX11" fmla="*/ 59531 w 209549"/>
                <a:gd name="connsiteY11" fmla="*/ 650082 h 992188"/>
                <a:gd name="connsiteX12" fmla="*/ 52387 w 209549"/>
                <a:gd name="connsiteY12" fmla="*/ 616744 h 992188"/>
                <a:gd name="connsiteX13" fmla="*/ 52387 w 209549"/>
                <a:gd name="connsiteY13" fmla="*/ 171450 h 992188"/>
                <a:gd name="connsiteX14" fmla="*/ 52387 w 209549"/>
                <a:gd name="connsiteY14" fmla="*/ 97632 h 992188"/>
                <a:gd name="connsiteX15" fmla="*/ 59531 w 209549"/>
                <a:gd name="connsiteY15" fmla="*/ 97632 h 992188"/>
                <a:gd name="connsiteX16" fmla="*/ 61911 w 209549"/>
                <a:gd name="connsiteY16" fmla="*/ 0 h 99218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Lst>
              <a:rect l="l" t="t" r="r" b="b"/>
              <a:pathLst>
                <a:path w="209549" h="992188">
                  <a:moveTo>
                    <a:pt x="61911" y="0"/>
                  </a:moveTo>
                  <a:lnTo>
                    <a:pt x="152399" y="4763"/>
                  </a:lnTo>
                  <a:lnTo>
                    <a:pt x="209549" y="14288"/>
                  </a:lnTo>
                  <a:lnTo>
                    <a:pt x="207167" y="464344"/>
                  </a:lnTo>
                  <a:lnTo>
                    <a:pt x="197642" y="778669"/>
                  </a:lnTo>
                  <a:lnTo>
                    <a:pt x="194171" y="992188"/>
                  </a:lnTo>
                  <a:lnTo>
                    <a:pt x="33336" y="990600"/>
                  </a:lnTo>
                  <a:lnTo>
                    <a:pt x="38100" y="857250"/>
                  </a:lnTo>
                  <a:lnTo>
                    <a:pt x="0" y="854869"/>
                  </a:lnTo>
                  <a:cubicBezTo>
                    <a:pt x="794" y="800894"/>
                    <a:pt x="1587" y="746919"/>
                    <a:pt x="2381" y="692944"/>
                  </a:cubicBezTo>
                  <a:lnTo>
                    <a:pt x="59531" y="692944"/>
                  </a:lnTo>
                  <a:lnTo>
                    <a:pt x="59531" y="650082"/>
                  </a:lnTo>
                  <a:lnTo>
                    <a:pt x="52387" y="616744"/>
                  </a:lnTo>
                  <a:lnTo>
                    <a:pt x="52387" y="171450"/>
                  </a:lnTo>
                  <a:lnTo>
                    <a:pt x="52387" y="97632"/>
                  </a:lnTo>
                  <a:lnTo>
                    <a:pt x="59531" y="97632"/>
                  </a:lnTo>
                  <a:cubicBezTo>
                    <a:pt x="61118" y="81360"/>
                    <a:pt x="46433" y="15478"/>
                    <a:pt x="61911" y="0"/>
                  </a:cubicBezTo>
                  <a:close/>
                </a:path>
              </a:pathLst>
            </a:custGeom>
            <a:noFill/>
            <a:ln w="25400">
              <a:solidFill>
                <a:srgbClr val="FF505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sz="2400"/>
            </a:p>
          </p:txBody>
        </p:sp>
        <p:sp>
          <p:nvSpPr>
            <p:cNvPr id="87" name="フリーフォーム 86"/>
            <p:cNvSpPr/>
            <p:nvPr/>
          </p:nvSpPr>
          <p:spPr>
            <a:xfrm>
              <a:off x="6572629" y="3702866"/>
              <a:ext cx="272907" cy="953492"/>
            </a:xfrm>
            <a:custGeom>
              <a:avLst/>
              <a:gdLst>
                <a:gd name="connsiteX0" fmla="*/ 192881 w 192881"/>
                <a:gd name="connsiteY0" fmla="*/ 0 h 673894"/>
                <a:gd name="connsiteX1" fmla="*/ 190500 w 192881"/>
                <a:gd name="connsiteY1" fmla="*/ 211932 h 673894"/>
                <a:gd name="connsiteX2" fmla="*/ 188119 w 192881"/>
                <a:gd name="connsiteY2" fmla="*/ 288132 h 673894"/>
                <a:gd name="connsiteX3" fmla="*/ 185738 w 192881"/>
                <a:gd name="connsiteY3" fmla="*/ 445294 h 673894"/>
                <a:gd name="connsiteX4" fmla="*/ 180975 w 192881"/>
                <a:gd name="connsiteY4" fmla="*/ 673894 h 673894"/>
                <a:gd name="connsiteX5" fmla="*/ 28575 w 192881"/>
                <a:gd name="connsiteY5" fmla="*/ 673894 h 673894"/>
                <a:gd name="connsiteX6" fmla="*/ 28575 w 192881"/>
                <a:gd name="connsiteY6" fmla="*/ 600075 h 673894"/>
                <a:gd name="connsiteX7" fmla="*/ 35719 w 192881"/>
                <a:gd name="connsiteY7" fmla="*/ 440532 h 673894"/>
                <a:gd name="connsiteX8" fmla="*/ 38100 w 192881"/>
                <a:gd name="connsiteY8" fmla="*/ 359569 h 673894"/>
                <a:gd name="connsiteX9" fmla="*/ 50006 w 192881"/>
                <a:gd name="connsiteY9" fmla="*/ 359569 h 673894"/>
                <a:gd name="connsiteX10" fmla="*/ 52388 w 192881"/>
                <a:gd name="connsiteY10" fmla="*/ 209550 h 673894"/>
                <a:gd name="connsiteX11" fmla="*/ 0 w 192881"/>
                <a:gd name="connsiteY11" fmla="*/ 211932 h 673894"/>
                <a:gd name="connsiteX12" fmla="*/ 11906 w 192881"/>
                <a:gd name="connsiteY12" fmla="*/ 4763 h 673894"/>
                <a:gd name="connsiteX13" fmla="*/ 11906 w 192881"/>
                <a:gd name="connsiteY13" fmla="*/ 4763 h 673894"/>
                <a:gd name="connsiteX14" fmla="*/ 192881 w 192881"/>
                <a:gd name="connsiteY14" fmla="*/ 0 h 6738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192881" h="673894">
                  <a:moveTo>
                    <a:pt x="192881" y="0"/>
                  </a:moveTo>
                  <a:cubicBezTo>
                    <a:pt x="192087" y="70644"/>
                    <a:pt x="191294" y="141288"/>
                    <a:pt x="190500" y="211932"/>
                  </a:cubicBezTo>
                  <a:cubicBezTo>
                    <a:pt x="189706" y="237332"/>
                    <a:pt x="188913" y="262732"/>
                    <a:pt x="188119" y="288132"/>
                  </a:cubicBezTo>
                  <a:cubicBezTo>
                    <a:pt x="187325" y="340519"/>
                    <a:pt x="186532" y="392907"/>
                    <a:pt x="185738" y="445294"/>
                  </a:cubicBezTo>
                  <a:cubicBezTo>
                    <a:pt x="184150" y="521494"/>
                    <a:pt x="182563" y="597694"/>
                    <a:pt x="180975" y="673894"/>
                  </a:cubicBezTo>
                  <a:lnTo>
                    <a:pt x="28575" y="673894"/>
                  </a:lnTo>
                  <a:lnTo>
                    <a:pt x="28575" y="600075"/>
                  </a:lnTo>
                  <a:lnTo>
                    <a:pt x="35719" y="440532"/>
                  </a:lnTo>
                  <a:cubicBezTo>
                    <a:pt x="36513" y="413544"/>
                    <a:pt x="37306" y="386557"/>
                    <a:pt x="38100" y="359569"/>
                  </a:cubicBezTo>
                  <a:lnTo>
                    <a:pt x="50006" y="359569"/>
                  </a:lnTo>
                  <a:lnTo>
                    <a:pt x="52388" y="209550"/>
                  </a:lnTo>
                  <a:lnTo>
                    <a:pt x="0" y="211932"/>
                  </a:lnTo>
                  <a:lnTo>
                    <a:pt x="11906" y="4763"/>
                  </a:lnTo>
                  <a:lnTo>
                    <a:pt x="11906" y="4763"/>
                  </a:lnTo>
                  <a:lnTo>
                    <a:pt x="192881" y="0"/>
                  </a:lnTo>
                  <a:close/>
                </a:path>
              </a:pathLst>
            </a:custGeom>
            <a:noFill/>
            <a:ln w="25400" cmpd="dbl">
              <a:solidFill>
                <a:srgbClr val="3366FF"/>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400"/>
            </a:p>
          </p:txBody>
        </p:sp>
        <p:sp>
          <p:nvSpPr>
            <p:cNvPr id="89" name="テキスト ボックス 88"/>
            <p:cNvSpPr txBox="1"/>
            <p:nvPr/>
          </p:nvSpPr>
          <p:spPr>
            <a:xfrm>
              <a:off x="6480436" y="2192773"/>
              <a:ext cx="568064" cy="230832"/>
            </a:xfrm>
            <a:prstGeom prst="rect">
              <a:avLst/>
            </a:prstGeom>
            <a:solidFill>
              <a:schemeClr val="bg1">
                <a:alpha val="50000"/>
              </a:schemeClr>
            </a:solidFill>
            <a:ln>
              <a:solidFill>
                <a:schemeClr val="tx1"/>
              </a:solidFill>
            </a:ln>
          </p:spPr>
          <p:txBody>
            <a:bodyPr wrap="square" rtlCol="0" anchor="ctr">
              <a:spAutoFit/>
            </a:bodyPr>
            <a:lstStyle/>
            <a:p>
              <a:pPr algn="ctr"/>
              <a:r>
                <a:rPr kumimoji="1" lang="ja-JP" altLang="en-US" sz="900" dirty="0" smtClean="0">
                  <a:latin typeface="Meiryo UI" pitchFamily="50" charset="-128"/>
                  <a:ea typeface="Meiryo UI" pitchFamily="50" charset="-128"/>
                  <a:cs typeface="Meiryo UI" pitchFamily="50" charset="-128"/>
                </a:rPr>
                <a:t>淀屋橋</a:t>
              </a:r>
              <a:endParaRPr kumimoji="1" lang="ja-JP" altLang="en-US" sz="900" dirty="0">
                <a:latin typeface="Meiryo UI" pitchFamily="50" charset="-128"/>
                <a:ea typeface="Meiryo UI" pitchFamily="50" charset="-128"/>
                <a:cs typeface="Meiryo UI" pitchFamily="50" charset="-128"/>
              </a:endParaRPr>
            </a:p>
          </p:txBody>
        </p:sp>
        <p:sp>
          <p:nvSpPr>
            <p:cNvPr id="90" name="テキスト ボックス 89"/>
            <p:cNvSpPr txBox="1"/>
            <p:nvPr/>
          </p:nvSpPr>
          <p:spPr>
            <a:xfrm rot="936694">
              <a:off x="7202537" y="2296258"/>
              <a:ext cx="557756" cy="193697"/>
            </a:xfrm>
            <a:prstGeom prst="rect">
              <a:avLst/>
            </a:prstGeom>
            <a:noFill/>
            <a:ln>
              <a:noFill/>
            </a:ln>
          </p:spPr>
          <p:txBody>
            <a:bodyPr wrap="square" rtlCol="0">
              <a:spAutoFit/>
            </a:bodyPr>
            <a:lstStyle/>
            <a:p>
              <a:pPr algn="ctr"/>
              <a:r>
                <a:rPr kumimoji="1" lang="ja-JP" altLang="en-US" sz="700" dirty="0" smtClean="0">
                  <a:solidFill>
                    <a:schemeClr val="tx1">
                      <a:lumMod val="75000"/>
                      <a:lumOff val="25000"/>
                    </a:schemeClr>
                  </a:solidFill>
                  <a:latin typeface="Meiryo UI" pitchFamily="50" charset="-128"/>
                  <a:ea typeface="Meiryo UI" pitchFamily="50" charset="-128"/>
                  <a:cs typeface="Meiryo UI" pitchFamily="50" charset="-128"/>
                </a:rPr>
                <a:t>土佐堀通</a:t>
              </a:r>
              <a:endParaRPr kumimoji="1" lang="ja-JP" altLang="en-US" sz="700" dirty="0">
                <a:solidFill>
                  <a:schemeClr val="tx1">
                    <a:lumMod val="75000"/>
                    <a:lumOff val="25000"/>
                  </a:schemeClr>
                </a:solidFill>
                <a:latin typeface="Meiryo UI" pitchFamily="50" charset="-128"/>
                <a:ea typeface="Meiryo UI" pitchFamily="50" charset="-128"/>
                <a:cs typeface="Meiryo UI" pitchFamily="50" charset="-128"/>
              </a:endParaRPr>
            </a:p>
          </p:txBody>
        </p:sp>
        <p:sp>
          <p:nvSpPr>
            <p:cNvPr id="92" name="テキスト ボックス 91"/>
            <p:cNvSpPr txBox="1"/>
            <p:nvPr/>
          </p:nvSpPr>
          <p:spPr>
            <a:xfrm>
              <a:off x="5739027" y="3014952"/>
              <a:ext cx="283095" cy="611305"/>
            </a:xfrm>
            <a:prstGeom prst="rect">
              <a:avLst/>
            </a:prstGeom>
            <a:noFill/>
            <a:ln>
              <a:noFill/>
            </a:ln>
          </p:spPr>
          <p:txBody>
            <a:bodyPr vert="eaVert" wrap="square" rtlCol="0">
              <a:spAutoFit/>
            </a:bodyPr>
            <a:lstStyle/>
            <a:p>
              <a:pPr algn="ctr"/>
              <a:r>
                <a:rPr kumimoji="1" lang="ja-JP" altLang="en-US" sz="700" dirty="0" smtClean="0">
                  <a:solidFill>
                    <a:schemeClr val="tx1">
                      <a:lumMod val="75000"/>
                      <a:lumOff val="25000"/>
                    </a:schemeClr>
                  </a:solidFill>
                  <a:latin typeface="HGPｺﾞｼｯｸE" pitchFamily="50" charset="-128"/>
                  <a:ea typeface="HGPｺﾞｼｯｸE" pitchFamily="50" charset="-128"/>
                </a:rPr>
                <a:t>なにわ筋</a:t>
              </a:r>
              <a:endParaRPr kumimoji="1" lang="ja-JP" altLang="en-US" sz="700" dirty="0">
                <a:solidFill>
                  <a:schemeClr val="tx1">
                    <a:lumMod val="75000"/>
                    <a:lumOff val="25000"/>
                  </a:schemeClr>
                </a:solidFill>
                <a:latin typeface="HGPｺﾞｼｯｸE" pitchFamily="50" charset="-128"/>
                <a:ea typeface="HGPｺﾞｼｯｸE" pitchFamily="50" charset="-128"/>
              </a:endParaRPr>
            </a:p>
          </p:txBody>
        </p:sp>
        <p:sp>
          <p:nvSpPr>
            <p:cNvPr id="94" name="テキスト ボックス 93"/>
            <p:cNvSpPr txBox="1"/>
            <p:nvPr/>
          </p:nvSpPr>
          <p:spPr>
            <a:xfrm>
              <a:off x="7286282" y="3758610"/>
              <a:ext cx="312894" cy="611305"/>
            </a:xfrm>
            <a:prstGeom prst="rect">
              <a:avLst/>
            </a:prstGeom>
            <a:noFill/>
            <a:ln>
              <a:noFill/>
            </a:ln>
          </p:spPr>
          <p:txBody>
            <a:bodyPr vert="eaVert" wrap="square" rtlCol="0">
              <a:spAutoFit/>
            </a:bodyPr>
            <a:lstStyle/>
            <a:p>
              <a:pPr algn="ctr"/>
              <a:r>
                <a:rPr kumimoji="1" lang="ja-JP" altLang="en-US" sz="900" dirty="0" smtClean="0">
                  <a:solidFill>
                    <a:schemeClr val="tx1">
                      <a:lumMod val="75000"/>
                      <a:lumOff val="25000"/>
                    </a:schemeClr>
                  </a:solidFill>
                  <a:latin typeface="Meiryo UI" pitchFamily="50" charset="-128"/>
                  <a:ea typeface="Meiryo UI" pitchFamily="50" charset="-128"/>
                  <a:cs typeface="Meiryo UI" pitchFamily="50" charset="-128"/>
                </a:rPr>
                <a:t>堺筋</a:t>
              </a:r>
              <a:endParaRPr kumimoji="1" lang="ja-JP" altLang="en-US" sz="900" dirty="0">
                <a:solidFill>
                  <a:schemeClr val="tx1">
                    <a:lumMod val="75000"/>
                    <a:lumOff val="25000"/>
                  </a:schemeClr>
                </a:solidFill>
                <a:latin typeface="Meiryo UI" pitchFamily="50" charset="-128"/>
                <a:ea typeface="Meiryo UI" pitchFamily="50" charset="-128"/>
                <a:cs typeface="Meiryo UI" pitchFamily="50" charset="-128"/>
              </a:endParaRPr>
            </a:p>
          </p:txBody>
        </p:sp>
        <p:pic>
          <p:nvPicPr>
            <p:cNvPr id="95" name="Picture 2"/>
            <p:cNvPicPr>
              <a:picLocks noChangeAspect="1" noChangeArrowheads="1"/>
            </p:cNvPicPr>
            <p:nvPr/>
          </p:nvPicPr>
          <p:blipFill>
            <a:blip r:embed="rId5" cstate="email"/>
            <a:srcRect/>
            <a:stretch>
              <a:fillRect/>
            </a:stretch>
          </p:blipFill>
          <p:spPr bwMode="auto">
            <a:xfrm>
              <a:off x="6744967" y="2737178"/>
              <a:ext cx="88171" cy="128950"/>
            </a:xfrm>
            <a:prstGeom prst="rect">
              <a:avLst/>
            </a:prstGeom>
            <a:noFill/>
            <a:ln w="9525">
              <a:noFill/>
              <a:miter lim="800000"/>
              <a:headEnd/>
              <a:tailEnd/>
            </a:ln>
            <a:effectLst/>
          </p:spPr>
        </p:pic>
        <p:pic>
          <p:nvPicPr>
            <p:cNvPr id="96" name="Picture 2"/>
            <p:cNvPicPr>
              <a:picLocks noChangeAspect="1" noChangeArrowheads="1"/>
            </p:cNvPicPr>
            <p:nvPr/>
          </p:nvPicPr>
          <p:blipFill>
            <a:blip r:embed="rId5" cstate="email"/>
            <a:srcRect/>
            <a:stretch>
              <a:fillRect/>
            </a:stretch>
          </p:blipFill>
          <p:spPr bwMode="auto">
            <a:xfrm flipV="1">
              <a:off x="7380777" y="2737178"/>
              <a:ext cx="88171" cy="128950"/>
            </a:xfrm>
            <a:prstGeom prst="rect">
              <a:avLst/>
            </a:prstGeom>
            <a:noFill/>
            <a:ln w="9525">
              <a:noFill/>
              <a:miter lim="800000"/>
              <a:headEnd/>
              <a:tailEnd/>
            </a:ln>
            <a:effectLst/>
          </p:spPr>
        </p:pic>
        <p:sp>
          <p:nvSpPr>
            <p:cNvPr id="97" name="テキスト ボックス 96"/>
            <p:cNvSpPr txBox="1"/>
            <p:nvPr/>
          </p:nvSpPr>
          <p:spPr>
            <a:xfrm>
              <a:off x="6106954" y="2991695"/>
              <a:ext cx="312894" cy="784535"/>
            </a:xfrm>
            <a:prstGeom prst="rect">
              <a:avLst/>
            </a:prstGeom>
            <a:noFill/>
            <a:ln>
              <a:noFill/>
            </a:ln>
          </p:spPr>
          <p:txBody>
            <a:bodyPr vert="eaVert" wrap="square" rtlCol="0">
              <a:spAutoFit/>
            </a:bodyPr>
            <a:lstStyle/>
            <a:p>
              <a:pPr algn="ctr"/>
              <a:r>
                <a:rPr lang="ja-JP" altLang="en-US" sz="900" dirty="0" smtClean="0">
                  <a:solidFill>
                    <a:schemeClr val="tx1">
                      <a:lumMod val="75000"/>
                      <a:lumOff val="25000"/>
                    </a:schemeClr>
                  </a:solidFill>
                  <a:latin typeface="Meiryo UI" pitchFamily="50" charset="-128"/>
                  <a:ea typeface="Meiryo UI" pitchFamily="50" charset="-128"/>
                  <a:cs typeface="Meiryo UI" pitchFamily="50" charset="-128"/>
                </a:rPr>
                <a:t>四つ橋</a:t>
              </a:r>
              <a:r>
                <a:rPr kumimoji="1" lang="ja-JP" altLang="en-US" sz="900" dirty="0" smtClean="0">
                  <a:solidFill>
                    <a:schemeClr val="tx1">
                      <a:lumMod val="75000"/>
                      <a:lumOff val="25000"/>
                    </a:schemeClr>
                  </a:solidFill>
                  <a:latin typeface="Meiryo UI" pitchFamily="50" charset="-128"/>
                  <a:ea typeface="Meiryo UI" pitchFamily="50" charset="-128"/>
                  <a:cs typeface="Meiryo UI" pitchFamily="50" charset="-128"/>
                </a:rPr>
                <a:t>筋</a:t>
              </a:r>
              <a:endParaRPr kumimoji="1" lang="ja-JP" altLang="en-US" sz="900" dirty="0">
                <a:solidFill>
                  <a:schemeClr val="tx1">
                    <a:lumMod val="75000"/>
                    <a:lumOff val="25000"/>
                  </a:schemeClr>
                </a:solidFill>
                <a:latin typeface="Meiryo UI" pitchFamily="50" charset="-128"/>
                <a:ea typeface="Meiryo UI" pitchFamily="50" charset="-128"/>
                <a:cs typeface="Meiryo UI" pitchFamily="50" charset="-128"/>
              </a:endParaRPr>
            </a:p>
          </p:txBody>
        </p:sp>
        <p:pic>
          <p:nvPicPr>
            <p:cNvPr id="98" name="Picture 2"/>
            <p:cNvPicPr>
              <a:picLocks noChangeAspect="1" noChangeArrowheads="1"/>
            </p:cNvPicPr>
            <p:nvPr/>
          </p:nvPicPr>
          <p:blipFill>
            <a:blip r:embed="rId5" cstate="email"/>
            <a:srcRect/>
            <a:stretch>
              <a:fillRect/>
            </a:stretch>
          </p:blipFill>
          <p:spPr bwMode="auto">
            <a:xfrm flipV="1">
              <a:off x="6282483" y="2737178"/>
              <a:ext cx="88171" cy="128950"/>
            </a:xfrm>
            <a:prstGeom prst="rect">
              <a:avLst/>
            </a:prstGeom>
            <a:noFill/>
            <a:ln w="9525">
              <a:noFill/>
              <a:miter lim="800000"/>
              <a:headEnd/>
              <a:tailEnd/>
            </a:ln>
            <a:effectLst/>
          </p:spPr>
        </p:pic>
        <p:sp>
          <p:nvSpPr>
            <p:cNvPr id="99" name="テキスト ボックス 98"/>
            <p:cNvSpPr txBox="1"/>
            <p:nvPr/>
          </p:nvSpPr>
          <p:spPr>
            <a:xfrm>
              <a:off x="6492116" y="6030989"/>
              <a:ext cx="499234" cy="223496"/>
            </a:xfrm>
            <a:prstGeom prst="rect">
              <a:avLst/>
            </a:prstGeom>
            <a:solidFill>
              <a:schemeClr val="bg1">
                <a:alpha val="50000"/>
              </a:schemeClr>
            </a:solidFill>
            <a:ln>
              <a:solidFill>
                <a:schemeClr val="tx1"/>
              </a:solidFill>
            </a:ln>
          </p:spPr>
          <p:txBody>
            <a:bodyPr wrap="square" rtlCol="0" anchor="ctr">
              <a:spAutoFit/>
            </a:bodyPr>
            <a:lstStyle/>
            <a:p>
              <a:pPr algn="ctr"/>
              <a:r>
                <a:rPr kumimoji="1" lang="ja-JP" altLang="en-US" sz="900" dirty="0" smtClean="0">
                  <a:latin typeface="Meiryo UI" pitchFamily="50" charset="-128"/>
                  <a:ea typeface="Meiryo UI" pitchFamily="50" charset="-128"/>
                  <a:cs typeface="Meiryo UI" pitchFamily="50" charset="-128"/>
                </a:rPr>
                <a:t>難　波</a:t>
              </a:r>
              <a:endParaRPr kumimoji="1" lang="ja-JP" altLang="en-US" sz="900" dirty="0">
                <a:latin typeface="Meiryo UI" pitchFamily="50" charset="-128"/>
                <a:ea typeface="Meiryo UI" pitchFamily="50" charset="-128"/>
                <a:cs typeface="Meiryo UI" pitchFamily="50" charset="-128"/>
              </a:endParaRPr>
            </a:p>
          </p:txBody>
        </p:sp>
        <p:sp>
          <p:nvSpPr>
            <p:cNvPr id="100" name="テキスト ボックス 99"/>
            <p:cNvSpPr txBox="1"/>
            <p:nvPr/>
          </p:nvSpPr>
          <p:spPr>
            <a:xfrm>
              <a:off x="6454016" y="4557915"/>
              <a:ext cx="511934" cy="230832"/>
            </a:xfrm>
            <a:prstGeom prst="rect">
              <a:avLst/>
            </a:prstGeom>
            <a:solidFill>
              <a:schemeClr val="bg1">
                <a:alpha val="50000"/>
              </a:schemeClr>
            </a:solidFill>
            <a:ln>
              <a:solidFill>
                <a:schemeClr val="tx1"/>
              </a:solidFill>
            </a:ln>
          </p:spPr>
          <p:txBody>
            <a:bodyPr wrap="square" rtlCol="0" anchor="ctr">
              <a:spAutoFit/>
            </a:bodyPr>
            <a:lstStyle/>
            <a:p>
              <a:pPr algn="ctr"/>
              <a:r>
                <a:rPr kumimoji="1" lang="ja-JP" altLang="en-US" sz="900" dirty="0" smtClean="0">
                  <a:latin typeface="Meiryo UI" pitchFamily="50" charset="-128"/>
                  <a:ea typeface="Meiryo UI" pitchFamily="50" charset="-128"/>
                  <a:cs typeface="Meiryo UI" pitchFamily="50" charset="-128"/>
                </a:rPr>
                <a:t>長　堀</a:t>
              </a:r>
              <a:endParaRPr kumimoji="1" lang="ja-JP" altLang="en-US" sz="900" dirty="0">
                <a:latin typeface="Meiryo UI" pitchFamily="50" charset="-128"/>
                <a:ea typeface="Meiryo UI" pitchFamily="50" charset="-128"/>
                <a:cs typeface="Meiryo UI" pitchFamily="50" charset="-128"/>
              </a:endParaRPr>
            </a:p>
          </p:txBody>
        </p:sp>
        <p:sp>
          <p:nvSpPr>
            <p:cNvPr id="101" name="フリーフォーム 100"/>
            <p:cNvSpPr/>
            <p:nvPr/>
          </p:nvSpPr>
          <p:spPr>
            <a:xfrm>
              <a:off x="6660844" y="2453574"/>
              <a:ext cx="102946" cy="91253"/>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0 w 133390"/>
                <a:gd name="connsiteY0" fmla="*/ 0 h 118239"/>
                <a:gd name="connsiteX1" fmla="*/ 133390 w 133390"/>
                <a:gd name="connsiteY1" fmla="*/ 764 h 118239"/>
                <a:gd name="connsiteX2" fmla="*/ 130215 w 133390"/>
                <a:gd name="connsiteY2" fmla="*/ 118239 h 118239"/>
                <a:gd name="connsiteX3" fmla="*/ 40 w 133390"/>
                <a:gd name="connsiteY3" fmla="*/ 118239 h 118239"/>
                <a:gd name="connsiteX4" fmla="*/ 40 w 133390"/>
                <a:gd name="connsiteY4" fmla="*/ 118239 h 118239"/>
                <a:gd name="connsiteX5" fmla="*/ 40 w 133390"/>
                <a:gd name="connsiteY5" fmla="*/ 118239 h 118239"/>
                <a:gd name="connsiteX6" fmla="*/ 40 w 133390"/>
                <a:gd name="connsiteY6" fmla="*/ 118239 h 118239"/>
                <a:gd name="connsiteX7" fmla="*/ 0 w 133390"/>
                <a:gd name="connsiteY7" fmla="*/ 0 h 1182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33390" h="118239">
                  <a:moveTo>
                    <a:pt x="0" y="0"/>
                  </a:moveTo>
                  <a:lnTo>
                    <a:pt x="133390" y="764"/>
                  </a:lnTo>
                  <a:cubicBezTo>
                    <a:pt x="132332" y="39922"/>
                    <a:pt x="131273" y="79081"/>
                    <a:pt x="130215" y="118239"/>
                  </a:cubicBezTo>
                  <a:lnTo>
                    <a:pt x="40" y="118239"/>
                  </a:lnTo>
                  <a:lnTo>
                    <a:pt x="40" y="118239"/>
                  </a:lnTo>
                  <a:lnTo>
                    <a:pt x="40" y="118239"/>
                  </a:lnTo>
                  <a:lnTo>
                    <a:pt x="40" y="118239"/>
                  </a:lnTo>
                  <a:cubicBezTo>
                    <a:pt x="27" y="78826"/>
                    <a:pt x="13" y="39413"/>
                    <a:pt x="0" y="0"/>
                  </a:cubicBez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2" name="テキスト ボックス 101"/>
            <p:cNvSpPr txBox="1"/>
            <p:nvPr/>
          </p:nvSpPr>
          <p:spPr>
            <a:xfrm>
              <a:off x="6410968" y="2422922"/>
              <a:ext cx="280890" cy="216025"/>
            </a:xfrm>
            <a:prstGeom prst="rect">
              <a:avLst/>
            </a:prstGeom>
            <a:noFill/>
          </p:spPr>
          <p:txBody>
            <a:bodyPr wrap="square" lIns="0" tIns="0" rIns="0" bIns="0" rtlCol="0" anchor="ctr">
              <a:noAutofit/>
            </a:bodyPr>
            <a:lstStyle/>
            <a:p>
              <a:pPr algn="ctr">
                <a:lnSpc>
                  <a:spcPts val="500"/>
                </a:lnSpc>
              </a:pPr>
              <a:r>
                <a:rPr lang="ja-JP" altLang="en-US" sz="1200" b="1" dirty="0" smtClean="0">
                  <a:solidFill>
                    <a:schemeClr val="tx1">
                      <a:lumMod val="75000"/>
                      <a:lumOff val="25000"/>
                    </a:schemeClr>
                  </a:solidFill>
                  <a:latin typeface="HGPｺﾞｼｯｸM" pitchFamily="50" charset="-128"/>
                  <a:ea typeface="HGPｺﾞｼｯｸM" pitchFamily="50" charset="-128"/>
                </a:rPr>
                <a:t>②</a:t>
              </a:r>
              <a:endParaRPr kumimoji="1" lang="ja-JP" altLang="en-US" sz="1200" b="1" dirty="0">
                <a:solidFill>
                  <a:schemeClr val="tx1">
                    <a:lumMod val="75000"/>
                    <a:lumOff val="25000"/>
                  </a:schemeClr>
                </a:solidFill>
                <a:latin typeface="HGPｺﾞｼｯｸM" pitchFamily="50" charset="-128"/>
                <a:ea typeface="HGPｺﾞｼｯｸM" pitchFamily="50" charset="-128"/>
              </a:endParaRPr>
            </a:p>
          </p:txBody>
        </p:sp>
        <p:sp>
          <p:nvSpPr>
            <p:cNvPr id="107" name="フリーフォーム 106"/>
            <p:cNvSpPr/>
            <p:nvPr/>
          </p:nvSpPr>
          <p:spPr>
            <a:xfrm>
              <a:off x="6779248" y="3532775"/>
              <a:ext cx="62499" cy="74887"/>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305197"/>
                <a:gd name="connsiteY0" fmla="*/ 33139 h 153789"/>
                <a:gd name="connsiteX1" fmla="*/ 305197 w 305197"/>
                <a:gd name="connsiteY1" fmla="*/ 0 h 153789"/>
                <a:gd name="connsiteX2" fmla="*/ 130175 w 305197"/>
                <a:gd name="connsiteY2" fmla="*/ 153789 h 153789"/>
                <a:gd name="connsiteX3" fmla="*/ 0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6350 w 305197"/>
                <a:gd name="connsiteY7" fmla="*/ 33139 h 153789"/>
                <a:gd name="connsiteX0" fmla="*/ 6350 w 344876"/>
                <a:gd name="connsiteY0" fmla="*/ 33139 h 153789"/>
                <a:gd name="connsiteX1" fmla="*/ 305197 w 344876"/>
                <a:gd name="connsiteY1" fmla="*/ 0 h 153789"/>
                <a:gd name="connsiteX2" fmla="*/ 288032 w 344876"/>
                <a:gd name="connsiteY2" fmla="*/ 105148 h 153789"/>
                <a:gd name="connsiteX3" fmla="*/ 130175 w 344876"/>
                <a:gd name="connsiteY3" fmla="*/ 153789 h 153789"/>
                <a:gd name="connsiteX4" fmla="*/ 0 w 344876"/>
                <a:gd name="connsiteY4" fmla="*/ 153789 h 153789"/>
                <a:gd name="connsiteX5" fmla="*/ 0 w 344876"/>
                <a:gd name="connsiteY5" fmla="*/ 153789 h 153789"/>
                <a:gd name="connsiteX6" fmla="*/ 0 w 344876"/>
                <a:gd name="connsiteY6" fmla="*/ 153789 h 153789"/>
                <a:gd name="connsiteX7" fmla="*/ 0 w 344876"/>
                <a:gd name="connsiteY7" fmla="*/ 153789 h 153789"/>
                <a:gd name="connsiteX8" fmla="*/ 6350 w 344876"/>
                <a:gd name="connsiteY8" fmla="*/ 33139 h 153789"/>
                <a:gd name="connsiteX0" fmla="*/ 6350 w 325834"/>
                <a:gd name="connsiteY0" fmla="*/ 33139 h 153789"/>
                <a:gd name="connsiteX1" fmla="*/ 305197 w 325834"/>
                <a:gd name="connsiteY1" fmla="*/ 0 h 153789"/>
                <a:gd name="connsiteX2" fmla="*/ 130175 w 325834"/>
                <a:gd name="connsiteY2" fmla="*/ 153789 h 153789"/>
                <a:gd name="connsiteX3" fmla="*/ 0 w 325834"/>
                <a:gd name="connsiteY3" fmla="*/ 153789 h 153789"/>
                <a:gd name="connsiteX4" fmla="*/ 0 w 325834"/>
                <a:gd name="connsiteY4" fmla="*/ 153789 h 153789"/>
                <a:gd name="connsiteX5" fmla="*/ 0 w 325834"/>
                <a:gd name="connsiteY5" fmla="*/ 153789 h 153789"/>
                <a:gd name="connsiteX6" fmla="*/ 0 w 325834"/>
                <a:gd name="connsiteY6" fmla="*/ 153789 h 153789"/>
                <a:gd name="connsiteX7" fmla="*/ 6350 w 325834"/>
                <a:gd name="connsiteY7" fmla="*/ 33139 h 153789"/>
                <a:gd name="connsiteX0" fmla="*/ 6350 w 340510"/>
                <a:gd name="connsiteY0" fmla="*/ 33139 h 153789"/>
                <a:gd name="connsiteX1" fmla="*/ 305197 w 340510"/>
                <a:gd name="connsiteY1" fmla="*/ 0 h 153789"/>
                <a:gd name="connsiteX2" fmla="*/ 216023 w 340510"/>
                <a:gd name="connsiteY2" fmla="*/ 105148 h 153789"/>
                <a:gd name="connsiteX3" fmla="*/ 130175 w 340510"/>
                <a:gd name="connsiteY3" fmla="*/ 153789 h 153789"/>
                <a:gd name="connsiteX4" fmla="*/ 0 w 340510"/>
                <a:gd name="connsiteY4" fmla="*/ 153789 h 153789"/>
                <a:gd name="connsiteX5" fmla="*/ 0 w 340510"/>
                <a:gd name="connsiteY5" fmla="*/ 153789 h 153789"/>
                <a:gd name="connsiteX6" fmla="*/ 0 w 340510"/>
                <a:gd name="connsiteY6" fmla="*/ 153789 h 153789"/>
                <a:gd name="connsiteX7" fmla="*/ 0 w 340510"/>
                <a:gd name="connsiteY7" fmla="*/ 153789 h 153789"/>
                <a:gd name="connsiteX8" fmla="*/ 6350 w 340510"/>
                <a:gd name="connsiteY8"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40142"/>
                <a:gd name="connsiteY0" fmla="*/ 33139 h 153789"/>
                <a:gd name="connsiteX1" fmla="*/ 305197 w 340142"/>
                <a:gd name="connsiteY1" fmla="*/ 0 h 153789"/>
                <a:gd name="connsiteX2" fmla="*/ 216023 w 340142"/>
                <a:gd name="connsiteY2" fmla="*/ 105148 h 153789"/>
                <a:gd name="connsiteX3" fmla="*/ 130175 w 340142"/>
                <a:gd name="connsiteY3" fmla="*/ 153789 h 153789"/>
                <a:gd name="connsiteX4" fmla="*/ 0 w 340142"/>
                <a:gd name="connsiteY4" fmla="*/ 153789 h 153789"/>
                <a:gd name="connsiteX5" fmla="*/ 0 w 340142"/>
                <a:gd name="connsiteY5" fmla="*/ 153789 h 153789"/>
                <a:gd name="connsiteX6" fmla="*/ 0 w 340142"/>
                <a:gd name="connsiteY6" fmla="*/ 153789 h 153789"/>
                <a:gd name="connsiteX7" fmla="*/ 0 w 340142"/>
                <a:gd name="connsiteY7" fmla="*/ 153789 h 153789"/>
                <a:gd name="connsiteX8" fmla="*/ 6350 w 340142"/>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216023"/>
                <a:gd name="connsiteY0" fmla="*/ 144015 h 264665"/>
                <a:gd name="connsiteX1" fmla="*/ 72008 w 216023"/>
                <a:gd name="connsiteY1" fmla="*/ 0 h 264665"/>
                <a:gd name="connsiteX2" fmla="*/ 216023 w 216023"/>
                <a:gd name="connsiteY2" fmla="*/ 216024 h 264665"/>
                <a:gd name="connsiteX3" fmla="*/ 130175 w 216023"/>
                <a:gd name="connsiteY3" fmla="*/ 264665 h 264665"/>
                <a:gd name="connsiteX4" fmla="*/ 0 w 216023"/>
                <a:gd name="connsiteY4" fmla="*/ 264665 h 264665"/>
                <a:gd name="connsiteX5" fmla="*/ 0 w 216023"/>
                <a:gd name="connsiteY5" fmla="*/ 264665 h 264665"/>
                <a:gd name="connsiteX6" fmla="*/ 0 w 216023"/>
                <a:gd name="connsiteY6" fmla="*/ 264665 h 264665"/>
                <a:gd name="connsiteX7" fmla="*/ 0 w 216023"/>
                <a:gd name="connsiteY7" fmla="*/ 264665 h 264665"/>
                <a:gd name="connsiteX8" fmla="*/ 6350 w 216023"/>
                <a:gd name="connsiteY8" fmla="*/ 144015 h 264665"/>
                <a:gd name="connsiteX0" fmla="*/ 6350 w 318244"/>
                <a:gd name="connsiteY0" fmla="*/ 38694 h 159344"/>
                <a:gd name="connsiteX1" fmla="*/ 318244 w 318244"/>
                <a:gd name="connsiteY1" fmla="*/ 0 h 159344"/>
                <a:gd name="connsiteX2" fmla="*/ 216023 w 318244"/>
                <a:gd name="connsiteY2" fmla="*/ 110703 h 159344"/>
                <a:gd name="connsiteX3" fmla="*/ 130175 w 318244"/>
                <a:gd name="connsiteY3" fmla="*/ 159344 h 159344"/>
                <a:gd name="connsiteX4" fmla="*/ 0 w 318244"/>
                <a:gd name="connsiteY4" fmla="*/ 159344 h 159344"/>
                <a:gd name="connsiteX5" fmla="*/ 0 w 318244"/>
                <a:gd name="connsiteY5" fmla="*/ 159344 h 159344"/>
                <a:gd name="connsiteX6" fmla="*/ 0 w 318244"/>
                <a:gd name="connsiteY6" fmla="*/ 159344 h 159344"/>
                <a:gd name="connsiteX7" fmla="*/ 0 w 318244"/>
                <a:gd name="connsiteY7" fmla="*/ 159344 h 159344"/>
                <a:gd name="connsiteX8" fmla="*/ 6350 w 318244"/>
                <a:gd name="connsiteY8" fmla="*/ 38694 h 159344"/>
                <a:gd name="connsiteX0" fmla="*/ 6350 w 318244"/>
                <a:gd name="connsiteY0" fmla="*/ 163735 h 284385"/>
                <a:gd name="connsiteX1" fmla="*/ 318244 w 318244"/>
                <a:gd name="connsiteY1" fmla="*/ 125041 h 284385"/>
                <a:gd name="connsiteX2" fmla="*/ 168398 w 318244"/>
                <a:gd name="connsiteY2" fmla="*/ 0 h 284385"/>
                <a:gd name="connsiteX3" fmla="*/ 130175 w 318244"/>
                <a:gd name="connsiteY3" fmla="*/ 284385 h 284385"/>
                <a:gd name="connsiteX4" fmla="*/ 0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6350 w 318244"/>
                <a:gd name="connsiteY8" fmla="*/ 163735 h 284385"/>
                <a:gd name="connsiteX0" fmla="*/ 6350 w 318244"/>
                <a:gd name="connsiteY0" fmla="*/ 163735 h 284385"/>
                <a:gd name="connsiteX1" fmla="*/ 208706 w 318244"/>
                <a:gd name="connsiteY1" fmla="*/ 91703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203994 w 318244"/>
                <a:gd name="connsiteY4" fmla="*/ 22723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417"/>
                <a:gd name="connsiteY0" fmla="*/ 4107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9" fmla="*/ 6350 w 318417"/>
                <a:gd name="connsiteY9" fmla="*/ 4107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0" fmla="*/ 7194 w 121617"/>
                <a:gd name="connsiteY0" fmla="*/ 104576 h 105941"/>
                <a:gd name="connsiteX1" fmla="*/ 0 w 121617"/>
                <a:gd name="connsiteY1" fmla="*/ 0 h 105941"/>
                <a:gd name="connsiteX2" fmla="*/ 121444 w 121617"/>
                <a:gd name="connsiteY2" fmla="*/ 2382 h 105941"/>
                <a:gd name="connsiteX3" fmla="*/ 121617 w 121617"/>
                <a:gd name="connsiteY3" fmla="*/ 105941 h 105941"/>
                <a:gd name="connsiteX4" fmla="*/ 7194 w 121617"/>
                <a:gd name="connsiteY4" fmla="*/ 104576 h 105941"/>
                <a:gd name="connsiteX0" fmla="*/ 0 w 114423"/>
                <a:gd name="connsiteY0" fmla="*/ 102194 h 103559"/>
                <a:gd name="connsiteX1" fmla="*/ 54545 w 114423"/>
                <a:gd name="connsiteY1" fmla="*/ 73793 h 103559"/>
                <a:gd name="connsiteX2" fmla="*/ 114250 w 114423"/>
                <a:gd name="connsiteY2" fmla="*/ 0 h 103559"/>
                <a:gd name="connsiteX3" fmla="*/ 114423 w 114423"/>
                <a:gd name="connsiteY3" fmla="*/ 103559 h 103559"/>
                <a:gd name="connsiteX4" fmla="*/ 0 w 114423"/>
                <a:gd name="connsiteY4" fmla="*/ 102194 h 103559"/>
                <a:gd name="connsiteX0" fmla="*/ 224 w 114647"/>
                <a:gd name="connsiteY0" fmla="*/ 102219 h 103584"/>
                <a:gd name="connsiteX1" fmla="*/ 0 w 114647"/>
                <a:gd name="connsiteY1" fmla="*/ 0 h 103584"/>
                <a:gd name="connsiteX2" fmla="*/ 114474 w 114647"/>
                <a:gd name="connsiteY2" fmla="*/ 25 h 103584"/>
                <a:gd name="connsiteX3" fmla="*/ 114647 w 114647"/>
                <a:gd name="connsiteY3" fmla="*/ 103584 h 103584"/>
                <a:gd name="connsiteX4" fmla="*/ 224 w 114647"/>
                <a:gd name="connsiteY4" fmla="*/ 102219 h 103584"/>
                <a:gd name="connsiteX0" fmla="*/ 55637 w 170060"/>
                <a:gd name="connsiteY0" fmla="*/ 308544 h 309909"/>
                <a:gd name="connsiteX1" fmla="*/ 0 w 170060"/>
                <a:gd name="connsiteY1" fmla="*/ 0 h 309909"/>
                <a:gd name="connsiteX2" fmla="*/ 169887 w 170060"/>
                <a:gd name="connsiteY2" fmla="*/ 206350 h 309909"/>
                <a:gd name="connsiteX3" fmla="*/ 170060 w 170060"/>
                <a:gd name="connsiteY3" fmla="*/ 309909 h 309909"/>
                <a:gd name="connsiteX4" fmla="*/ 55637 w 170060"/>
                <a:gd name="connsiteY4" fmla="*/ 308544 h 309909"/>
                <a:gd name="connsiteX0" fmla="*/ 162867 w 277290"/>
                <a:gd name="connsiteY0" fmla="*/ 122633 h 123998"/>
                <a:gd name="connsiteX1" fmla="*/ 0 w 277290"/>
                <a:gd name="connsiteY1" fmla="*/ 0 h 123998"/>
                <a:gd name="connsiteX2" fmla="*/ 277117 w 277290"/>
                <a:gd name="connsiteY2" fmla="*/ 20439 h 123998"/>
                <a:gd name="connsiteX3" fmla="*/ 277290 w 277290"/>
                <a:gd name="connsiteY3" fmla="*/ 123998 h 123998"/>
                <a:gd name="connsiteX4" fmla="*/ 162867 w 277290"/>
                <a:gd name="connsiteY4" fmla="*/ 122633 h 123998"/>
                <a:gd name="connsiteX0" fmla="*/ 29 w 114452"/>
                <a:gd name="connsiteY0" fmla="*/ 102421 h 103786"/>
                <a:gd name="connsiteX1" fmla="*/ 114279 w 114452"/>
                <a:gd name="connsiteY1" fmla="*/ 227 h 103786"/>
                <a:gd name="connsiteX2" fmla="*/ 114452 w 114452"/>
                <a:gd name="connsiteY2" fmla="*/ 103786 h 103786"/>
                <a:gd name="connsiteX3" fmla="*/ 29 w 114452"/>
                <a:gd name="connsiteY3" fmla="*/ 102421 h 103786"/>
                <a:gd name="connsiteX0" fmla="*/ 0 w 114423"/>
                <a:gd name="connsiteY0" fmla="*/ 102194 h 103559"/>
                <a:gd name="connsiteX1" fmla="*/ 114250 w 114423"/>
                <a:gd name="connsiteY1" fmla="*/ 0 h 103559"/>
                <a:gd name="connsiteX2" fmla="*/ 114423 w 114423"/>
                <a:gd name="connsiteY2" fmla="*/ 103559 h 103559"/>
                <a:gd name="connsiteX3" fmla="*/ 0 w 114423"/>
                <a:gd name="connsiteY3" fmla="*/ 102194 h 103559"/>
                <a:gd name="connsiteX0" fmla="*/ 0 w 269849"/>
                <a:gd name="connsiteY0" fmla="*/ 104848 h 104848"/>
                <a:gd name="connsiteX1" fmla="*/ 269676 w 269849"/>
                <a:gd name="connsiteY1" fmla="*/ 0 h 104848"/>
                <a:gd name="connsiteX2" fmla="*/ 269849 w 269849"/>
                <a:gd name="connsiteY2" fmla="*/ 103559 h 104848"/>
                <a:gd name="connsiteX3" fmla="*/ 0 w 269849"/>
                <a:gd name="connsiteY3" fmla="*/ 104848 h 104848"/>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42342 w 312191"/>
                <a:gd name="connsiteY0" fmla="*/ 3421 h 3421"/>
                <a:gd name="connsiteX1" fmla="*/ 0 w 312191"/>
                <a:gd name="connsiteY1" fmla="*/ 0 h 3421"/>
                <a:gd name="connsiteX2" fmla="*/ 312191 w 312191"/>
                <a:gd name="connsiteY2" fmla="*/ 2132 h 3421"/>
                <a:gd name="connsiteX3" fmla="*/ 42342 w 312191"/>
                <a:gd name="connsiteY3" fmla="*/ 3421 h 3421"/>
                <a:gd name="connsiteX0" fmla="*/ 1990 w 10634"/>
                <a:gd name="connsiteY0" fmla="*/ 10000 h 12178"/>
                <a:gd name="connsiteX1" fmla="*/ 634 w 10634"/>
                <a:gd name="connsiteY1" fmla="*/ 0 h 12178"/>
                <a:gd name="connsiteX2" fmla="*/ 10634 w 10634"/>
                <a:gd name="connsiteY2" fmla="*/ 6232 h 12178"/>
                <a:gd name="connsiteX3" fmla="*/ 0 w 10634"/>
                <a:gd name="connsiteY3" fmla="*/ 12178 h 12178"/>
                <a:gd name="connsiteX4" fmla="*/ 1990 w 10634"/>
                <a:gd name="connsiteY4" fmla="*/ 10000 h 12178"/>
                <a:gd name="connsiteX0" fmla="*/ 2066 w 10710"/>
                <a:gd name="connsiteY0" fmla="*/ 10000 h 46981"/>
                <a:gd name="connsiteX1" fmla="*/ 710 w 10710"/>
                <a:gd name="connsiteY1" fmla="*/ 0 h 46981"/>
                <a:gd name="connsiteX2" fmla="*/ 10710 w 10710"/>
                <a:gd name="connsiteY2" fmla="*/ 6232 h 46981"/>
                <a:gd name="connsiteX3" fmla="*/ 0 w 10710"/>
                <a:gd name="connsiteY3" fmla="*/ 46981 h 46981"/>
                <a:gd name="connsiteX4" fmla="*/ 2066 w 10710"/>
                <a:gd name="connsiteY4" fmla="*/ 10000 h 46981"/>
                <a:gd name="connsiteX0" fmla="*/ 2143 w 10787"/>
                <a:gd name="connsiteY0" fmla="*/ 10000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5" fmla="*/ 2143 w 10787"/>
                <a:gd name="connsiteY5" fmla="*/ 10000 h 283646"/>
                <a:gd name="connsiteX0" fmla="*/ 77 w 10787"/>
                <a:gd name="connsiteY0" fmla="*/ 46981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0" fmla="*/ 77 w 10787"/>
                <a:gd name="connsiteY0" fmla="*/ 46981 h 283646"/>
                <a:gd name="connsiteX1" fmla="*/ 787 w 10787"/>
                <a:gd name="connsiteY1" fmla="*/ 0 h 283646"/>
                <a:gd name="connsiteX2" fmla="*/ 10787 w 10787"/>
                <a:gd name="connsiteY2" fmla="*/ 6232 h 283646"/>
                <a:gd name="connsiteX3" fmla="*/ 1447 w 10787"/>
                <a:gd name="connsiteY3" fmla="*/ 275815 h 283646"/>
                <a:gd name="connsiteX4" fmla="*/ 0 w 10787"/>
                <a:gd name="connsiteY4" fmla="*/ 283646 h 283646"/>
                <a:gd name="connsiteX5" fmla="*/ 77 w 10787"/>
                <a:gd name="connsiteY5" fmla="*/ 46981 h 283646"/>
                <a:gd name="connsiteX0" fmla="*/ 77 w 10787"/>
                <a:gd name="connsiteY0" fmla="*/ 46981 h 283646"/>
                <a:gd name="connsiteX1" fmla="*/ 787 w 10787"/>
                <a:gd name="connsiteY1" fmla="*/ 0 h 283646"/>
                <a:gd name="connsiteX2" fmla="*/ 10787 w 10787"/>
                <a:gd name="connsiteY2" fmla="*/ 6232 h 283646"/>
                <a:gd name="connsiteX3" fmla="*/ 1450 w 10787"/>
                <a:gd name="connsiteY3" fmla="*/ 200117 h 283646"/>
                <a:gd name="connsiteX4" fmla="*/ 1447 w 10787"/>
                <a:gd name="connsiteY4" fmla="*/ 275815 h 283646"/>
                <a:gd name="connsiteX5" fmla="*/ 0 w 10787"/>
                <a:gd name="connsiteY5" fmla="*/ 283646 h 283646"/>
                <a:gd name="connsiteX6" fmla="*/ 77 w 10787"/>
                <a:gd name="connsiteY6" fmla="*/ 46981 h 283646"/>
                <a:gd name="connsiteX0" fmla="*/ 77 w 10787"/>
                <a:gd name="connsiteY0" fmla="*/ 46981 h 283646"/>
                <a:gd name="connsiteX1" fmla="*/ 787 w 10787"/>
                <a:gd name="connsiteY1" fmla="*/ 0 h 283646"/>
                <a:gd name="connsiteX2" fmla="*/ 10787 w 10787"/>
                <a:gd name="connsiteY2" fmla="*/ 6232 h 283646"/>
                <a:gd name="connsiteX3" fmla="*/ 2594 w 10787"/>
                <a:gd name="connsiteY3" fmla="*/ 200117 h 283646"/>
                <a:gd name="connsiteX4" fmla="*/ 1450 w 10787"/>
                <a:gd name="connsiteY4" fmla="*/ 200117 h 283646"/>
                <a:gd name="connsiteX5" fmla="*/ 1447 w 10787"/>
                <a:gd name="connsiteY5" fmla="*/ 275815 h 283646"/>
                <a:gd name="connsiteX6" fmla="*/ 0 w 10787"/>
                <a:gd name="connsiteY6" fmla="*/ 283646 h 283646"/>
                <a:gd name="connsiteX7" fmla="*/ 77 w 10787"/>
                <a:gd name="connsiteY7" fmla="*/ 46981 h 283646"/>
                <a:gd name="connsiteX0" fmla="*/ 77 w 10787"/>
                <a:gd name="connsiteY0" fmla="*/ 64631 h 301296"/>
                <a:gd name="connsiteX1" fmla="*/ 787 w 10787"/>
                <a:gd name="connsiteY1" fmla="*/ 17650 h 301296"/>
                <a:gd name="connsiteX2" fmla="*/ 10787 w 10787"/>
                <a:gd name="connsiteY2" fmla="*/ 23882 h 301296"/>
                <a:gd name="connsiteX3" fmla="*/ 2594 w 10787"/>
                <a:gd name="connsiteY3" fmla="*/ 22865 h 301296"/>
                <a:gd name="connsiteX4" fmla="*/ 2594 w 10787"/>
                <a:gd name="connsiteY4" fmla="*/ 217767 h 301296"/>
                <a:gd name="connsiteX5" fmla="*/ 1450 w 10787"/>
                <a:gd name="connsiteY5" fmla="*/ 217767 h 301296"/>
                <a:gd name="connsiteX6" fmla="*/ 1447 w 10787"/>
                <a:gd name="connsiteY6" fmla="*/ 293465 h 301296"/>
                <a:gd name="connsiteX7" fmla="*/ 0 w 10787"/>
                <a:gd name="connsiteY7" fmla="*/ 301296 h 301296"/>
                <a:gd name="connsiteX8" fmla="*/ 77 w 10787"/>
                <a:gd name="connsiteY8" fmla="*/ 64631 h 301296"/>
                <a:gd name="connsiteX0" fmla="*/ 77 w 2594"/>
                <a:gd name="connsiteY0" fmla="*/ 46981 h 283646"/>
                <a:gd name="connsiteX1" fmla="*/ 787 w 2594"/>
                <a:gd name="connsiteY1" fmla="*/ 0 h 283646"/>
                <a:gd name="connsiteX2" fmla="*/ 2594 w 2594"/>
                <a:gd name="connsiteY2" fmla="*/ 5215 h 283646"/>
                <a:gd name="connsiteX3" fmla="*/ 2594 w 2594"/>
                <a:gd name="connsiteY3" fmla="*/ 200117 h 283646"/>
                <a:gd name="connsiteX4" fmla="*/ 1450 w 2594"/>
                <a:gd name="connsiteY4" fmla="*/ 200117 h 283646"/>
                <a:gd name="connsiteX5" fmla="*/ 1447 w 2594"/>
                <a:gd name="connsiteY5" fmla="*/ 275815 h 283646"/>
                <a:gd name="connsiteX6" fmla="*/ 0 w 2594"/>
                <a:gd name="connsiteY6" fmla="*/ 283646 h 283646"/>
                <a:gd name="connsiteX7" fmla="*/ 77 w 2594"/>
                <a:gd name="connsiteY7" fmla="*/ 46981 h 28364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4" h="283646">
                  <a:moveTo>
                    <a:pt x="77" y="46981"/>
                  </a:moveTo>
                  <a:cubicBezTo>
                    <a:pt x="314" y="31321"/>
                    <a:pt x="550" y="15660"/>
                    <a:pt x="787" y="0"/>
                  </a:cubicBezTo>
                  <a:lnTo>
                    <a:pt x="2594" y="5215"/>
                  </a:lnTo>
                  <a:lnTo>
                    <a:pt x="2594" y="200117"/>
                  </a:lnTo>
                  <a:lnTo>
                    <a:pt x="1450" y="200117"/>
                  </a:lnTo>
                  <a:cubicBezTo>
                    <a:pt x="1449" y="225350"/>
                    <a:pt x="1448" y="250582"/>
                    <a:pt x="1447" y="275815"/>
                  </a:cubicBezTo>
                  <a:lnTo>
                    <a:pt x="0" y="283646"/>
                  </a:lnTo>
                  <a:cubicBezTo>
                    <a:pt x="26" y="204758"/>
                    <a:pt x="51" y="125869"/>
                    <a:pt x="77" y="46981"/>
                  </a:cubicBez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9" name="テキスト ボックス 108"/>
            <p:cNvSpPr txBox="1"/>
            <p:nvPr/>
          </p:nvSpPr>
          <p:spPr>
            <a:xfrm>
              <a:off x="6467326" y="3561302"/>
              <a:ext cx="489298" cy="223496"/>
            </a:xfrm>
            <a:prstGeom prst="rect">
              <a:avLst/>
            </a:prstGeom>
            <a:solidFill>
              <a:schemeClr val="bg1">
                <a:alpha val="50000"/>
              </a:schemeClr>
            </a:solidFill>
            <a:ln>
              <a:solidFill>
                <a:schemeClr val="tx1"/>
              </a:solidFill>
            </a:ln>
          </p:spPr>
          <p:txBody>
            <a:bodyPr wrap="square" rtlCol="0" anchor="ctr">
              <a:spAutoFit/>
            </a:bodyPr>
            <a:lstStyle/>
            <a:p>
              <a:pPr algn="ctr"/>
              <a:r>
                <a:rPr kumimoji="1" lang="ja-JP" altLang="en-US" sz="900" dirty="0" smtClean="0">
                  <a:latin typeface="Meiryo UI" pitchFamily="50" charset="-128"/>
                  <a:ea typeface="Meiryo UI" pitchFamily="50" charset="-128"/>
                  <a:cs typeface="Meiryo UI" pitchFamily="50" charset="-128"/>
                </a:rPr>
                <a:t>本　町</a:t>
              </a:r>
              <a:endParaRPr kumimoji="1" lang="ja-JP" altLang="en-US" sz="900" dirty="0">
                <a:latin typeface="Meiryo UI" pitchFamily="50" charset="-128"/>
                <a:ea typeface="Meiryo UI" pitchFamily="50" charset="-128"/>
                <a:cs typeface="Meiryo UI" pitchFamily="50" charset="-128"/>
              </a:endParaRPr>
            </a:p>
          </p:txBody>
        </p:sp>
        <p:sp>
          <p:nvSpPr>
            <p:cNvPr id="122" name="フリーフォーム 121"/>
            <p:cNvSpPr/>
            <p:nvPr/>
          </p:nvSpPr>
          <p:spPr>
            <a:xfrm>
              <a:off x="6737606" y="4770160"/>
              <a:ext cx="83771" cy="99000"/>
            </a:xfrm>
            <a:custGeom>
              <a:avLst/>
              <a:gdLst>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12700 w 133350"/>
                <a:gd name="connsiteY7" fmla="*/ 88900 h 120650"/>
                <a:gd name="connsiteX8" fmla="*/ 6350 w 133350"/>
                <a:gd name="connsiteY8" fmla="*/ 0 h 120650"/>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133350"/>
                <a:gd name="connsiteY0" fmla="*/ 5556 h 126206"/>
                <a:gd name="connsiteX1" fmla="*/ 89644 w 133350"/>
                <a:gd name="connsiteY1" fmla="*/ 0 h 126206"/>
                <a:gd name="connsiteX2" fmla="*/ 133350 w 133350"/>
                <a:gd name="connsiteY2" fmla="*/ 8731 h 126206"/>
                <a:gd name="connsiteX3" fmla="*/ 130175 w 133350"/>
                <a:gd name="connsiteY3" fmla="*/ 126206 h 126206"/>
                <a:gd name="connsiteX4" fmla="*/ 0 w 133350"/>
                <a:gd name="connsiteY4" fmla="*/ 126206 h 126206"/>
                <a:gd name="connsiteX5" fmla="*/ 0 w 133350"/>
                <a:gd name="connsiteY5" fmla="*/ 126206 h 126206"/>
                <a:gd name="connsiteX6" fmla="*/ 0 w 133350"/>
                <a:gd name="connsiteY6" fmla="*/ 126206 h 126206"/>
                <a:gd name="connsiteX7" fmla="*/ 0 w 133350"/>
                <a:gd name="connsiteY7" fmla="*/ 126206 h 126206"/>
                <a:gd name="connsiteX8" fmla="*/ 6350 w 133350"/>
                <a:gd name="connsiteY8" fmla="*/ 5556 h 126206"/>
                <a:gd name="connsiteX0" fmla="*/ 6350 w 133350"/>
                <a:gd name="connsiteY0" fmla="*/ 0 h 120650"/>
                <a:gd name="connsiteX1" fmla="*/ 133350 w 133350"/>
                <a:gd name="connsiteY1" fmla="*/ 3175 h 120650"/>
                <a:gd name="connsiteX2" fmla="*/ 130175 w 133350"/>
                <a:gd name="connsiteY2" fmla="*/ 120650 h 120650"/>
                <a:gd name="connsiteX3" fmla="*/ 0 w 133350"/>
                <a:gd name="connsiteY3" fmla="*/ 120650 h 120650"/>
                <a:gd name="connsiteX4" fmla="*/ 0 w 133350"/>
                <a:gd name="connsiteY4" fmla="*/ 120650 h 120650"/>
                <a:gd name="connsiteX5" fmla="*/ 0 w 133350"/>
                <a:gd name="connsiteY5" fmla="*/ 120650 h 120650"/>
                <a:gd name="connsiteX6" fmla="*/ 0 w 133350"/>
                <a:gd name="connsiteY6" fmla="*/ 120650 h 120650"/>
                <a:gd name="connsiteX7" fmla="*/ 6350 w 133350"/>
                <a:gd name="connsiteY7" fmla="*/ 0 h 120650"/>
                <a:gd name="connsiteX0" fmla="*/ 6350 w 305197"/>
                <a:gd name="connsiteY0" fmla="*/ 33139 h 153789"/>
                <a:gd name="connsiteX1" fmla="*/ 305197 w 305197"/>
                <a:gd name="connsiteY1" fmla="*/ 0 h 153789"/>
                <a:gd name="connsiteX2" fmla="*/ 130175 w 305197"/>
                <a:gd name="connsiteY2" fmla="*/ 153789 h 153789"/>
                <a:gd name="connsiteX3" fmla="*/ 0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6350 w 305197"/>
                <a:gd name="connsiteY7" fmla="*/ 33139 h 153789"/>
                <a:gd name="connsiteX0" fmla="*/ 6350 w 344876"/>
                <a:gd name="connsiteY0" fmla="*/ 33139 h 153789"/>
                <a:gd name="connsiteX1" fmla="*/ 305197 w 344876"/>
                <a:gd name="connsiteY1" fmla="*/ 0 h 153789"/>
                <a:gd name="connsiteX2" fmla="*/ 288032 w 344876"/>
                <a:gd name="connsiteY2" fmla="*/ 105148 h 153789"/>
                <a:gd name="connsiteX3" fmla="*/ 130175 w 344876"/>
                <a:gd name="connsiteY3" fmla="*/ 153789 h 153789"/>
                <a:gd name="connsiteX4" fmla="*/ 0 w 344876"/>
                <a:gd name="connsiteY4" fmla="*/ 153789 h 153789"/>
                <a:gd name="connsiteX5" fmla="*/ 0 w 344876"/>
                <a:gd name="connsiteY5" fmla="*/ 153789 h 153789"/>
                <a:gd name="connsiteX6" fmla="*/ 0 w 344876"/>
                <a:gd name="connsiteY6" fmla="*/ 153789 h 153789"/>
                <a:gd name="connsiteX7" fmla="*/ 0 w 344876"/>
                <a:gd name="connsiteY7" fmla="*/ 153789 h 153789"/>
                <a:gd name="connsiteX8" fmla="*/ 6350 w 344876"/>
                <a:gd name="connsiteY8" fmla="*/ 33139 h 153789"/>
                <a:gd name="connsiteX0" fmla="*/ 6350 w 325834"/>
                <a:gd name="connsiteY0" fmla="*/ 33139 h 153789"/>
                <a:gd name="connsiteX1" fmla="*/ 305197 w 325834"/>
                <a:gd name="connsiteY1" fmla="*/ 0 h 153789"/>
                <a:gd name="connsiteX2" fmla="*/ 130175 w 325834"/>
                <a:gd name="connsiteY2" fmla="*/ 153789 h 153789"/>
                <a:gd name="connsiteX3" fmla="*/ 0 w 325834"/>
                <a:gd name="connsiteY3" fmla="*/ 153789 h 153789"/>
                <a:gd name="connsiteX4" fmla="*/ 0 w 325834"/>
                <a:gd name="connsiteY4" fmla="*/ 153789 h 153789"/>
                <a:gd name="connsiteX5" fmla="*/ 0 w 325834"/>
                <a:gd name="connsiteY5" fmla="*/ 153789 h 153789"/>
                <a:gd name="connsiteX6" fmla="*/ 0 w 325834"/>
                <a:gd name="connsiteY6" fmla="*/ 153789 h 153789"/>
                <a:gd name="connsiteX7" fmla="*/ 6350 w 325834"/>
                <a:gd name="connsiteY7" fmla="*/ 33139 h 153789"/>
                <a:gd name="connsiteX0" fmla="*/ 6350 w 340510"/>
                <a:gd name="connsiteY0" fmla="*/ 33139 h 153789"/>
                <a:gd name="connsiteX1" fmla="*/ 305197 w 340510"/>
                <a:gd name="connsiteY1" fmla="*/ 0 h 153789"/>
                <a:gd name="connsiteX2" fmla="*/ 216023 w 340510"/>
                <a:gd name="connsiteY2" fmla="*/ 105148 h 153789"/>
                <a:gd name="connsiteX3" fmla="*/ 130175 w 340510"/>
                <a:gd name="connsiteY3" fmla="*/ 153789 h 153789"/>
                <a:gd name="connsiteX4" fmla="*/ 0 w 340510"/>
                <a:gd name="connsiteY4" fmla="*/ 153789 h 153789"/>
                <a:gd name="connsiteX5" fmla="*/ 0 w 340510"/>
                <a:gd name="connsiteY5" fmla="*/ 153789 h 153789"/>
                <a:gd name="connsiteX6" fmla="*/ 0 w 340510"/>
                <a:gd name="connsiteY6" fmla="*/ 153789 h 153789"/>
                <a:gd name="connsiteX7" fmla="*/ 0 w 340510"/>
                <a:gd name="connsiteY7" fmla="*/ 153789 h 153789"/>
                <a:gd name="connsiteX8" fmla="*/ 6350 w 340510"/>
                <a:gd name="connsiteY8"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50829"/>
                <a:gd name="connsiteY0" fmla="*/ 33139 h 153789"/>
                <a:gd name="connsiteX1" fmla="*/ 305197 w 350829"/>
                <a:gd name="connsiteY1" fmla="*/ 0 h 153789"/>
                <a:gd name="connsiteX2" fmla="*/ 288031 w 350829"/>
                <a:gd name="connsiteY2" fmla="*/ 33140 h 153789"/>
                <a:gd name="connsiteX3" fmla="*/ 216023 w 350829"/>
                <a:gd name="connsiteY3" fmla="*/ 105148 h 153789"/>
                <a:gd name="connsiteX4" fmla="*/ 130175 w 350829"/>
                <a:gd name="connsiteY4" fmla="*/ 153789 h 153789"/>
                <a:gd name="connsiteX5" fmla="*/ 0 w 350829"/>
                <a:gd name="connsiteY5" fmla="*/ 153789 h 153789"/>
                <a:gd name="connsiteX6" fmla="*/ 0 w 350829"/>
                <a:gd name="connsiteY6" fmla="*/ 153789 h 153789"/>
                <a:gd name="connsiteX7" fmla="*/ 0 w 350829"/>
                <a:gd name="connsiteY7" fmla="*/ 153789 h 153789"/>
                <a:gd name="connsiteX8" fmla="*/ 0 w 350829"/>
                <a:gd name="connsiteY8" fmla="*/ 153789 h 153789"/>
                <a:gd name="connsiteX9" fmla="*/ 6350 w 350829"/>
                <a:gd name="connsiteY9" fmla="*/ 33139 h 153789"/>
                <a:gd name="connsiteX0" fmla="*/ 6350 w 340142"/>
                <a:gd name="connsiteY0" fmla="*/ 33139 h 153789"/>
                <a:gd name="connsiteX1" fmla="*/ 305197 w 340142"/>
                <a:gd name="connsiteY1" fmla="*/ 0 h 153789"/>
                <a:gd name="connsiteX2" fmla="*/ 216023 w 340142"/>
                <a:gd name="connsiteY2" fmla="*/ 105148 h 153789"/>
                <a:gd name="connsiteX3" fmla="*/ 130175 w 340142"/>
                <a:gd name="connsiteY3" fmla="*/ 153789 h 153789"/>
                <a:gd name="connsiteX4" fmla="*/ 0 w 340142"/>
                <a:gd name="connsiteY4" fmla="*/ 153789 h 153789"/>
                <a:gd name="connsiteX5" fmla="*/ 0 w 340142"/>
                <a:gd name="connsiteY5" fmla="*/ 153789 h 153789"/>
                <a:gd name="connsiteX6" fmla="*/ 0 w 340142"/>
                <a:gd name="connsiteY6" fmla="*/ 153789 h 153789"/>
                <a:gd name="connsiteX7" fmla="*/ 0 w 340142"/>
                <a:gd name="connsiteY7" fmla="*/ 153789 h 153789"/>
                <a:gd name="connsiteX8" fmla="*/ 6350 w 340142"/>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305197"/>
                <a:gd name="connsiteY0" fmla="*/ 33139 h 153789"/>
                <a:gd name="connsiteX1" fmla="*/ 305197 w 305197"/>
                <a:gd name="connsiteY1" fmla="*/ 0 h 153789"/>
                <a:gd name="connsiteX2" fmla="*/ 216023 w 305197"/>
                <a:gd name="connsiteY2" fmla="*/ 105148 h 153789"/>
                <a:gd name="connsiteX3" fmla="*/ 130175 w 305197"/>
                <a:gd name="connsiteY3" fmla="*/ 153789 h 153789"/>
                <a:gd name="connsiteX4" fmla="*/ 0 w 305197"/>
                <a:gd name="connsiteY4" fmla="*/ 153789 h 153789"/>
                <a:gd name="connsiteX5" fmla="*/ 0 w 305197"/>
                <a:gd name="connsiteY5" fmla="*/ 153789 h 153789"/>
                <a:gd name="connsiteX6" fmla="*/ 0 w 305197"/>
                <a:gd name="connsiteY6" fmla="*/ 153789 h 153789"/>
                <a:gd name="connsiteX7" fmla="*/ 0 w 305197"/>
                <a:gd name="connsiteY7" fmla="*/ 153789 h 153789"/>
                <a:gd name="connsiteX8" fmla="*/ 6350 w 305197"/>
                <a:gd name="connsiteY8" fmla="*/ 33139 h 153789"/>
                <a:gd name="connsiteX0" fmla="*/ 6350 w 216023"/>
                <a:gd name="connsiteY0" fmla="*/ 144015 h 264665"/>
                <a:gd name="connsiteX1" fmla="*/ 72008 w 216023"/>
                <a:gd name="connsiteY1" fmla="*/ 0 h 264665"/>
                <a:gd name="connsiteX2" fmla="*/ 216023 w 216023"/>
                <a:gd name="connsiteY2" fmla="*/ 216024 h 264665"/>
                <a:gd name="connsiteX3" fmla="*/ 130175 w 216023"/>
                <a:gd name="connsiteY3" fmla="*/ 264665 h 264665"/>
                <a:gd name="connsiteX4" fmla="*/ 0 w 216023"/>
                <a:gd name="connsiteY4" fmla="*/ 264665 h 264665"/>
                <a:gd name="connsiteX5" fmla="*/ 0 w 216023"/>
                <a:gd name="connsiteY5" fmla="*/ 264665 h 264665"/>
                <a:gd name="connsiteX6" fmla="*/ 0 w 216023"/>
                <a:gd name="connsiteY6" fmla="*/ 264665 h 264665"/>
                <a:gd name="connsiteX7" fmla="*/ 0 w 216023"/>
                <a:gd name="connsiteY7" fmla="*/ 264665 h 264665"/>
                <a:gd name="connsiteX8" fmla="*/ 6350 w 216023"/>
                <a:gd name="connsiteY8" fmla="*/ 144015 h 264665"/>
                <a:gd name="connsiteX0" fmla="*/ 6350 w 318244"/>
                <a:gd name="connsiteY0" fmla="*/ 38694 h 159344"/>
                <a:gd name="connsiteX1" fmla="*/ 318244 w 318244"/>
                <a:gd name="connsiteY1" fmla="*/ 0 h 159344"/>
                <a:gd name="connsiteX2" fmla="*/ 216023 w 318244"/>
                <a:gd name="connsiteY2" fmla="*/ 110703 h 159344"/>
                <a:gd name="connsiteX3" fmla="*/ 130175 w 318244"/>
                <a:gd name="connsiteY3" fmla="*/ 159344 h 159344"/>
                <a:gd name="connsiteX4" fmla="*/ 0 w 318244"/>
                <a:gd name="connsiteY4" fmla="*/ 159344 h 159344"/>
                <a:gd name="connsiteX5" fmla="*/ 0 w 318244"/>
                <a:gd name="connsiteY5" fmla="*/ 159344 h 159344"/>
                <a:gd name="connsiteX6" fmla="*/ 0 w 318244"/>
                <a:gd name="connsiteY6" fmla="*/ 159344 h 159344"/>
                <a:gd name="connsiteX7" fmla="*/ 0 w 318244"/>
                <a:gd name="connsiteY7" fmla="*/ 159344 h 159344"/>
                <a:gd name="connsiteX8" fmla="*/ 6350 w 318244"/>
                <a:gd name="connsiteY8" fmla="*/ 38694 h 159344"/>
                <a:gd name="connsiteX0" fmla="*/ 6350 w 318244"/>
                <a:gd name="connsiteY0" fmla="*/ 163735 h 284385"/>
                <a:gd name="connsiteX1" fmla="*/ 318244 w 318244"/>
                <a:gd name="connsiteY1" fmla="*/ 125041 h 284385"/>
                <a:gd name="connsiteX2" fmla="*/ 168398 w 318244"/>
                <a:gd name="connsiteY2" fmla="*/ 0 h 284385"/>
                <a:gd name="connsiteX3" fmla="*/ 130175 w 318244"/>
                <a:gd name="connsiteY3" fmla="*/ 284385 h 284385"/>
                <a:gd name="connsiteX4" fmla="*/ 0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6350 w 318244"/>
                <a:gd name="connsiteY8" fmla="*/ 163735 h 284385"/>
                <a:gd name="connsiteX0" fmla="*/ 6350 w 318244"/>
                <a:gd name="connsiteY0" fmla="*/ 163735 h 284385"/>
                <a:gd name="connsiteX1" fmla="*/ 208706 w 318244"/>
                <a:gd name="connsiteY1" fmla="*/ 91703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130175 w 318244"/>
                <a:gd name="connsiteY4" fmla="*/ 28438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244"/>
                <a:gd name="connsiteY0" fmla="*/ 163735 h 284385"/>
                <a:gd name="connsiteX1" fmla="*/ 196800 w 318244"/>
                <a:gd name="connsiteY1" fmla="*/ 122659 h 284385"/>
                <a:gd name="connsiteX2" fmla="*/ 318244 w 318244"/>
                <a:gd name="connsiteY2" fmla="*/ 125041 h 284385"/>
                <a:gd name="connsiteX3" fmla="*/ 168398 w 318244"/>
                <a:gd name="connsiteY3" fmla="*/ 0 h 284385"/>
                <a:gd name="connsiteX4" fmla="*/ 203994 w 318244"/>
                <a:gd name="connsiteY4" fmla="*/ 227235 h 284385"/>
                <a:gd name="connsiteX5" fmla="*/ 0 w 318244"/>
                <a:gd name="connsiteY5" fmla="*/ 284385 h 284385"/>
                <a:gd name="connsiteX6" fmla="*/ 0 w 318244"/>
                <a:gd name="connsiteY6" fmla="*/ 284385 h 284385"/>
                <a:gd name="connsiteX7" fmla="*/ 0 w 318244"/>
                <a:gd name="connsiteY7" fmla="*/ 284385 h 284385"/>
                <a:gd name="connsiteX8" fmla="*/ 0 w 318244"/>
                <a:gd name="connsiteY8" fmla="*/ 284385 h 284385"/>
                <a:gd name="connsiteX9" fmla="*/ 6350 w 318244"/>
                <a:gd name="connsiteY9" fmla="*/ 163735 h 284385"/>
                <a:gd name="connsiteX0" fmla="*/ 6350 w 318417"/>
                <a:gd name="connsiteY0" fmla="*/ 4107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9" fmla="*/ 6350 w 318417"/>
                <a:gd name="connsiteY9" fmla="*/ 4107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8" fmla="*/ 0 w 318417"/>
                <a:gd name="connsiteY8"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7" fmla="*/ 0 w 318417"/>
                <a:gd name="connsiteY7"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6" fmla="*/ 0 w 318417"/>
                <a:gd name="connsiteY6" fmla="*/ 161726 h 161726"/>
                <a:gd name="connsiteX0" fmla="*/ 0 w 318417"/>
                <a:gd name="connsiteY0" fmla="*/ 161726 h 161726"/>
                <a:gd name="connsiteX1" fmla="*/ 196800 w 318417"/>
                <a:gd name="connsiteY1" fmla="*/ 0 h 161726"/>
                <a:gd name="connsiteX2" fmla="*/ 318244 w 318417"/>
                <a:gd name="connsiteY2" fmla="*/ 2382 h 161726"/>
                <a:gd name="connsiteX3" fmla="*/ 318417 w 318417"/>
                <a:gd name="connsiteY3" fmla="*/ 105941 h 161726"/>
                <a:gd name="connsiteX4" fmla="*/ 203994 w 318417"/>
                <a:gd name="connsiteY4" fmla="*/ 104576 h 161726"/>
                <a:gd name="connsiteX5" fmla="*/ 0 w 318417"/>
                <a:gd name="connsiteY5" fmla="*/ 161726 h 161726"/>
                <a:gd name="connsiteX0" fmla="*/ 7194 w 121617"/>
                <a:gd name="connsiteY0" fmla="*/ 104576 h 105941"/>
                <a:gd name="connsiteX1" fmla="*/ 0 w 121617"/>
                <a:gd name="connsiteY1" fmla="*/ 0 h 105941"/>
                <a:gd name="connsiteX2" fmla="*/ 121444 w 121617"/>
                <a:gd name="connsiteY2" fmla="*/ 2382 h 105941"/>
                <a:gd name="connsiteX3" fmla="*/ 121617 w 121617"/>
                <a:gd name="connsiteY3" fmla="*/ 105941 h 105941"/>
                <a:gd name="connsiteX4" fmla="*/ 7194 w 121617"/>
                <a:gd name="connsiteY4" fmla="*/ 104576 h 105941"/>
                <a:gd name="connsiteX0" fmla="*/ 0 w 114423"/>
                <a:gd name="connsiteY0" fmla="*/ 102194 h 103559"/>
                <a:gd name="connsiteX1" fmla="*/ 54545 w 114423"/>
                <a:gd name="connsiteY1" fmla="*/ 73793 h 103559"/>
                <a:gd name="connsiteX2" fmla="*/ 114250 w 114423"/>
                <a:gd name="connsiteY2" fmla="*/ 0 h 103559"/>
                <a:gd name="connsiteX3" fmla="*/ 114423 w 114423"/>
                <a:gd name="connsiteY3" fmla="*/ 103559 h 103559"/>
                <a:gd name="connsiteX4" fmla="*/ 0 w 114423"/>
                <a:gd name="connsiteY4" fmla="*/ 102194 h 103559"/>
                <a:gd name="connsiteX0" fmla="*/ 224 w 114647"/>
                <a:gd name="connsiteY0" fmla="*/ 102219 h 103584"/>
                <a:gd name="connsiteX1" fmla="*/ 0 w 114647"/>
                <a:gd name="connsiteY1" fmla="*/ 0 h 103584"/>
                <a:gd name="connsiteX2" fmla="*/ 114474 w 114647"/>
                <a:gd name="connsiteY2" fmla="*/ 25 h 103584"/>
                <a:gd name="connsiteX3" fmla="*/ 114647 w 114647"/>
                <a:gd name="connsiteY3" fmla="*/ 103584 h 103584"/>
                <a:gd name="connsiteX4" fmla="*/ 224 w 114647"/>
                <a:gd name="connsiteY4" fmla="*/ 102219 h 103584"/>
                <a:gd name="connsiteX0" fmla="*/ 55637 w 170060"/>
                <a:gd name="connsiteY0" fmla="*/ 308544 h 309909"/>
                <a:gd name="connsiteX1" fmla="*/ 0 w 170060"/>
                <a:gd name="connsiteY1" fmla="*/ 0 h 309909"/>
                <a:gd name="connsiteX2" fmla="*/ 169887 w 170060"/>
                <a:gd name="connsiteY2" fmla="*/ 206350 h 309909"/>
                <a:gd name="connsiteX3" fmla="*/ 170060 w 170060"/>
                <a:gd name="connsiteY3" fmla="*/ 309909 h 309909"/>
                <a:gd name="connsiteX4" fmla="*/ 55637 w 170060"/>
                <a:gd name="connsiteY4" fmla="*/ 308544 h 309909"/>
                <a:gd name="connsiteX0" fmla="*/ 162867 w 277290"/>
                <a:gd name="connsiteY0" fmla="*/ 122633 h 123998"/>
                <a:gd name="connsiteX1" fmla="*/ 0 w 277290"/>
                <a:gd name="connsiteY1" fmla="*/ 0 h 123998"/>
                <a:gd name="connsiteX2" fmla="*/ 277117 w 277290"/>
                <a:gd name="connsiteY2" fmla="*/ 20439 h 123998"/>
                <a:gd name="connsiteX3" fmla="*/ 277290 w 277290"/>
                <a:gd name="connsiteY3" fmla="*/ 123998 h 123998"/>
                <a:gd name="connsiteX4" fmla="*/ 162867 w 277290"/>
                <a:gd name="connsiteY4" fmla="*/ 122633 h 123998"/>
                <a:gd name="connsiteX0" fmla="*/ 29 w 114452"/>
                <a:gd name="connsiteY0" fmla="*/ 102421 h 103786"/>
                <a:gd name="connsiteX1" fmla="*/ 114279 w 114452"/>
                <a:gd name="connsiteY1" fmla="*/ 227 h 103786"/>
                <a:gd name="connsiteX2" fmla="*/ 114452 w 114452"/>
                <a:gd name="connsiteY2" fmla="*/ 103786 h 103786"/>
                <a:gd name="connsiteX3" fmla="*/ 29 w 114452"/>
                <a:gd name="connsiteY3" fmla="*/ 102421 h 103786"/>
                <a:gd name="connsiteX0" fmla="*/ 0 w 114423"/>
                <a:gd name="connsiteY0" fmla="*/ 102194 h 103559"/>
                <a:gd name="connsiteX1" fmla="*/ 114250 w 114423"/>
                <a:gd name="connsiteY1" fmla="*/ 0 h 103559"/>
                <a:gd name="connsiteX2" fmla="*/ 114423 w 114423"/>
                <a:gd name="connsiteY2" fmla="*/ 103559 h 103559"/>
                <a:gd name="connsiteX3" fmla="*/ 0 w 114423"/>
                <a:gd name="connsiteY3" fmla="*/ 102194 h 103559"/>
                <a:gd name="connsiteX0" fmla="*/ 0 w 269849"/>
                <a:gd name="connsiteY0" fmla="*/ 104848 h 104848"/>
                <a:gd name="connsiteX1" fmla="*/ 269676 w 269849"/>
                <a:gd name="connsiteY1" fmla="*/ 0 h 104848"/>
                <a:gd name="connsiteX2" fmla="*/ 269849 w 269849"/>
                <a:gd name="connsiteY2" fmla="*/ 103559 h 104848"/>
                <a:gd name="connsiteX3" fmla="*/ 0 w 269849"/>
                <a:gd name="connsiteY3" fmla="*/ 104848 h 104848"/>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0 w 269849"/>
                <a:gd name="connsiteY0" fmla="*/ 157235 h 157235"/>
                <a:gd name="connsiteX1" fmla="*/ 57745 w 269849"/>
                <a:gd name="connsiteY1" fmla="*/ 0 h 157235"/>
                <a:gd name="connsiteX2" fmla="*/ 269849 w 269849"/>
                <a:gd name="connsiteY2" fmla="*/ 155946 h 157235"/>
                <a:gd name="connsiteX3" fmla="*/ 0 w 269849"/>
                <a:gd name="connsiteY3" fmla="*/ 157235 h 157235"/>
                <a:gd name="connsiteX0" fmla="*/ 42342 w 312191"/>
                <a:gd name="connsiteY0" fmla="*/ 3421 h 3421"/>
                <a:gd name="connsiteX1" fmla="*/ 0 w 312191"/>
                <a:gd name="connsiteY1" fmla="*/ 0 h 3421"/>
                <a:gd name="connsiteX2" fmla="*/ 312191 w 312191"/>
                <a:gd name="connsiteY2" fmla="*/ 2132 h 3421"/>
                <a:gd name="connsiteX3" fmla="*/ 42342 w 312191"/>
                <a:gd name="connsiteY3" fmla="*/ 3421 h 3421"/>
                <a:gd name="connsiteX0" fmla="*/ 1990 w 10634"/>
                <a:gd name="connsiteY0" fmla="*/ 10000 h 12178"/>
                <a:gd name="connsiteX1" fmla="*/ 634 w 10634"/>
                <a:gd name="connsiteY1" fmla="*/ 0 h 12178"/>
                <a:gd name="connsiteX2" fmla="*/ 10634 w 10634"/>
                <a:gd name="connsiteY2" fmla="*/ 6232 h 12178"/>
                <a:gd name="connsiteX3" fmla="*/ 0 w 10634"/>
                <a:gd name="connsiteY3" fmla="*/ 12178 h 12178"/>
                <a:gd name="connsiteX4" fmla="*/ 1990 w 10634"/>
                <a:gd name="connsiteY4" fmla="*/ 10000 h 12178"/>
                <a:gd name="connsiteX0" fmla="*/ 2066 w 10710"/>
                <a:gd name="connsiteY0" fmla="*/ 10000 h 46981"/>
                <a:gd name="connsiteX1" fmla="*/ 710 w 10710"/>
                <a:gd name="connsiteY1" fmla="*/ 0 h 46981"/>
                <a:gd name="connsiteX2" fmla="*/ 10710 w 10710"/>
                <a:gd name="connsiteY2" fmla="*/ 6232 h 46981"/>
                <a:gd name="connsiteX3" fmla="*/ 0 w 10710"/>
                <a:gd name="connsiteY3" fmla="*/ 46981 h 46981"/>
                <a:gd name="connsiteX4" fmla="*/ 2066 w 10710"/>
                <a:gd name="connsiteY4" fmla="*/ 10000 h 46981"/>
                <a:gd name="connsiteX0" fmla="*/ 2143 w 10787"/>
                <a:gd name="connsiteY0" fmla="*/ 10000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5" fmla="*/ 2143 w 10787"/>
                <a:gd name="connsiteY5" fmla="*/ 10000 h 283646"/>
                <a:gd name="connsiteX0" fmla="*/ 77 w 10787"/>
                <a:gd name="connsiteY0" fmla="*/ 46981 h 283646"/>
                <a:gd name="connsiteX1" fmla="*/ 787 w 10787"/>
                <a:gd name="connsiteY1" fmla="*/ 0 h 283646"/>
                <a:gd name="connsiteX2" fmla="*/ 10787 w 10787"/>
                <a:gd name="connsiteY2" fmla="*/ 6232 h 283646"/>
                <a:gd name="connsiteX3" fmla="*/ 0 w 10787"/>
                <a:gd name="connsiteY3" fmla="*/ 283646 h 283646"/>
                <a:gd name="connsiteX4" fmla="*/ 77 w 10787"/>
                <a:gd name="connsiteY4" fmla="*/ 46981 h 283646"/>
                <a:gd name="connsiteX0" fmla="*/ 77 w 10787"/>
                <a:gd name="connsiteY0" fmla="*/ 46981 h 283646"/>
                <a:gd name="connsiteX1" fmla="*/ 787 w 10787"/>
                <a:gd name="connsiteY1" fmla="*/ 0 h 283646"/>
                <a:gd name="connsiteX2" fmla="*/ 10787 w 10787"/>
                <a:gd name="connsiteY2" fmla="*/ 6232 h 283646"/>
                <a:gd name="connsiteX3" fmla="*/ 1447 w 10787"/>
                <a:gd name="connsiteY3" fmla="*/ 275815 h 283646"/>
                <a:gd name="connsiteX4" fmla="*/ 0 w 10787"/>
                <a:gd name="connsiteY4" fmla="*/ 283646 h 283646"/>
                <a:gd name="connsiteX5" fmla="*/ 77 w 10787"/>
                <a:gd name="connsiteY5" fmla="*/ 46981 h 283646"/>
                <a:gd name="connsiteX0" fmla="*/ 77 w 10787"/>
                <a:gd name="connsiteY0" fmla="*/ 46981 h 283646"/>
                <a:gd name="connsiteX1" fmla="*/ 787 w 10787"/>
                <a:gd name="connsiteY1" fmla="*/ 0 h 283646"/>
                <a:gd name="connsiteX2" fmla="*/ 10787 w 10787"/>
                <a:gd name="connsiteY2" fmla="*/ 6232 h 283646"/>
                <a:gd name="connsiteX3" fmla="*/ 1450 w 10787"/>
                <a:gd name="connsiteY3" fmla="*/ 200117 h 283646"/>
                <a:gd name="connsiteX4" fmla="*/ 1447 w 10787"/>
                <a:gd name="connsiteY4" fmla="*/ 275815 h 283646"/>
                <a:gd name="connsiteX5" fmla="*/ 0 w 10787"/>
                <a:gd name="connsiteY5" fmla="*/ 283646 h 283646"/>
                <a:gd name="connsiteX6" fmla="*/ 77 w 10787"/>
                <a:gd name="connsiteY6" fmla="*/ 46981 h 283646"/>
                <a:gd name="connsiteX0" fmla="*/ 77 w 10787"/>
                <a:gd name="connsiteY0" fmla="*/ 46981 h 283646"/>
                <a:gd name="connsiteX1" fmla="*/ 787 w 10787"/>
                <a:gd name="connsiteY1" fmla="*/ 0 h 283646"/>
                <a:gd name="connsiteX2" fmla="*/ 10787 w 10787"/>
                <a:gd name="connsiteY2" fmla="*/ 6232 h 283646"/>
                <a:gd name="connsiteX3" fmla="*/ 2594 w 10787"/>
                <a:gd name="connsiteY3" fmla="*/ 200117 h 283646"/>
                <a:gd name="connsiteX4" fmla="*/ 1450 w 10787"/>
                <a:gd name="connsiteY4" fmla="*/ 200117 h 283646"/>
                <a:gd name="connsiteX5" fmla="*/ 1447 w 10787"/>
                <a:gd name="connsiteY5" fmla="*/ 275815 h 283646"/>
                <a:gd name="connsiteX6" fmla="*/ 0 w 10787"/>
                <a:gd name="connsiteY6" fmla="*/ 283646 h 283646"/>
                <a:gd name="connsiteX7" fmla="*/ 77 w 10787"/>
                <a:gd name="connsiteY7" fmla="*/ 46981 h 283646"/>
                <a:gd name="connsiteX0" fmla="*/ 77 w 10787"/>
                <a:gd name="connsiteY0" fmla="*/ 64631 h 301296"/>
                <a:gd name="connsiteX1" fmla="*/ 787 w 10787"/>
                <a:gd name="connsiteY1" fmla="*/ 17650 h 301296"/>
                <a:gd name="connsiteX2" fmla="*/ 10787 w 10787"/>
                <a:gd name="connsiteY2" fmla="*/ 23882 h 301296"/>
                <a:gd name="connsiteX3" fmla="*/ 2594 w 10787"/>
                <a:gd name="connsiteY3" fmla="*/ 22865 h 301296"/>
                <a:gd name="connsiteX4" fmla="*/ 2594 w 10787"/>
                <a:gd name="connsiteY4" fmla="*/ 217767 h 301296"/>
                <a:gd name="connsiteX5" fmla="*/ 1450 w 10787"/>
                <a:gd name="connsiteY5" fmla="*/ 217767 h 301296"/>
                <a:gd name="connsiteX6" fmla="*/ 1447 w 10787"/>
                <a:gd name="connsiteY6" fmla="*/ 293465 h 301296"/>
                <a:gd name="connsiteX7" fmla="*/ 0 w 10787"/>
                <a:gd name="connsiteY7" fmla="*/ 301296 h 301296"/>
                <a:gd name="connsiteX8" fmla="*/ 77 w 10787"/>
                <a:gd name="connsiteY8" fmla="*/ 64631 h 301296"/>
                <a:gd name="connsiteX0" fmla="*/ 77 w 2594"/>
                <a:gd name="connsiteY0" fmla="*/ 46981 h 283646"/>
                <a:gd name="connsiteX1" fmla="*/ 787 w 2594"/>
                <a:gd name="connsiteY1" fmla="*/ 0 h 283646"/>
                <a:gd name="connsiteX2" fmla="*/ 2594 w 2594"/>
                <a:gd name="connsiteY2" fmla="*/ 5215 h 283646"/>
                <a:gd name="connsiteX3" fmla="*/ 2594 w 2594"/>
                <a:gd name="connsiteY3" fmla="*/ 200117 h 283646"/>
                <a:gd name="connsiteX4" fmla="*/ 1450 w 2594"/>
                <a:gd name="connsiteY4" fmla="*/ 200117 h 283646"/>
                <a:gd name="connsiteX5" fmla="*/ 1447 w 2594"/>
                <a:gd name="connsiteY5" fmla="*/ 275815 h 283646"/>
                <a:gd name="connsiteX6" fmla="*/ 0 w 2594"/>
                <a:gd name="connsiteY6" fmla="*/ 283646 h 283646"/>
                <a:gd name="connsiteX7" fmla="*/ 77 w 2594"/>
                <a:gd name="connsiteY7" fmla="*/ 46981 h 283646"/>
                <a:gd name="connsiteX0" fmla="*/ 297 w 55838"/>
                <a:gd name="connsiteY0" fmla="*/ 16296 h 24640"/>
                <a:gd name="connsiteX1" fmla="*/ 3034 w 55838"/>
                <a:gd name="connsiteY1" fmla="*/ 14640 h 24640"/>
                <a:gd name="connsiteX2" fmla="*/ 55838 w 55838"/>
                <a:gd name="connsiteY2" fmla="*/ 0 h 24640"/>
                <a:gd name="connsiteX3" fmla="*/ 10000 w 55838"/>
                <a:gd name="connsiteY3" fmla="*/ 21695 h 24640"/>
                <a:gd name="connsiteX4" fmla="*/ 5590 w 55838"/>
                <a:gd name="connsiteY4" fmla="*/ 21695 h 24640"/>
                <a:gd name="connsiteX5" fmla="*/ 5578 w 55838"/>
                <a:gd name="connsiteY5" fmla="*/ 24364 h 24640"/>
                <a:gd name="connsiteX6" fmla="*/ 0 w 55838"/>
                <a:gd name="connsiteY6" fmla="*/ 24640 h 24640"/>
                <a:gd name="connsiteX7" fmla="*/ 297 w 55838"/>
                <a:gd name="connsiteY7" fmla="*/ 16296 h 24640"/>
                <a:gd name="connsiteX0" fmla="*/ 297 w 55838"/>
                <a:gd name="connsiteY0" fmla="*/ 16380 h 24724"/>
                <a:gd name="connsiteX1" fmla="*/ 31263 w 55838"/>
                <a:gd name="connsiteY1" fmla="*/ 0 h 24724"/>
                <a:gd name="connsiteX2" fmla="*/ 55838 w 55838"/>
                <a:gd name="connsiteY2" fmla="*/ 84 h 24724"/>
                <a:gd name="connsiteX3" fmla="*/ 10000 w 55838"/>
                <a:gd name="connsiteY3" fmla="*/ 21779 h 24724"/>
                <a:gd name="connsiteX4" fmla="*/ 5590 w 55838"/>
                <a:gd name="connsiteY4" fmla="*/ 21779 h 24724"/>
                <a:gd name="connsiteX5" fmla="*/ 5578 w 55838"/>
                <a:gd name="connsiteY5" fmla="*/ 24448 h 24724"/>
                <a:gd name="connsiteX6" fmla="*/ 0 w 55838"/>
                <a:gd name="connsiteY6" fmla="*/ 24724 h 24724"/>
                <a:gd name="connsiteX7" fmla="*/ 297 w 55838"/>
                <a:gd name="connsiteY7" fmla="*/ 16380 h 24724"/>
                <a:gd name="connsiteX0" fmla="*/ 297 w 55838"/>
                <a:gd name="connsiteY0" fmla="*/ 16380 h 24724"/>
                <a:gd name="connsiteX1" fmla="*/ 31263 w 55838"/>
                <a:gd name="connsiteY1" fmla="*/ 0 h 24724"/>
                <a:gd name="connsiteX2" fmla="*/ 55838 w 55838"/>
                <a:gd name="connsiteY2" fmla="*/ 84 h 24724"/>
                <a:gd name="connsiteX3" fmla="*/ 55612 w 55838"/>
                <a:gd name="connsiteY3" fmla="*/ 10453 h 24724"/>
                <a:gd name="connsiteX4" fmla="*/ 10000 w 55838"/>
                <a:gd name="connsiteY4" fmla="*/ 21779 h 24724"/>
                <a:gd name="connsiteX5" fmla="*/ 5590 w 55838"/>
                <a:gd name="connsiteY5" fmla="*/ 21779 h 24724"/>
                <a:gd name="connsiteX6" fmla="*/ 5578 w 55838"/>
                <a:gd name="connsiteY6" fmla="*/ 24448 h 24724"/>
                <a:gd name="connsiteX7" fmla="*/ 0 w 55838"/>
                <a:gd name="connsiteY7" fmla="*/ 24724 h 24724"/>
                <a:gd name="connsiteX8" fmla="*/ 297 w 55838"/>
                <a:gd name="connsiteY8" fmla="*/ 16380 h 24724"/>
                <a:gd name="connsiteX0" fmla="*/ 297 w 55838"/>
                <a:gd name="connsiteY0" fmla="*/ 16380 h 24724"/>
                <a:gd name="connsiteX1" fmla="*/ 31263 w 55838"/>
                <a:gd name="connsiteY1" fmla="*/ 0 h 24724"/>
                <a:gd name="connsiteX2" fmla="*/ 55838 w 55838"/>
                <a:gd name="connsiteY2" fmla="*/ 84 h 24724"/>
                <a:gd name="connsiteX3" fmla="*/ 55612 w 55838"/>
                <a:gd name="connsiteY3" fmla="*/ 10453 h 24724"/>
                <a:gd name="connsiteX4" fmla="*/ 10000 w 55838"/>
                <a:gd name="connsiteY4" fmla="*/ 21779 h 24724"/>
                <a:gd name="connsiteX5" fmla="*/ 5578 w 55838"/>
                <a:gd name="connsiteY5" fmla="*/ 24448 h 24724"/>
                <a:gd name="connsiteX6" fmla="*/ 0 w 55838"/>
                <a:gd name="connsiteY6" fmla="*/ 24724 h 24724"/>
                <a:gd name="connsiteX7" fmla="*/ 297 w 55838"/>
                <a:gd name="connsiteY7" fmla="*/ 16380 h 24724"/>
                <a:gd name="connsiteX0" fmla="*/ 297 w 55838"/>
                <a:gd name="connsiteY0" fmla="*/ 16380 h 24724"/>
                <a:gd name="connsiteX1" fmla="*/ 31263 w 55838"/>
                <a:gd name="connsiteY1" fmla="*/ 0 h 24724"/>
                <a:gd name="connsiteX2" fmla="*/ 55838 w 55838"/>
                <a:gd name="connsiteY2" fmla="*/ 84 h 24724"/>
                <a:gd name="connsiteX3" fmla="*/ 55612 w 55838"/>
                <a:gd name="connsiteY3" fmla="*/ 10453 h 24724"/>
                <a:gd name="connsiteX4" fmla="*/ 5578 w 55838"/>
                <a:gd name="connsiteY4" fmla="*/ 24448 h 24724"/>
                <a:gd name="connsiteX5" fmla="*/ 0 w 55838"/>
                <a:gd name="connsiteY5" fmla="*/ 24724 h 24724"/>
                <a:gd name="connsiteX6" fmla="*/ 297 w 55838"/>
                <a:gd name="connsiteY6" fmla="*/ 16380 h 24724"/>
                <a:gd name="connsiteX0" fmla="*/ 0 w 55838"/>
                <a:gd name="connsiteY0" fmla="*/ 24724 h 24724"/>
                <a:gd name="connsiteX1" fmla="*/ 31263 w 55838"/>
                <a:gd name="connsiteY1" fmla="*/ 0 h 24724"/>
                <a:gd name="connsiteX2" fmla="*/ 55838 w 55838"/>
                <a:gd name="connsiteY2" fmla="*/ 84 h 24724"/>
                <a:gd name="connsiteX3" fmla="*/ 55612 w 55838"/>
                <a:gd name="connsiteY3" fmla="*/ 10453 h 24724"/>
                <a:gd name="connsiteX4" fmla="*/ 5578 w 55838"/>
                <a:gd name="connsiteY4" fmla="*/ 24448 h 24724"/>
                <a:gd name="connsiteX5" fmla="*/ 0 w 55838"/>
                <a:gd name="connsiteY5" fmla="*/ 24724 h 24724"/>
                <a:gd name="connsiteX0" fmla="*/ 0 w 50260"/>
                <a:gd name="connsiteY0" fmla="*/ 24448 h 24448"/>
                <a:gd name="connsiteX1" fmla="*/ 25685 w 50260"/>
                <a:gd name="connsiteY1" fmla="*/ 0 h 24448"/>
                <a:gd name="connsiteX2" fmla="*/ 50260 w 50260"/>
                <a:gd name="connsiteY2" fmla="*/ 84 h 24448"/>
                <a:gd name="connsiteX3" fmla="*/ 50034 w 50260"/>
                <a:gd name="connsiteY3" fmla="*/ 10453 h 24448"/>
                <a:gd name="connsiteX4" fmla="*/ 0 w 50260"/>
                <a:gd name="connsiteY4" fmla="*/ 24448 h 24448"/>
                <a:gd name="connsiteX0" fmla="*/ 0 w 24712"/>
                <a:gd name="connsiteY0" fmla="*/ 10792 h 10792"/>
                <a:gd name="connsiteX1" fmla="*/ 137 w 24712"/>
                <a:gd name="connsiteY1" fmla="*/ 0 h 10792"/>
                <a:gd name="connsiteX2" fmla="*/ 24712 w 24712"/>
                <a:gd name="connsiteY2" fmla="*/ 84 h 10792"/>
                <a:gd name="connsiteX3" fmla="*/ 24486 w 24712"/>
                <a:gd name="connsiteY3" fmla="*/ 10453 h 10792"/>
                <a:gd name="connsiteX4" fmla="*/ 0 w 24712"/>
                <a:gd name="connsiteY4" fmla="*/ 10792 h 10792"/>
                <a:gd name="connsiteX0" fmla="*/ 0 w 24712"/>
                <a:gd name="connsiteY0" fmla="*/ 10056 h 10453"/>
                <a:gd name="connsiteX1" fmla="*/ 137 w 24712"/>
                <a:gd name="connsiteY1" fmla="*/ 0 h 10453"/>
                <a:gd name="connsiteX2" fmla="*/ 24712 w 24712"/>
                <a:gd name="connsiteY2" fmla="*/ 84 h 10453"/>
                <a:gd name="connsiteX3" fmla="*/ 24486 w 24712"/>
                <a:gd name="connsiteY3" fmla="*/ 10453 h 10453"/>
                <a:gd name="connsiteX4" fmla="*/ 0 w 24712"/>
                <a:gd name="connsiteY4" fmla="*/ 10056 h 10453"/>
                <a:gd name="connsiteX0" fmla="*/ 0 w 50120"/>
                <a:gd name="connsiteY0" fmla="*/ 16432 h 16829"/>
                <a:gd name="connsiteX1" fmla="*/ 137 w 50120"/>
                <a:gd name="connsiteY1" fmla="*/ 6376 h 16829"/>
                <a:gd name="connsiteX2" fmla="*/ 50120 w 50120"/>
                <a:gd name="connsiteY2" fmla="*/ 0 h 16829"/>
                <a:gd name="connsiteX3" fmla="*/ 24486 w 50120"/>
                <a:gd name="connsiteY3" fmla="*/ 16829 h 16829"/>
                <a:gd name="connsiteX4" fmla="*/ 0 w 50120"/>
                <a:gd name="connsiteY4" fmla="*/ 16432 h 16829"/>
                <a:gd name="connsiteX0" fmla="*/ 0 w 24486"/>
                <a:gd name="connsiteY0" fmla="*/ 10056 h 10453"/>
                <a:gd name="connsiteX1" fmla="*/ 137 w 24486"/>
                <a:gd name="connsiteY1" fmla="*/ 0 h 10453"/>
                <a:gd name="connsiteX2" fmla="*/ 24486 w 24486"/>
                <a:gd name="connsiteY2" fmla="*/ 10453 h 10453"/>
                <a:gd name="connsiteX3" fmla="*/ 0 w 24486"/>
                <a:gd name="connsiteY3" fmla="*/ 10056 h 10453"/>
                <a:gd name="connsiteX0" fmla="*/ 0 w 51167"/>
                <a:gd name="connsiteY0" fmla="*/ 16163 h 16560"/>
                <a:gd name="connsiteX1" fmla="*/ 137 w 51167"/>
                <a:gd name="connsiteY1" fmla="*/ 6107 h 16560"/>
                <a:gd name="connsiteX2" fmla="*/ 51167 w 51167"/>
                <a:gd name="connsiteY2" fmla="*/ 0 h 16560"/>
                <a:gd name="connsiteX3" fmla="*/ 24486 w 51167"/>
                <a:gd name="connsiteY3" fmla="*/ 16560 h 16560"/>
                <a:gd name="connsiteX4" fmla="*/ 0 w 51167"/>
                <a:gd name="connsiteY4" fmla="*/ 16163 h 16560"/>
                <a:gd name="connsiteX0" fmla="*/ 0 w 51167"/>
                <a:gd name="connsiteY0" fmla="*/ 16163 h 16560"/>
                <a:gd name="connsiteX1" fmla="*/ 137 w 51167"/>
                <a:gd name="connsiteY1" fmla="*/ 6107 h 16560"/>
                <a:gd name="connsiteX2" fmla="*/ 32382 w 51167"/>
                <a:gd name="connsiteY2" fmla="*/ 138 h 16560"/>
                <a:gd name="connsiteX3" fmla="*/ 51167 w 51167"/>
                <a:gd name="connsiteY3" fmla="*/ 0 h 16560"/>
                <a:gd name="connsiteX4" fmla="*/ 24486 w 51167"/>
                <a:gd name="connsiteY4" fmla="*/ 16560 h 16560"/>
                <a:gd name="connsiteX5" fmla="*/ 0 w 51167"/>
                <a:gd name="connsiteY5" fmla="*/ 16163 h 16560"/>
                <a:gd name="connsiteX0" fmla="*/ 0 w 51167"/>
                <a:gd name="connsiteY0" fmla="*/ 16163 h 16560"/>
                <a:gd name="connsiteX1" fmla="*/ 137 w 51167"/>
                <a:gd name="connsiteY1" fmla="*/ 6107 h 16560"/>
                <a:gd name="connsiteX2" fmla="*/ 32382 w 51167"/>
                <a:gd name="connsiteY2" fmla="*/ 138 h 16560"/>
                <a:gd name="connsiteX3" fmla="*/ 51167 w 51167"/>
                <a:gd name="connsiteY3" fmla="*/ 0 h 16560"/>
                <a:gd name="connsiteX4" fmla="*/ 50907 w 51167"/>
                <a:gd name="connsiteY4" fmla="*/ 10936 h 16560"/>
                <a:gd name="connsiteX5" fmla="*/ 24486 w 51167"/>
                <a:gd name="connsiteY5" fmla="*/ 16560 h 16560"/>
                <a:gd name="connsiteX6" fmla="*/ 0 w 51167"/>
                <a:gd name="connsiteY6" fmla="*/ 16163 h 16560"/>
                <a:gd name="connsiteX0" fmla="*/ 0 w 51167"/>
                <a:gd name="connsiteY0" fmla="*/ 16163 h 16163"/>
                <a:gd name="connsiteX1" fmla="*/ 137 w 51167"/>
                <a:gd name="connsiteY1" fmla="*/ 6107 h 16163"/>
                <a:gd name="connsiteX2" fmla="*/ 32382 w 51167"/>
                <a:gd name="connsiteY2" fmla="*/ 138 h 16163"/>
                <a:gd name="connsiteX3" fmla="*/ 51167 w 51167"/>
                <a:gd name="connsiteY3" fmla="*/ 0 h 16163"/>
                <a:gd name="connsiteX4" fmla="*/ 50907 w 51167"/>
                <a:gd name="connsiteY4" fmla="*/ 10936 h 16163"/>
                <a:gd name="connsiteX5" fmla="*/ 0 w 51167"/>
                <a:gd name="connsiteY5" fmla="*/ 16163 h 16163"/>
                <a:gd name="connsiteX0" fmla="*/ 8801 w 51076"/>
                <a:gd name="connsiteY0" fmla="*/ 3597 h 23268"/>
                <a:gd name="connsiteX1" fmla="*/ 46 w 51076"/>
                <a:gd name="connsiteY1" fmla="*/ 18439 h 23268"/>
                <a:gd name="connsiteX2" fmla="*/ 32291 w 51076"/>
                <a:gd name="connsiteY2" fmla="*/ 12470 h 23268"/>
                <a:gd name="connsiteX3" fmla="*/ 51076 w 51076"/>
                <a:gd name="connsiteY3" fmla="*/ 12332 h 23268"/>
                <a:gd name="connsiteX4" fmla="*/ 50816 w 51076"/>
                <a:gd name="connsiteY4" fmla="*/ 23268 h 23268"/>
                <a:gd name="connsiteX5" fmla="*/ 8801 w 51076"/>
                <a:gd name="connsiteY5" fmla="*/ 3597 h 23268"/>
                <a:gd name="connsiteX0" fmla="*/ 0 w 42275"/>
                <a:gd name="connsiteY0" fmla="*/ 3597 h 26374"/>
                <a:gd name="connsiteX1" fmla="*/ 23627 w 42275"/>
                <a:gd name="connsiteY1" fmla="*/ 22777 h 26374"/>
                <a:gd name="connsiteX2" fmla="*/ 23490 w 42275"/>
                <a:gd name="connsiteY2" fmla="*/ 12470 h 26374"/>
                <a:gd name="connsiteX3" fmla="*/ 42275 w 42275"/>
                <a:gd name="connsiteY3" fmla="*/ 12332 h 26374"/>
                <a:gd name="connsiteX4" fmla="*/ 42015 w 42275"/>
                <a:gd name="connsiteY4" fmla="*/ 23268 h 26374"/>
                <a:gd name="connsiteX5" fmla="*/ 0 w 42275"/>
                <a:gd name="connsiteY5" fmla="*/ 3597 h 26374"/>
                <a:gd name="connsiteX0" fmla="*/ 18525 w 18785"/>
                <a:gd name="connsiteY0" fmla="*/ 10936 h 10936"/>
                <a:gd name="connsiteX1" fmla="*/ 137 w 18785"/>
                <a:gd name="connsiteY1" fmla="*/ 10445 h 10936"/>
                <a:gd name="connsiteX2" fmla="*/ 0 w 18785"/>
                <a:gd name="connsiteY2" fmla="*/ 138 h 10936"/>
                <a:gd name="connsiteX3" fmla="*/ 18785 w 18785"/>
                <a:gd name="connsiteY3" fmla="*/ 0 h 10936"/>
                <a:gd name="connsiteX4" fmla="*/ 18525 w 18785"/>
                <a:gd name="connsiteY4" fmla="*/ 10936 h 10936"/>
                <a:gd name="connsiteX0" fmla="*/ 18973 w 19233"/>
                <a:gd name="connsiteY0" fmla="*/ 10936 h 11289"/>
                <a:gd name="connsiteX1" fmla="*/ 46 w 19233"/>
                <a:gd name="connsiteY1" fmla="*/ 11289 h 11289"/>
                <a:gd name="connsiteX2" fmla="*/ 448 w 19233"/>
                <a:gd name="connsiteY2" fmla="*/ 138 h 11289"/>
                <a:gd name="connsiteX3" fmla="*/ 19233 w 19233"/>
                <a:gd name="connsiteY3" fmla="*/ 0 h 11289"/>
                <a:gd name="connsiteX4" fmla="*/ 18973 w 19233"/>
                <a:gd name="connsiteY4" fmla="*/ 10936 h 11289"/>
                <a:gd name="connsiteX0" fmla="*/ 18924 w 19184"/>
                <a:gd name="connsiteY0" fmla="*/ 10936 h 10936"/>
                <a:gd name="connsiteX1" fmla="*/ 46 w 19184"/>
                <a:gd name="connsiteY1" fmla="*/ 10906 h 10936"/>
                <a:gd name="connsiteX2" fmla="*/ 399 w 19184"/>
                <a:gd name="connsiteY2" fmla="*/ 138 h 10936"/>
                <a:gd name="connsiteX3" fmla="*/ 19184 w 19184"/>
                <a:gd name="connsiteY3" fmla="*/ 0 h 10936"/>
                <a:gd name="connsiteX4" fmla="*/ 18924 w 19184"/>
                <a:gd name="connsiteY4" fmla="*/ 10936 h 1093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9184" h="10936">
                  <a:moveTo>
                    <a:pt x="18924" y="10936"/>
                  </a:moveTo>
                  <a:lnTo>
                    <a:pt x="46" y="10906"/>
                  </a:lnTo>
                  <a:cubicBezTo>
                    <a:pt x="0" y="7470"/>
                    <a:pt x="445" y="3574"/>
                    <a:pt x="399" y="138"/>
                  </a:cubicBezTo>
                  <a:lnTo>
                    <a:pt x="19184" y="0"/>
                  </a:lnTo>
                  <a:cubicBezTo>
                    <a:pt x="19097" y="3645"/>
                    <a:pt x="19011" y="7291"/>
                    <a:pt x="18924" y="10936"/>
                  </a:cubicBezTo>
                  <a:close/>
                </a:path>
              </a:pathLst>
            </a:custGeom>
            <a:solidFill>
              <a:schemeClr val="bg1">
                <a:lumMod val="7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7" name="テキスト ボックス 126"/>
            <p:cNvSpPr txBox="1"/>
            <p:nvPr/>
          </p:nvSpPr>
          <p:spPr>
            <a:xfrm>
              <a:off x="7257256" y="3645028"/>
              <a:ext cx="856122" cy="200055"/>
            </a:xfrm>
            <a:prstGeom prst="rect">
              <a:avLst/>
            </a:prstGeom>
            <a:noFill/>
            <a:ln>
              <a:noFill/>
            </a:ln>
          </p:spPr>
          <p:txBody>
            <a:bodyPr wrap="square" rtlCol="0">
              <a:spAutoFit/>
            </a:bodyPr>
            <a:lstStyle/>
            <a:p>
              <a:r>
                <a:rPr kumimoji="1" lang="ja-JP" altLang="en-US" sz="700" dirty="0" smtClean="0">
                  <a:solidFill>
                    <a:schemeClr val="tx1">
                      <a:lumMod val="75000"/>
                      <a:lumOff val="25000"/>
                    </a:schemeClr>
                  </a:solidFill>
                  <a:latin typeface="Meiryo UI" pitchFamily="50" charset="-128"/>
                  <a:ea typeface="Meiryo UI" pitchFamily="50" charset="-128"/>
                  <a:cs typeface="Meiryo UI" pitchFamily="50" charset="-128"/>
                </a:rPr>
                <a:t>中央大通</a:t>
              </a:r>
              <a:endParaRPr kumimoji="1" lang="ja-JP" altLang="en-US" sz="700" dirty="0">
                <a:solidFill>
                  <a:schemeClr val="tx1">
                    <a:lumMod val="75000"/>
                    <a:lumOff val="25000"/>
                  </a:schemeClr>
                </a:solidFill>
                <a:latin typeface="Meiryo UI" pitchFamily="50" charset="-128"/>
                <a:ea typeface="Meiryo UI" pitchFamily="50" charset="-128"/>
                <a:cs typeface="Meiryo UI" pitchFamily="50" charset="-128"/>
              </a:endParaRPr>
            </a:p>
          </p:txBody>
        </p:sp>
        <p:sp>
          <p:nvSpPr>
            <p:cNvPr id="128" name="テキスト ボックス 127"/>
            <p:cNvSpPr txBox="1"/>
            <p:nvPr/>
          </p:nvSpPr>
          <p:spPr>
            <a:xfrm>
              <a:off x="7257256" y="4566847"/>
              <a:ext cx="856122" cy="200055"/>
            </a:xfrm>
            <a:prstGeom prst="rect">
              <a:avLst/>
            </a:prstGeom>
            <a:noFill/>
            <a:ln>
              <a:noFill/>
            </a:ln>
          </p:spPr>
          <p:txBody>
            <a:bodyPr wrap="square" rtlCol="0">
              <a:spAutoFit/>
            </a:bodyPr>
            <a:lstStyle/>
            <a:p>
              <a:r>
                <a:rPr kumimoji="1" lang="ja-JP" altLang="en-US" sz="700" dirty="0" smtClean="0">
                  <a:solidFill>
                    <a:schemeClr val="tx1">
                      <a:lumMod val="75000"/>
                      <a:lumOff val="25000"/>
                    </a:schemeClr>
                  </a:solidFill>
                  <a:latin typeface="Meiryo UI" pitchFamily="50" charset="-128"/>
                  <a:ea typeface="Meiryo UI" pitchFamily="50" charset="-128"/>
                  <a:cs typeface="Meiryo UI" pitchFamily="50" charset="-128"/>
                </a:rPr>
                <a:t>長堀通</a:t>
              </a:r>
              <a:endParaRPr kumimoji="1" lang="ja-JP" altLang="en-US" sz="700" dirty="0">
                <a:solidFill>
                  <a:schemeClr val="tx1">
                    <a:lumMod val="75000"/>
                    <a:lumOff val="25000"/>
                  </a:schemeClr>
                </a:solidFill>
                <a:latin typeface="Meiryo UI" pitchFamily="50" charset="-128"/>
                <a:ea typeface="Meiryo UI" pitchFamily="50" charset="-128"/>
                <a:cs typeface="Meiryo UI" pitchFamily="50" charset="-128"/>
              </a:endParaRPr>
            </a:p>
          </p:txBody>
        </p:sp>
        <p:sp>
          <p:nvSpPr>
            <p:cNvPr id="129" name="テキスト ボックス 128"/>
            <p:cNvSpPr txBox="1"/>
            <p:nvPr/>
          </p:nvSpPr>
          <p:spPr>
            <a:xfrm>
              <a:off x="7257256" y="5661256"/>
              <a:ext cx="856122" cy="200055"/>
            </a:xfrm>
            <a:prstGeom prst="rect">
              <a:avLst/>
            </a:prstGeom>
            <a:noFill/>
            <a:ln>
              <a:noFill/>
            </a:ln>
          </p:spPr>
          <p:txBody>
            <a:bodyPr wrap="square" rtlCol="0">
              <a:spAutoFit/>
            </a:bodyPr>
            <a:lstStyle/>
            <a:p>
              <a:r>
                <a:rPr kumimoji="1" lang="ja-JP" altLang="en-US" sz="700" dirty="0" smtClean="0">
                  <a:solidFill>
                    <a:schemeClr val="tx1">
                      <a:lumMod val="75000"/>
                      <a:lumOff val="25000"/>
                    </a:schemeClr>
                  </a:solidFill>
                  <a:latin typeface="Meiryo UI" pitchFamily="50" charset="-128"/>
                  <a:ea typeface="Meiryo UI" pitchFamily="50" charset="-128"/>
                  <a:cs typeface="Meiryo UI" pitchFamily="50" charset="-128"/>
                </a:rPr>
                <a:t>千日前通</a:t>
              </a:r>
              <a:endParaRPr kumimoji="1" lang="ja-JP" altLang="en-US" sz="700" dirty="0">
                <a:solidFill>
                  <a:schemeClr val="tx1">
                    <a:lumMod val="75000"/>
                    <a:lumOff val="25000"/>
                  </a:schemeClr>
                </a:solidFill>
                <a:latin typeface="Meiryo UI" pitchFamily="50" charset="-128"/>
                <a:ea typeface="Meiryo UI" pitchFamily="50" charset="-128"/>
                <a:cs typeface="Meiryo UI" pitchFamily="50" charset="-128"/>
              </a:endParaRPr>
            </a:p>
          </p:txBody>
        </p:sp>
        <p:sp>
          <p:nvSpPr>
            <p:cNvPr id="93" name="テキスト ボックス 92"/>
            <p:cNvSpPr txBox="1"/>
            <p:nvPr/>
          </p:nvSpPr>
          <p:spPr>
            <a:xfrm>
              <a:off x="6586068" y="2852256"/>
              <a:ext cx="342694" cy="611305"/>
            </a:xfrm>
            <a:prstGeom prst="rect">
              <a:avLst/>
            </a:prstGeom>
            <a:noFill/>
            <a:ln>
              <a:noFill/>
            </a:ln>
          </p:spPr>
          <p:txBody>
            <a:bodyPr vert="eaVert" wrap="square" rtlCol="0">
              <a:spAutoFit/>
            </a:bodyPr>
            <a:lstStyle/>
            <a:p>
              <a:pPr algn="ctr"/>
              <a:r>
                <a:rPr kumimoji="1" lang="ja-JP" altLang="en-US" sz="1100" dirty="0" smtClean="0">
                  <a:solidFill>
                    <a:schemeClr val="tx1">
                      <a:lumMod val="75000"/>
                      <a:lumOff val="25000"/>
                    </a:schemeClr>
                  </a:solidFill>
                  <a:latin typeface="Meiryo UI" pitchFamily="50" charset="-128"/>
                  <a:ea typeface="Meiryo UI" pitchFamily="50" charset="-128"/>
                  <a:cs typeface="Meiryo UI" pitchFamily="50" charset="-128"/>
                </a:rPr>
                <a:t>御堂筋</a:t>
              </a:r>
              <a:endParaRPr kumimoji="1" lang="ja-JP" altLang="en-US" sz="1100" dirty="0">
                <a:solidFill>
                  <a:schemeClr val="tx1">
                    <a:lumMod val="75000"/>
                    <a:lumOff val="25000"/>
                  </a:schemeClr>
                </a:solidFill>
                <a:latin typeface="Meiryo UI" pitchFamily="50" charset="-128"/>
                <a:ea typeface="Meiryo UI" pitchFamily="50" charset="-128"/>
                <a:cs typeface="Meiryo UI" pitchFamily="50" charset="-128"/>
              </a:endParaRPr>
            </a:p>
          </p:txBody>
        </p:sp>
        <p:sp>
          <p:nvSpPr>
            <p:cNvPr id="130" name="テキスト ボックス 129"/>
            <p:cNvSpPr txBox="1"/>
            <p:nvPr/>
          </p:nvSpPr>
          <p:spPr>
            <a:xfrm>
              <a:off x="5961112" y="817298"/>
              <a:ext cx="502730" cy="223496"/>
            </a:xfrm>
            <a:prstGeom prst="rect">
              <a:avLst/>
            </a:prstGeom>
            <a:solidFill>
              <a:schemeClr val="bg1">
                <a:alpha val="50000"/>
              </a:schemeClr>
            </a:solidFill>
            <a:ln>
              <a:solidFill>
                <a:schemeClr val="tx1"/>
              </a:solidFill>
            </a:ln>
          </p:spPr>
          <p:txBody>
            <a:bodyPr wrap="square" rtlCol="0" anchor="ctr">
              <a:spAutoFit/>
            </a:bodyPr>
            <a:lstStyle/>
            <a:p>
              <a:pPr algn="ctr"/>
              <a:r>
                <a:rPr lang="ja-JP" altLang="en-US" sz="900" dirty="0" smtClean="0">
                  <a:latin typeface="Meiryo UI" pitchFamily="50" charset="-128"/>
                  <a:ea typeface="Meiryo UI" pitchFamily="50" charset="-128"/>
                  <a:cs typeface="Meiryo UI" pitchFamily="50" charset="-128"/>
                </a:rPr>
                <a:t>梅　田</a:t>
              </a:r>
              <a:endParaRPr kumimoji="1" lang="ja-JP" altLang="en-US" sz="900" dirty="0">
                <a:latin typeface="Meiryo UI" pitchFamily="50" charset="-128"/>
                <a:ea typeface="Meiryo UI" pitchFamily="50" charset="-128"/>
                <a:cs typeface="Meiryo UI" pitchFamily="50" charset="-128"/>
              </a:endParaRPr>
            </a:p>
          </p:txBody>
        </p:sp>
        <p:sp>
          <p:nvSpPr>
            <p:cNvPr id="126" name="テキスト ボックス 125"/>
            <p:cNvSpPr txBox="1"/>
            <p:nvPr/>
          </p:nvSpPr>
          <p:spPr>
            <a:xfrm>
              <a:off x="6907885" y="2643098"/>
              <a:ext cx="280890" cy="64120"/>
            </a:xfrm>
            <a:prstGeom prst="rect">
              <a:avLst/>
            </a:prstGeom>
            <a:noFill/>
          </p:spPr>
          <p:txBody>
            <a:bodyPr wrap="square" lIns="0" tIns="0" rIns="0" bIns="0" rtlCol="0">
              <a:spAutoFit/>
            </a:bodyPr>
            <a:lstStyle/>
            <a:p>
              <a:pPr>
                <a:lnSpc>
                  <a:spcPts val="500"/>
                </a:lnSpc>
              </a:pPr>
              <a:r>
                <a:rPr lang="ja-JP" altLang="en-US" sz="1200" b="1" dirty="0" smtClean="0">
                  <a:solidFill>
                    <a:schemeClr val="tx1">
                      <a:lumMod val="75000"/>
                      <a:lumOff val="25000"/>
                    </a:schemeClr>
                  </a:solidFill>
                  <a:latin typeface="HGPｺﾞｼｯｸM" pitchFamily="50" charset="-128"/>
                  <a:ea typeface="HGPｺﾞｼｯｸM" pitchFamily="50" charset="-128"/>
                </a:rPr>
                <a:t>③</a:t>
              </a:r>
              <a:endParaRPr kumimoji="1" lang="ja-JP" altLang="en-US" sz="1200" b="1" dirty="0">
                <a:solidFill>
                  <a:schemeClr val="tx1">
                    <a:lumMod val="75000"/>
                    <a:lumOff val="25000"/>
                  </a:schemeClr>
                </a:solidFill>
                <a:latin typeface="HGPｺﾞｼｯｸM" pitchFamily="50" charset="-128"/>
                <a:ea typeface="HGPｺﾞｼｯｸM" pitchFamily="50" charset="-128"/>
              </a:endParaRPr>
            </a:p>
          </p:txBody>
        </p:sp>
        <p:sp>
          <p:nvSpPr>
            <p:cNvPr id="133" name="テキスト ボックス 132"/>
            <p:cNvSpPr txBox="1"/>
            <p:nvPr/>
          </p:nvSpPr>
          <p:spPr>
            <a:xfrm>
              <a:off x="6903570" y="3494659"/>
              <a:ext cx="280890" cy="62082"/>
            </a:xfrm>
            <a:prstGeom prst="rect">
              <a:avLst/>
            </a:prstGeom>
            <a:noFill/>
          </p:spPr>
          <p:txBody>
            <a:bodyPr wrap="square" lIns="0" tIns="0" rIns="0" bIns="0" rtlCol="0">
              <a:spAutoFit/>
            </a:bodyPr>
            <a:lstStyle/>
            <a:p>
              <a:pPr>
                <a:lnSpc>
                  <a:spcPts val="500"/>
                </a:lnSpc>
              </a:pPr>
              <a:r>
                <a:rPr lang="ja-JP" altLang="en-US" sz="1200" b="1" dirty="0" smtClean="0">
                  <a:solidFill>
                    <a:schemeClr val="tx1">
                      <a:lumMod val="75000"/>
                      <a:lumOff val="25000"/>
                    </a:schemeClr>
                  </a:solidFill>
                  <a:latin typeface="HGPｺﾞｼｯｸM" pitchFamily="50" charset="-128"/>
                  <a:ea typeface="HGPｺﾞｼｯｸM" pitchFamily="50" charset="-128"/>
                </a:rPr>
                <a:t>④</a:t>
              </a:r>
              <a:endParaRPr kumimoji="1" lang="ja-JP" altLang="en-US" sz="1200" b="1" dirty="0">
                <a:solidFill>
                  <a:schemeClr val="tx1">
                    <a:lumMod val="75000"/>
                    <a:lumOff val="25000"/>
                  </a:schemeClr>
                </a:solidFill>
                <a:latin typeface="HGPｺﾞｼｯｸM" pitchFamily="50" charset="-128"/>
                <a:ea typeface="HGPｺﾞｼｯｸM" pitchFamily="50" charset="-128"/>
              </a:endParaRPr>
            </a:p>
          </p:txBody>
        </p:sp>
        <p:sp>
          <p:nvSpPr>
            <p:cNvPr id="136" name="テキスト ボックス 135"/>
            <p:cNvSpPr txBox="1"/>
            <p:nvPr/>
          </p:nvSpPr>
          <p:spPr>
            <a:xfrm>
              <a:off x="6825208" y="4869161"/>
              <a:ext cx="280890" cy="62082"/>
            </a:xfrm>
            <a:prstGeom prst="rect">
              <a:avLst/>
            </a:prstGeom>
            <a:noFill/>
          </p:spPr>
          <p:txBody>
            <a:bodyPr wrap="square" lIns="0" tIns="0" rIns="0" bIns="0" rtlCol="0">
              <a:spAutoFit/>
            </a:bodyPr>
            <a:lstStyle/>
            <a:p>
              <a:pPr>
                <a:lnSpc>
                  <a:spcPts val="500"/>
                </a:lnSpc>
              </a:pPr>
              <a:r>
                <a:rPr lang="ja-JP" altLang="en-US" sz="1200" b="1" dirty="0" smtClean="0">
                  <a:solidFill>
                    <a:schemeClr val="tx1">
                      <a:lumMod val="75000"/>
                      <a:lumOff val="25000"/>
                    </a:schemeClr>
                  </a:solidFill>
                  <a:latin typeface="HGPｺﾞｼｯｸM" pitchFamily="50" charset="-128"/>
                  <a:ea typeface="HGPｺﾞｼｯｸM" pitchFamily="50" charset="-128"/>
                </a:rPr>
                <a:t>⑤</a:t>
              </a:r>
              <a:endParaRPr kumimoji="1" lang="ja-JP" altLang="en-US" sz="1200" b="1" dirty="0">
                <a:solidFill>
                  <a:schemeClr val="tx1">
                    <a:lumMod val="75000"/>
                    <a:lumOff val="25000"/>
                  </a:schemeClr>
                </a:solidFill>
                <a:latin typeface="HGPｺﾞｼｯｸM" pitchFamily="50" charset="-128"/>
                <a:ea typeface="HGPｺﾞｼｯｸM" pitchFamily="50" charset="-128"/>
              </a:endParaRPr>
            </a:p>
          </p:txBody>
        </p:sp>
        <p:sp>
          <p:nvSpPr>
            <p:cNvPr id="119" name="テキスト ボックス 118"/>
            <p:cNvSpPr txBox="1"/>
            <p:nvPr/>
          </p:nvSpPr>
          <p:spPr>
            <a:xfrm>
              <a:off x="6315718" y="1228502"/>
              <a:ext cx="280890" cy="216025"/>
            </a:xfrm>
            <a:prstGeom prst="rect">
              <a:avLst/>
            </a:prstGeom>
            <a:noFill/>
          </p:spPr>
          <p:txBody>
            <a:bodyPr wrap="square" lIns="0" tIns="0" rIns="0" bIns="0" rtlCol="0" anchor="ctr">
              <a:noAutofit/>
            </a:bodyPr>
            <a:lstStyle/>
            <a:p>
              <a:pPr algn="ctr">
                <a:lnSpc>
                  <a:spcPts val="500"/>
                </a:lnSpc>
              </a:pPr>
              <a:r>
                <a:rPr kumimoji="1" lang="ja-JP" altLang="en-US" sz="1200" b="1" dirty="0" smtClean="0">
                  <a:solidFill>
                    <a:schemeClr val="tx1">
                      <a:lumMod val="75000"/>
                      <a:lumOff val="25000"/>
                    </a:schemeClr>
                  </a:solidFill>
                  <a:latin typeface="HGPｺﾞｼｯｸM" pitchFamily="50" charset="-128"/>
                  <a:ea typeface="HGPｺﾞｼｯｸM" pitchFamily="50" charset="-128"/>
                </a:rPr>
                <a:t>①</a:t>
              </a:r>
              <a:endParaRPr kumimoji="1" lang="ja-JP" altLang="en-US" sz="1200" b="1" dirty="0">
                <a:solidFill>
                  <a:schemeClr val="tx1">
                    <a:lumMod val="75000"/>
                    <a:lumOff val="25000"/>
                  </a:schemeClr>
                </a:solidFill>
                <a:latin typeface="HGPｺﾞｼｯｸM" pitchFamily="50" charset="-128"/>
                <a:ea typeface="HGPｺﾞｼｯｸM" pitchFamily="50" charset="-128"/>
              </a:endParaRPr>
            </a:p>
          </p:txBody>
        </p:sp>
      </p:grpSp>
      <p:grpSp>
        <p:nvGrpSpPr>
          <p:cNvPr id="9" name="グループ化 140"/>
          <p:cNvGrpSpPr/>
          <p:nvPr/>
        </p:nvGrpSpPr>
        <p:grpSpPr>
          <a:xfrm>
            <a:off x="8005917" y="4869160"/>
            <a:ext cx="1429618" cy="342546"/>
            <a:chOff x="7977336" y="4869160"/>
            <a:chExt cx="1429618" cy="342546"/>
          </a:xfrm>
        </p:grpSpPr>
        <p:sp>
          <p:nvSpPr>
            <p:cNvPr id="123" name="正方形/長方形 122"/>
            <p:cNvSpPr/>
            <p:nvPr/>
          </p:nvSpPr>
          <p:spPr>
            <a:xfrm>
              <a:off x="7977336" y="4869160"/>
              <a:ext cx="360040" cy="219726"/>
            </a:xfrm>
            <a:prstGeom prst="rect">
              <a:avLst/>
            </a:prstGeom>
            <a:noFill/>
            <a:ln w="19050">
              <a:solidFill>
                <a:srgbClr val="008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7" name="正方形/長方形 136"/>
            <p:cNvSpPr/>
            <p:nvPr/>
          </p:nvSpPr>
          <p:spPr>
            <a:xfrm>
              <a:off x="8326834" y="4873152"/>
              <a:ext cx="1080120" cy="338554"/>
            </a:xfrm>
            <a:prstGeom prst="rect">
              <a:avLst/>
            </a:prstGeom>
          </p:spPr>
          <p:txBody>
            <a:bodyPr wrap="square">
              <a:spAutoFit/>
            </a:bodyPr>
            <a:lstStyle/>
            <a:p>
              <a:pPr lvl="0"/>
              <a:r>
                <a:rPr lang="ja-JP" altLang="en-US" sz="800" dirty="0" smtClean="0">
                  <a:solidFill>
                    <a:prstClr val="black"/>
                  </a:solidFill>
                </a:rPr>
                <a:t>：　梅田～淀屋橋</a:t>
              </a:r>
              <a:endParaRPr lang="en-US" altLang="ja-JP" sz="800" dirty="0" smtClean="0">
                <a:solidFill>
                  <a:prstClr val="black"/>
                </a:solidFill>
              </a:endParaRPr>
            </a:p>
            <a:p>
              <a:pPr lvl="0"/>
              <a:r>
                <a:rPr lang="ja-JP" altLang="en-US" sz="800" dirty="0" smtClean="0">
                  <a:solidFill>
                    <a:prstClr val="black"/>
                  </a:solidFill>
                </a:rPr>
                <a:t>　（業務集積地区）</a:t>
              </a:r>
              <a:endParaRPr lang="ja-JP" altLang="en-US" sz="800" dirty="0">
                <a:solidFill>
                  <a:prstClr val="black"/>
                </a:solidFill>
              </a:endParaRPr>
            </a:p>
          </p:txBody>
        </p:sp>
      </p:grpSp>
      <p:grpSp>
        <p:nvGrpSpPr>
          <p:cNvPr id="11" name="グループ化 143"/>
          <p:cNvGrpSpPr/>
          <p:nvPr/>
        </p:nvGrpSpPr>
        <p:grpSpPr>
          <a:xfrm>
            <a:off x="8005956" y="5301208"/>
            <a:ext cx="1872209" cy="464520"/>
            <a:chOff x="7977336" y="5298353"/>
            <a:chExt cx="1872209" cy="464520"/>
          </a:xfrm>
        </p:grpSpPr>
        <p:sp>
          <p:nvSpPr>
            <p:cNvPr id="139" name="正方形/長方形 138"/>
            <p:cNvSpPr/>
            <p:nvPr/>
          </p:nvSpPr>
          <p:spPr>
            <a:xfrm>
              <a:off x="7977336" y="5298353"/>
              <a:ext cx="360040" cy="218589"/>
            </a:xfrm>
            <a:prstGeom prst="rect">
              <a:avLst/>
            </a:prstGeom>
            <a:noFill/>
            <a:ln w="19050">
              <a:solidFill>
                <a:srgbClr val="FF505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0" name="正方形/長方形 139"/>
            <p:cNvSpPr/>
            <p:nvPr/>
          </p:nvSpPr>
          <p:spPr>
            <a:xfrm>
              <a:off x="8326834" y="5301208"/>
              <a:ext cx="1522711" cy="461665"/>
            </a:xfrm>
            <a:prstGeom prst="rect">
              <a:avLst/>
            </a:prstGeom>
          </p:spPr>
          <p:txBody>
            <a:bodyPr wrap="square">
              <a:spAutoFit/>
            </a:bodyPr>
            <a:lstStyle/>
            <a:p>
              <a:pPr lvl="0"/>
              <a:r>
                <a:rPr lang="ja-JP" altLang="en-US" sz="800" dirty="0" smtClean="0">
                  <a:solidFill>
                    <a:prstClr val="black"/>
                  </a:solidFill>
                </a:rPr>
                <a:t>：　淀屋橋～本町</a:t>
              </a:r>
              <a:endParaRPr lang="en-US" altLang="ja-JP" sz="800" dirty="0" smtClean="0">
                <a:solidFill>
                  <a:prstClr val="black"/>
                </a:solidFill>
              </a:endParaRPr>
            </a:p>
            <a:p>
              <a:pPr lvl="0"/>
              <a:r>
                <a:rPr lang="ja-JP" altLang="en-US" sz="800" dirty="0" smtClean="0">
                  <a:solidFill>
                    <a:prstClr val="black"/>
                  </a:solidFill>
                </a:rPr>
                <a:t>　（大阪一の業務集積地区）</a:t>
              </a:r>
              <a:endParaRPr lang="en-US" altLang="ja-JP" sz="800" dirty="0" smtClean="0">
                <a:solidFill>
                  <a:prstClr val="black"/>
                </a:solidFill>
              </a:endParaRPr>
            </a:p>
            <a:p>
              <a:pPr lvl="0"/>
              <a:r>
                <a:rPr lang="ja-JP" altLang="en-US" sz="800" dirty="0" smtClean="0">
                  <a:solidFill>
                    <a:prstClr val="black"/>
                  </a:solidFill>
                </a:rPr>
                <a:t>　</a:t>
              </a:r>
              <a:r>
                <a:rPr lang="ja-JP" altLang="en-US" sz="700" dirty="0" smtClean="0">
                  <a:solidFill>
                    <a:prstClr val="black"/>
                  </a:solidFill>
                </a:rPr>
                <a:t>御堂筋本町北</a:t>
              </a:r>
              <a:r>
                <a:rPr lang="ja-JP" altLang="en-US" sz="700" dirty="0" err="1" smtClean="0">
                  <a:solidFill>
                    <a:prstClr val="black"/>
                  </a:solidFill>
                </a:rPr>
                <a:t>地区地区</a:t>
              </a:r>
              <a:r>
                <a:rPr lang="ja-JP" altLang="en-US" sz="700" dirty="0" smtClean="0">
                  <a:solidFill>
                    <a:prstClr val="black"/>
                  </a:solidFill>
                </a:rPr>
                <a:t>計画区域</a:t>
              </a:r>
              <a:endParaRPr lang="ja-JP" altLang="en-US" sz="800" dirty="0">
                <a:solidFill>
                  <a:prstClr val="black"/>
                </a:solidFill>
              </a:endParaRPr>
            </a:p>
          </p:txBody>
        </p:sp>
      </p:grpSp>
      <p:grpSp>
        <p:nvGrpSpPr>
          <p:cNvPr id="13" name="グループ化 147"/>
          <p:cNvGrpSpPr/>
          <p:nvPr/>
        </p:nvGrpSpPr>
        <p:grpSpPr>
          <a:xfrm>
            <a:off x="8005916" y="5733340"/>
            <a:ext cx="1928664" cy="463093"/>
            <a:chOff x="7977336" y="5731828"/>
            <a:chExt cx="1928664" cy="463093"/>
          </a:xfrm>
        </p:grpSpPr>
        <p:sp>
          <p:nvSpPr>
            <p:cNvPr id="142" name="正方形/長方形 141"/>
            <p:cNvSpPr/>
            <p:nvPr/>
          </p:nvSpPr>
          <p:spPr>
            <a:xfrm>
              <a:off x="7977336" y="5731828"/>
              <a:ext cx="360040" cy="217162"/>
            </a:xfrm>
            <a:prstGeom prst="rect">
              <a:avLst/>
            </a:prstGeom>
            <a:noFill/>
            <a:ln w="19050" cmpd="dbl">
              <a:solidFill>
                <a:srgbClr val="3366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3" name="正方形/長方形 142"/>
            <p:cNvSpPr/>
            <p:nvPr/>
          </p:nvSpPr>
          <p:spPr>
            <a:xfrm>
              <a:off x="8326833" y="5733256"/>
              <a:ext cx="1579167" cy="461665"/>
            </a:xfrm>
            <a:prstGeom prst="rect">
              <a:avLst/>
            </a:prstGeom>
          </p:spPr>
          <p:txBody>
            <a:bodyPr wrap="square">
              <a:spAutoFit/>
            </a:bodyPr>
            <a:lstStyle/>
            <a:p>
              <a:pPr lvl="0"/>
              <a:r>
                <a:rPr lang="ja-JP" altLang="en-US" sz="800" dirty="0" smtClean="0">
                  <a:solidFill>
                    <a:prstClr val="black"/>
                  </a:solidFill>
                </a:rPr>
                <a:t>：　本町～長堀</a:t>
              </a:r>
              <a:endParaRPr lang="en-US" altLang="ja-JP" sz="800" dirty="0" smtClean="0">
                <a:solidFill>
                  <a:prstClr val="black"/>
                </a:solidFill>
              </a:endParaRPr>
            </a:p>
            <a:p>
              <a:pPr lvl="0"/>
              <a:r>
                <a:rPr lang="ja-JP" altLang="en-US" sz="800" dirty="0" smtClean="0">
                  <a:solidFill>
                    <a:prstClr val="black"/>
                  </a:solidFill>
                </a:rPr>
                <a:t>　（業務・商業混在地区）</a:t>
              </a:r>
              <a:endParaRPr lang="en-US" altLang="ja-JP" sz="800" dirty="0" smtClean="0">
                <a:solidFill>
                  <a:prstClr val="black"/>
                </a:solidFill>
              </a:endParaRPr>
            </a:p>
            <a:p>
              <a:pPr lvl="0"/>
              <a:r>
                <a:rPr lang="ja-JP" altLang="en-US" sz="800" dirty="0" smtClean="0">
                  <a:solidFill>
                    <a:prstClr val="black"/>
                  </a:solidFill>
                </a:rPr>
                <a:t>　</a:t>
              </a:r>
              <a:r>
                <a:rPr lang="ja-JP" altLang="en-US" sz="700" dirty="0" smtClean="0">
                  <a:solidFill>
                    <a:prstClr val="black"/>
                  </a:solidFill>
                </a:rPr>
                <a:t>御堂筋本町南</a:t>
              </a:r>
              <a:r>
                <a:rPr lang="ja-JP" altLang="en-US" sz="700" dirty="0" err="1" smtClean="0">
                  <a:solidFill>
                    <a:prstClr val="black"/>
                  </a:solidFill>
                </a:rPr>
                <a:t>地区地区</a:t>
              </a:r>
              <a:r>
                <a:rPr lang="ja-JP" altLang="en-US" sz="700" dirty="0" smtClean="0">
                  <a:solidFill>
                    <a:prstClr val="black"/>
                  </a:solidFill>
                </a:rPr>
                <a:t>計画区域</a:t>
              </a:r>
              <a:endParaRPr lang="ja-JP" altLang="en-US" sz="800" dirty="0">
                <a:solidFill>
                  <a:prstClr val="black"/>
                </a:solidFill>
              </a:endParaRPr>
            </a:p>
          </p:txBody>
        </p:sp>
      </p:grpSp>
      <p:grpSp>
        <p:nvGrpSpPr>
          <p:cNvPr id="17" name="グループ化 146"/>
          <p:cNvGrpSpPr/>
          <p:nvPr/>
        </p:nvGrpSpPr>
        <p:grpSpPr>
          <a:xfrm>
            <a:off x="8005916" y="6165346"/>
            <a:ext cx="1928664" cy="338554"/>
            <a:chOff x="7977336" y="6165304"/>
            <a:chExt cx="1928664" cy="338554"/>
          </a:xfrm>
        </p:grpSpPr>
        <p:sp>
          <p:nvSpPr>
            <p:cNvPr id="145" name="正方形/長方形 144"/>
            <p:cNvSpPr/>
            <p:nvPr/>
          </p:nvSpPr>
          <p:spPr>
            <a:xfrm>
              <a:off x="7977336" y="6165304"/>
              <a:ext cx="360040" cy="216024"/>
            </a:xfrm>
            <a:prstGeom prst="rect">
              <a:avLst/>
            </a:prstGeom>
            <a:noFill/>
            <a:ln w="19050">
              <a:solidFill>
                <a:srgbClr val="FF00FF"/>
              </a:solidFill>
              <a:prstDash val="dash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6" name="正方形/長方形 145"/>
            <p:cNvSpPr/>
            <p:nvPr/>
          </p:nvSpPr>
          <p:spPr>
            <a:xfrm>
              <a:off x="8326833" y="6165304"/>
              <a:ext cx="1579167" cy="338554"/>
            </a:xfrm>
            <a:prstGeom prst="rect">
              <a:avLst/>
            </a:prstGeom>
          </p:spPr>
          <p:txBody>
            <a:bodyPr wrap="square">
              <a:spAutoFit/>
            </a:bodyPr>
            <a:lstStyle/>
            <a:p>
              <a:pPr lvl="0"/>
              <a:r>
                <a:rPr lang="ja-JP" altLang="en-US" sz="800" dirty="0" smtClean="0">
                  <a:solidFill>
                    <a:prstClr val="black"/>
                  </a:solidFill>
                </a:rPr>
                <a:t>：　長堀～難波</a:t>
              </a:r>
              <a:endParaRPr lang="en-US" altLang="ja-JP" sz="800" dirty="0" smtClean="0">
                <a:solidFill>
                  <a:prstClr val="black"/>
                </a:solidFill>
              </a:endParaRPr>
            </a:p>
            <a:p>
              <a:pPr lvl="0"/>
              <a:r>
                <a:rPr lang="ja-JP" altLang="en-US" sz="800" dirty="0" smtClean="0">
                  <a:solidFill>
                    <a:prstClr val="black"/>
                  </a:solidFill>
                </a:rPr>
                <a:t>　（商業・観光資源の集積地区）</a:t>
              </a:r>
              <a:endParaRPr lang="ja-JP" altLang="en-US" sz="800" dirty="0">
                <a:solidFill>
                  <a:prstClr val="black"/>
                </a:solidFill>
              </a:endParaRPr>
            </a:p>
          </p:txBody>
        </p:sp>
      </p:grpSp>
      <p:sp>
        <p:nvSpPr>
          <p:cNvPr id="105" name="角丸四角形 104"/>
          <p:cNvSpPr/>
          <p:nvPr/>
        </p:nvSpPr>
        <p:spPr>
          <a:xfrm>
            <a:off x="8999211" y="1521827"/>
            <a:ext cx="59465" cy="152192"/>
          </a:xfrm>
          <a:prstGeom prst="roundRect">
            <a:avLst/>
          </a:prstGeom>
          <a:solidFill>
            <a:srgbClr val="0080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0" name="角丸四角形 109"/>
          <p:cNvSpPr/>
          <p:nvPr/>
        </p:nvSpPr>
        <p:spPr>
          <a:xfrm>
            <a:off x="8999211" y="1674019"/>
            <a:ext cx="59465" cy="88106"/>
          </a:xfrm>
          <a:prstGeom prst="roundRect">
            <a:avLst/>
          </a:prstGeom>
          <a:solidFill>
            <a:srgbClr val="FF505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7" name="角丸四角形 116"/>
          <p:cNvSpPr/>
          <p:nvPr/>
        </p:nvSpPr>
        <p:spPr>
          <a:xfrm>
            <a:off x="8999211" y="1762127"/>
            <a:ext cx="59465" cy="73819"/>
          </a:xfrm>
          <a:prstGeom prst="roundRect">
            <a:avLst/>
          </a:prstGeom>
          <a:solidFill>
            <a:srgbClr val="3366FF">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1" name="角丸四角形 120"/>
          <p:cNvSpPr/>
          <p:nvPr/>
        </p:nvSpPr>
        <p:spPr>
          <a:xfrm>
            <a:off x="8999211" y="1835944"/>
            <a:ext cx="59465" cy="80962"/>
          </a:xfrm>
          <a:prstGeom prst="roundRect">
            <a:avLst/>
          </a:prstGeom>
          <a:solidFill>
            <a:srgbClr val="FF00FF">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角丸四角形 77"/>
          <p:cNvSpPr/>
          <p:nvPr/>
        </p:nvSpPr>
        <p:spPr>
          <a:xfrm>
            <a:off x="8995402" y="1521827"/>
            <a:ext cx="59465" cy="395287"/>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16" name="直線コネクタ 115"/>
          <p:cNvCxnSpPr/>
          <p:nvPr/>
        </p:nvCxnSpPr>
        <p:spPr>
          <a:xfrm flipH="1">
            <a:off x="7209697" y="2361447"/>
            <a:ext cx="30145" cy="1366575"/>
          </a:xfrm>
          <a:prstGeom prst="line">
            <a:avLst/>
          </a:prstGeom>
          <a:ln w="38100">
            <a:solidFill>
              <a:schemeClr val="accent1"/>
            </a:solidFill>
          </a:ln>
        </p:spPr>
        <p:style>
          <a:lnRef idx="1">
            <a:schemeClr val="accent1"/>
          </a:lnRef>
          <a:fillRef idx="0">
            <a:schemeClr val="accent1"/>
          </a:fillRef>
          <a:effectRef idx="0">
            <a:schemeClr val="accent1"/>
          </a:effectRef>
          <a:fontRef idx="minor">
            <a:schemeClr val="tx1"/>
          </a:fontRef>
        </p:style>
      </p:cxnSp>
      <p:sp>
        <p:nvSpPr>
          <p:cNvPr id="134" name="テキスト ボックス 133"/>
          <p:cNvSpPr txBox="1"/>
          <p:nvPr/>
        </p:nvSpPr>
        <p:spPr>
          <a:xfrm>
            <a:off x="7329313" y="2780928"/>
            <a:ext cx="211203" cy="720080"/>
          </a:xfrm>
          <a:prstGeom prst="rect">
            <a:avLst/>
          </a:prstGeom>
          <a:noFill/>
          <a:ln>
            <a:noFill/>
          </a:ln>
        </p:spPr>
        <p:txBody>
          <a:bodyPr vert="eaVert" wrap="square" lIns="36000" tIns="36000" rIns="36000" bIns="36000" rtlCol="0">
            <a:spAutoFit/>
          </a:bodyPr>
          <a:lstStyle/>
          <a:p>
            <a:pPr algn="ctr"/>
            <a:r>
              <a:rPr lang="ja-JP" altLang="en-US" sz="900" dirty="0" smtClean="0">
                <a:solidFill>
                  <a:schemeClr val="tx1">
                    <a:lumMod val="75000"/>
                    <a:lumOff val="25000"/>
                  </a:schemeClr>
                </a:solidFill>
                <a:latin typeface="Meiryo UI" pitchFamily="50" charset="-128"/>
                <a:ea typeface="Meiryo UI" pitchFamily="50" charset="-128"/>
                <a:cs typeface="Meiryo UI" pitchFamily="50" charset="-128"/>
              </a:rPr>
              <a:t>三休橋筋</a:t>
            </a:r>
            <a:endParaRPr kumimoji="1" lang="ja-JP" altLang="en-US" sz="900" dirty="0">
              <a:solidFill>
                <a:schemeClr val="tx1">
                  <a:lumMod val="75000"/>
                  <a:lumOff val="25000"/>
                </a:schemeClr>
              </a:solidFill>
              <a:latin typeface="Meiryo UI" pitchFamily="50" charset="-128"/>
              <a:ea typeface="Meiryo UI" pitchFamily="50" charset="-128"/>
              <a:cs typeface="Meiryo UI" pitchFamily="50" charset="-128"/>
            </a:endParaRPr>
          </a:p>
        </p:txBody>
      </p:sp>
      <p:sp>
        <p:nvSpPr>
          <p:cNvPr id="135" name="右中かっこ 134"/>
          <p:cNvSpPr/>
          <p:nvPr/>
        </p:nvSpPr>
        <p:spPr>
          <a:xfrm rot="120000">
            <a:off x="7265971" y="2361002"/>
            <a:ext cx="111193" cy="1368152"/>
          </a:xfrm>
          <a:prstGeom prst="rightBrace">
            <a:avLst>
              <a:gd name="adj1" fmla="val 8333"/>
              <a:gd name="adj2" fmla="val 49266"/>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aphicFrame>
        <p:nvGraphicFramePr>
          <p:cNvPr id="112" name="表 111"/>
          <p:cNvGraphicFramePr>
            <a:graphicFrameLocks noGrp="1"/>
          </p:cNvGraphicFramePr>
          <p:nvPr/>
        </p:nvGraphicFramePr>
        <p:xfrm>
          <a:off x="-1860698" y="4285005"/>
          <a:ext cx="210396" cy="2222205"/>
        </p:xfrm>
        <a:graphic>
          <a:graphicData uri="http://schemas.openxmlformats.org/drawingml/2006/table">
            <a:tbl>
              <a:tblPr/>
              <a:tblGrid>
                <a:gridCol w="210396"/>
              </a:tblGrid>
              <a:tr h="2222205">
                <a:tc>
                  <a:txBody>
                    <a:bodyPr/>
                    <a:lstStyle/>
                    <a:p>
                      <a:endParaRPr kumimoji="1" lang="ja-JP" altLang="en-US" dirty="0"/>
                    </a:p>
                  </a:txBody>
                  <a:tcPr>
                    <a:lnL>
                      <a:noFill/>
                    </a:lnL>
                    <a:lnR>
                      <a:noFill/>
                    </a:lnR>
                    <a:lnT>
                      <a:noFill/>
                    </a:lnT>
                    <a:lnB>
                      <a:noFill/>
                    </a:lnB>
                  </a:tcPr>
                </a:tc>
              </a:tr>
            </a:tbl>
          </a:graphicData>
        </a:graphic>
      </p:graphicFrame>
      <p:sp>
        <p:nvSpPr>
          <p:cNvPr id="114" name="正方形/長方形 113"/>
          <p:cNvSpPr/>
          <p:nvPr/>
        </p:nvSpPr>
        <p:spPr>
          <a:xfrm>
            <a:off x="95693" y="476672"/>
            <a:ext cx="5289356" cy="3996854"/>
          </a:xfrm>
          <a:prstGeom prst="rect">
            <a:avLst/>
          </a:prstGeom>
        </p:spPr>
        <p:txBody>
          <a:bodyPr wrap="square" lIns="36000" tIns="36000" rIns="36000" bIns="36000">
            <a:spAutoFit/>
          </a:bodyPr>
          <a:lstStyle/>
          <a:p>
            <a:pPr marL="88900" indent="-88900">
              <a:lnSpc>
                <a:spcPts val="1700"/>
              </a:lnSpc>
            </a:pPr>
            <a:r>
              <a:rPr lang="en-US" altLang="ja-JP" sz="1200" dirty="0" smtClean="0">
                <a:latin typeface="+mn-ea"/>
              </a:rPr>
              <a:t>【</a:t>
            </a:r>
            <a:r>
              <a:rPr lang="ja-JP" altLang="en-US" sz="1200" dirty="0" smtClean="0">
                <a:latin typeface="+mn-ea"/>
              </a:rPr>
              <a:t>地区の位置付け</a:t>
            </a:r>
            <a:r>
              <a:rPr lang="en-US" altLang="ja-JP" sz="1200" dirty="0" smtClean="0">
                <a:latin typeface="+mn-ea"/>
              </a:rPr>
              <a:t>】</a:t>
            </a:r>
          </a:p>
          <a:p>
            <a:pPr marL="177800" indent="-177800">
              <a:lnSpc>
                <a:spcPts val="1700"/>
              </a:lnSpc>
            </a:pPr>
            <a:r>
              <a:rPr lang="en-US" altLang="ja-JP" sz="1200" dirty="0" smtClean="0">
                <a:latin typeface="+mn-ea"/>
              </a:rPr>
              <a:t> </a:t>
            </a:r>
            <a:r>
              <a:rPr lang="ja-JP" altLang="en-US" sz="1200" dirty="0" smtClean="0">
                <a:latin typeface="+mn-ea"/>
              </a:rPr>
              <a:t>　</a:t>
            </a:r>
            <a:r>
              <a:rPr lang="ja-JP" altLang="en-US" sz="1200" dirty="0" smtClean="0">
                <a:latin typeface="ＭＳ Ｐ明朝" pitchFamily="18" charset="-128"/>
                <a:ea typeface="ＭＳ Ｐ明朝" pitchFamily="18" charset="-128"/>
              </a:rPr>
              <a:t>・近代都市大阪建設の象徴である「御堂筋」は、パリの「シャンゼリゼ」やニュー　ヨークの「</a:t>
            </a:r>
            <a:r>
              <a:rPr lang="en-US" altLang="ja-JP" sz="1200" dirty="0" smtClean="0">
                <a:latin typeface="ＭＳ Ｐ明朝" pitchFamily="18" charset="-128"/>
                <a:ea typeface="ＭＳ Ｐ明朝" pitchFamily="18" charset="-128"/>
              </a:rPr>
              <a:t>5th</a:t>
            </a:r>
            <a:r>
              <a:rPr lang="ja-JP" altLang="en-US" sz="1200" dirty="0" smtClean="0">
                <a:latin typeface="ＭＳ Ｐ明朝" pitchFamily="18" charset="-128"/>
                <a:ea typeface="ＭＳ Ｐ明朝" pitchFamily="18" charset="-128"/>
              </a:rPr>
              <a:t>・アベニュー」と匹敵する、国を代表するストリートであり、その沿道では日本を代表する企業が集積し、高度成長期の発展を牽引してきた。こうした本社機能が集積するなど、業務中枢エリアの形成とともに、統一的なまちなみや４列のイチョウ並木が多くの人々に今も親しまれている。</a:t>
            </a:r>
            <a:endParaRPr lang="en-US" altLang="ja-JP" sz="1200" dirty="0" smtClean="0">
              <a:latin typeface="ＭＳ Ｐ明朝" pitchFamily="18" charset="-128"/>
              <a:ea typeface="ＭＳ Ｐ明朝" pitchFamily="18" charset="-128"/>
            </a:endParaRPr>
          </a:p>
          <a:p>
            <a:pPr marL="88900" indent="-88900">
              <a:lnSpc>
                <a:spcPts val="1700"/>
              </a:lnSpc>
            </a:pPr>
            <a:r>
              <a:rPr lang="en-US" altLang="ja-JP" sz="1200" dirty="0" smtClean="0">
                <a:latin typeface="+mn-ea"/>
              </a:rPr>
              <a:t>【</a:t>
            </a:r>
            <a:r>
              <a:rPr lang="ja-JP" altLang="en-US" sz="1200" dirty="0" smtClean="0">
                <a:latin typeface="+mn-ea"/>
              </a:rPr>
              <a:t>全長</a:t>
            </a:r>
            <a:r>
              <a:rPr lang="en-US" altLang="ja-JP" sz="1200" dirty="0" smtClean="0">
                <a:latin typeface="+mn-ea"/>
              </a:rPr>
              <a:t>】</a:t>
            </a:r>
            <a:r>
              <a:rPr lang="ja-JP" altLang="en-US" sz="1200" dirty="0" smtClean="0">
                <a:latin typeface="ＭＳ Ｐ明朝" pitchFamily="18" charset="-128"/>
                <a:ea typeface="ＭＳ Ｐ明朝" pitchFamily="18" charset="-128"/>
              </a:rPr>
              <a:t>（梅田～難波）約４キロメートル　　南向き</a:t>
            </a:r>
            <a:r>
              <a:rPr lang="en-US" altLang="ja-JP" sz="1200" dirty="0" smtClean="0">
                <a:latin typeface="ＭＳ Ｐ明朝" pitchFamily="18" charset="-128"/>
                <a:ea typeface="ＭＳ Ｐ明朝" pitchFamily="18" charset="-128"/>
              </a:rPr>
              <a:t>6</a:t>
            </a:r>
            <a:r>
              <a:rPr lang="ja-JP" altLang="en-US" sz="1200" dirty="0" smtClean="0">
                <a:latin typeface="ＭＳ Ｐ明朝" pitchFamily="18" charset="-128"/>
                <a:ea typeface="ＭＳ Ｐ明朝" pitchFamily="18" charset="-128"/>
              </a:rPr>
              <a:t>車線の一方通行</a:t>
            </a:r>
            <a:endParaRPr lang="en-US" altLang="ja-JP" sz="1200" dirty="0" smtClean="0">
              <a:latin typeface="ＭＳ Ｐ明朝" pitchFamily="18" charset="-128"/>
              <a:ea typeface="ＭＳ Ｐ明朝" pitchFamily="18" charset="-128"/>
            </a:endParaRPr>
          </a:p>
          <a:p>
            <a:pPr marL="88900" indent="-88900">
              <a:lnSpc>
                <a:spcPts val="1700"/>
              </a:lnSpc>
            </a:pPr>
            <a:r>
              <a:rPr lang="en-US" altLang="ja-JP" sz="1200" dirty="0" smtClean="0">
                <a:latin typeface="+mn-ea"/>
              </a:rPr>
              <a:t>【</a:t>
            </a:r>
            <a:r>
              <a:rPr lang="ja-JP" altLang="en-US" sz="1200" dirty="0" smtClean="0">
                <a:latin typeface="+mn-ea"/>
              </a:rPr>
              <a:t>幅員等</a:t>
            </a:r>
            <a:r>
              <a:rPr lang="en-US" altLang="ja-JP" sz="1200" dirty="0" smtClean="0">
                <a:latin typeface="+mn-ea"/>
              </a:rPr>
              <a:t>】</a:t>
            </a:r>
            <a:r>
              <a:rPr lang="en-US" altLang="ja-JP" sz="1200" dirty="0" smtClean="0">
                <a:latin typeface="ＭＳ Ｐ明朝" pitchFamily="18" charset="-128"/>
                <a:ea typeface="ＭＳ Ｐ明朝" pitchFamily="18" charset="-128"/>
              </a:rPr>
              <a:t>43.6</a:t>
            </a:r>
            <a:r>
              <a:rPr lang="ja-JP" altLang="en-US" sz="1200" dirty="0" smtClean="0">
                <a:latin typeface="ＭＳ Ｐ明朝" pitchFamily="18" charset="-128"/>
                <a:ea typeface="ＭＳ Ｐ明朝" pitchFamily="18" charset="-128"/>
              </a:rPr>
              <a:t>メートル　（淀屋橋～難波については、側道あり）　　</a:t>
            </a:r>
            <a:endParaRPr lang="en-US" altLang="ja-JP" sz="1200" dirty="0" smtClean="0">
              <a:latin typeface="ＭＳ Ｐ明朝" pitchFamily="18" charset="-128"/>
              <a:ea typeface="ＭＳ Ｐ明朝" pitchFamily="18" charset="-128"/>
            </a:endParaRPr>
          </a:p>
          <a:p>
            <a:pPr marL="88900" indent="-88900">
              <a:lnSpc>
                <a:spcPts val="1700"/>
              </a:lnSpc>
            </a:pPr>
            <a:r>
              <a:rPr lang="ja-JP" altLang="en-US" sz="1200" dirty="0" smtClean="0">
                <a:latin typeface="ＭＳ Ｐ明朝" pitchFamily="18" charset="-128"/>
                <a:ea typeface="ＭＳ Ｐ明朝" pitchFamily="18" charset="-128"/>
              </a:rPr>
              <a:t>            交通量：</a:t>
            </a:r>
            <a:r>
              <a:rPr lang="ja-JP" altLang="ja-JP" sz="1200" dirty="0" smtClean="0">
                <a:latin typeface="ＭＳ Ｐ明朝" pitchFamily="18" charset="-128"/>
                <a:ea typeface="ＭＳ Ｐ明朝" pitchFamily="18" charset="-128"/>
              </a:rPr>
              <a:t>自動車</a:t>
            </a:r>
            <a:r>
              <a:rPr lang="en-US" altLang="ja-JP" sz="1200" dirty="0" smtClean="0">
                <a:latin typeface="ＭＳ Ｐ明朝" pitchFamily="18" charset="-128"/>
                <a:ea typeface="ＭＳ Ｐ明朝" pitchFamily="18" charset="-128"/>
              </a:rPr>
              <a:t>3.5</a:t>
            </a:r>
            <a:r>
              <a:rPr lang="ja-JP" altLang="ja-JP" sz="1200" dirty="0" smtClean="0">
                <a:latin typeface="ＭＳ Ｐ明朝" pitchFamily="18" charset="-128"/>
                <a:ea typeface="ＭＳ Ｐ明朝" pitchFamily="18" charset="-128"/>
              </a:rPr>
              <a:t>万台、歩行者</a:t>
            </a:r>
            <a:r>
              <a:rPr lang="en-US" altLang="ja-JP" sz="1200" dirty="0" smtClean="0">
                <a:latin typeface="ＭＳ Ｐ明朝" pitchFamily="18" charset="-128"/>
                <a:ea typeface="ＭＳ Ｐ明朝" pitchFamily="18" charset="-128"/>
              </a:rPr>
              <a:t>1.9</a:t>
            </a:r>
            <a:r>
              <a:rPr lang="ja-JP" altLang="ja-JP" sz="1200" dirty="0" smtClean="0">
                <a:latin typeface="ＭＳ Ｐ明朝" pitchFamily="18" charset="-128"/>
                <a:ea typeface="ＭＳ Ｐ明朝" pitchFamily="18" charset="-128"/>
              </a:rPr>
              <a:t>万人（平日</a:t>
            </a:r>
            <a:r>
              <a:rPr lang="ja-JP" altLang="en-US" sz="1200" dirty="0" smtClean="0">
                <a:latin typeface="ＭＳ Ｐ明朝" pitchFamily="18" charset="-128"/>
                <a:ea typeface="ＭＳ Ｐ明朝" pitchFamily="18" charset="-128"/>
              </a:rPr>
              <a:t>昼間の</a:t>
            </a:r>
            <a:r>
              <a:rPr lang="en-US" altLang="ja-JP" sz="1200" dirty="0" smtClean="0">
                <a:latin typeface="ＭＳ Ｐ明朝" pitchFamily="18" charset="-128"/>
                <a:ea typeface="ＭＳ Ｐ明朝" pitchFamily="18" charset="-128"/>
              </a:rPr>
              <a:t>12</a:t>
            </a:r>
            <a:r>
              <a:rPr lang="ja-JP" altLang="en-US" sz="1200" dirty="0" smtClean="0">
                <a:latin typeface="ＭＳ Ｐ明朝" pitchFamily="18" charset="-128"/>
                <a:ea typeface="ＭＳ Ｐ明朝" pitchFamily="18" charset="-128"/>
              </a:rPr>
              <a:t>時間：本町付近</a:t>
            </a:r>
            <a:r>
              <a:rPr lang="ja-JP" altLang="ja-JP"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　　　　　</a:t>
            </a:r>
            <a:endParaRPr lang="en-US" altLang="ja-JP" sz="1200" dirty="0" smtClean="0">
              <a:latin typeface="ＭＳ Ｐ明朝" pitchFamily="18" charset="-128"/>
              <a:ea typeface="ＭＳ Ｐ明朝" pitchFamily="18" charset="-128"/>
            </a:endParaRPr>
          </a:p>
          <a:p>
            <a:pPr marL="88900" indent="-88900">
              <a:lnSpc>
                <a:spcPts val="1700"/>
              </a:lnSpc>
            </a:pPr>
            <a:r>
              <a:rPr lang="en-US" altLang="ja-JP" sz="1200" dirty="0" smtClean="0">
                <a:latin typeface="+mn-ea"/>
              </a:rPr>
              <a:t>【</a:t>
            </a:r>
            <a:r>
              <a:rPr lang="ja-JP" altLang="en-US" sz="1200" dirty="0" smtClean="0">
                <a:latin typeface="+mn-ea"/>
              </a:rPr>
              <a:t>立地業種</a:t>
            </a:r>
            <a:r>
              <a:rPr lang="en-US" altLang="ja-JP" sz="1200" dirty="0" smtClean="0">
                <a:latin typeface="+mn-ea"/>
              </a:rPr>
              <a:t>】</a:t>
            </a:r>
          </a:p>
          <a:p>
            <a:pPr>
              <a:lnSpc>
                <a:spcPts val="1700"/>
              </a:lnSpc>
            </a:pPr>
            <a:r>
              <a:rPr lang="ja-JP" altLang="en-US" sz="1200" dirty="0" smtClean="0">
                <a:latin typeface="+mn-ea"/>
              </a:rPr>
              <a:t>　（淀屋橋～本町）</a:t>
            </a:r>
            <a:endParaRPr lang="en-US" altLang="ja-JP" sz="1200" dirty="0" smtClean="0">
              <a:latin typeface="+mn-ea"/>
            </a:endParaRPr>
          </a:p>
          <a:p>
            <a:pPr marL="273050" indent="-273050">
              <a:lnSpc>
                <a:spcPts val="1700"/>
              </a:lnSpc>
            </a:pPr>
            <a:r>
              <a:rPr lang="ja-JP" altLang="en-US" sz="1200" dirty="0" smtClean="0">
                <a:latin typeface="ＭＳ Ｐ明朝" pitchFamily="18" charset="-128"/>
                <a:ea typeface="ＭＳ Ｐ明朝" pitchFamily="18" charset="-128"/>
              </a:rPr>
              <a:t>　　・風格あるまちなみが形成され、業務中枢機能に特化して発展してきたシンボル的なビジネスエリア。</a:t>
            </a:r>
            <a:endParaRPr lang="en-US" altLang="ja-JP" sz="1200" dirty="0" smtClean="0">
              <a:latin typeface="ＭＳ Ｐ明朝" pitchFamily="18" charset="-128"/>
              <a:ea typeface="ＭＳ Ｐ明朝" pitchFamily="18" charset="-128"/>
            </a:endParaRPr>
          </a:p>
          <a:p>
            <a:pPr>
              <a:lnSpc>
                <a:spcPts val="1700"/>
              </a:lnSpc>
            </a:pPr>
            <a:r>
              <a:rPr lang="ja-JP" altLang="en-US" sz="1200" dirty="0" smtClean="0">
                <a:latin typeface="+mn-ea"/>
              </a:rPr>
              <a:t>　（本町～長堀）</a:t>
            </a:r>
            <a:endParaRPr lang="en-US" altLang="ja-JP" sz="1200" dirty="0" smtClean="0">
              <a:latin typeface="+mn-ea"/>
            </a:endParaRPr>
          </a:p>
          <a:p>
            <a:pPr marL="273050" indent="-273050">
              <a:lnSpc>
                <a:spcPts val="1700"/>
              </a:lnSpc>
              <a:tabLst/>
            </a:pPr>
            <a:r>
              <a:rPr lang="ja-JP" altLang="en-US" sz="1200" dirty="0" smtClean="0">
                <a:latin typeface="ＭＳ Ｐ明朝" pitchFamily="18" charset="-128"/>
                <a:ea typeface="ＭＳ Ｐ明朝" pitchFamily="18" charset="-128"/>
              </a:rPr>
              <a:t>　　・長堀通に近いエリアにおける、ブランドショップや高級車のショールーム等の立地が相次ぐ、業務と商業が混在するエリア。</a:t>
            </a:r>
            <a:endParaRPr lang="en-US" altLang="ja-JP" sz="1200" dirty="0" smtClean="0">
              <a:latin typeface="ＭＳ Ｐ明朝" pitchFamily="18" charset="-128"/>
              <a:ea typeface="ＭＳ Ｐ明朝" pitchFamily="18" charset="-128"/>
            </a:endParaRPr>
          </a:p>
          <a:p>
            <a:pPr>
              <a:lnSpc>
                <a:spcPts val="1700"/>
              </a:lnSpc>
            </a:pPr>
            <a:r>
              <a:rPr lang="ja-JP" altLang="en-US" sz="1200" dirty="0" smtClean="0">
                <a:latin typeface="+mn-ea"/>
              </a:rPr>
              <a:t>　（長堀～難波）</a:t>
            </a:r>
            <a:endParaRPr lang="en-US" altLang="ja-JP" sz="1200" dirty="0" smtClean="0">
              <a:latin typeface="+mn-ea"/>
            </a:endParaRPr>
          </a:p>
          <a:p>
            <a:pPr marL="88900" indent="-88900">
              <a:lnSpc>
                <a:spcPts val="1700"/>
              </a:lnSpc>
            </a:pPr>
            <a:r>
              <a:rPr lang="ja-JP" altLang="en-US" sz="1200" dirty="0" smtClean="0">
                <a:latin typeface="ＭＳ Ｐ明朝" pitchFamily="18" charset="-128"/>
                <a:ea typeface="ＭＳ Ｐ明朝" pitchFamily="18" charset="-128"/>
              </a:rPr>
              <a:t>　　・大阪の集客観光の核として、ファッション・商業、観光資源が集積するエリア。</a:t>
            </a:r>
            <a:endParaRPr lang="en-US" altLang="ja-JP" sz="1200" dirty="0" smtClean="0">
              <a:latin typeface="ＭＳ Ｐ明朝" pitchFamily="18" charset="-128"/>
              <a:ea typeface="ＭＳ Ｐ明朝" pitchFamily="18" charset="-128"/>
            </a:endParaRPr>
          </a:p>
        </p:txBody>
      </p:sp>
      <p:sp>
        <p:nvSpPr>
          <p:cNvPr id="115" name="テキスト ボックス 114"/>
          <p:cNvSpPr txBox="1"/>
          <p:nvPr/>
        </p:nvSpPr>
        <p:spPr>
          <a:xfrm>
            <a:off x="42530" y="476672"/>
            <a:ext cx="5411972" cy="6243864"/>
          </a:xfrm>
          <a:prstGeom prst="rect">
            <a:avLst/>
          </a:prstGeom>
          <a:noFill/>
          <a:ln>
            <a:solidFill>
              <a:schemeClr val="tx1"/>
            </a:solidFill>
            <a:prstDash val="sysDash"/>
          </a:ln>
        </p:spPr>
        <p:txBody>
          <a:bodyPr wrap="square" rtlCol="0">
            <a:noAutofit/>
          </a:bodyPr>
          <a:lstStyle/>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sp>
        <p:nvSpPr>
          <p:cNvPr id="69" name="スライド番号プレースホルダ 68"/>
          <p:cNvSpPr>
            <a:spLocks noGrp="1"/>
          </p:cNvSpPr>
          <p:nvPr>
            <p:ph type="sldNum" sz="quarter" idx="12"/>
          </p:nvPr>
        </p:nvSpPr>
        <p:spPr/>
        <p:txBody>
          <a:bodyPr/>
          <a:lstStyle/>
          <a:p>
            <a:fld id="{37EF5067-3AB7-4642-9103-42CBD40CC6D9}" type="slidenum">
              <a:rPr kumimoji="1" lang="ja-JP" altLang="en-US" smtClean="0"/>
              <a:pPr/>
              <a:t>15</a:t>
            </a:fld>
            <a:endParaRPr kumimoji="1" lang="ja-JP" altLang="en-US" dirty="0"/>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10"/>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３．御堂筋　</a:t>
            </a:r>
            <a:endParaRPr lang="en-US" altLang="ja-JP" sz="2000" b="1" dirty="0" smtClean="0">
              <a:solidFill>
                <a:schemeClr val="bg1"/>
              </a:solidFill>
              <a:latin typeface="ＭＳ ゴシック" pitchFamily="49" charset="-128"/>
              <a:ea typeface="ＭＳ ゴシック" pitchFamily="49" charset="-128"/>
            </a:endParaRPr>
          </a:p>
        </p:txBody>
      </p:sp>
      <p:sp>
        <p:nvSpPr>
          <p:cNvPr id="29" name="正方形/長方形 28"/>
          <p:cNvSpPr/>
          <p:nvPr/>
        </p:nvSpPr>
        <p:spPr>
          <a:xfrm>
            <a:off x="69284" y="908720"/>
            <a:ext cx="4248472" cy="547260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1200" dirty="0" smtClean="0">
              <a:solidFill>
                <a:schemeClr val="tx1"/>
              </a:solidFill>
              <a:latin typeface="+mj-ea"/>
              <a:ea typeface="+mj-ea"/>
            </a:endParaRPr>
          </a:p>
          <a:p>
            <a:endParaRPr lang="en-US" altLang="ja-JP" sz="1000" dirty="0" smtClean="0">
              <a:solidFill>
                <a:schemeClr val="tx1"/>
              </a:solidFill>
              <a:latin typeface="+mj-ea"/>
              <a:ea typeface="+mj-ea"/>
            </a:endParaRPr>
          </a:p>
          <a:p>
            <a:pPr marL="177800" indent="-177800"/>
            <a:r>
              <a:rPr lang="ja-JP" altLang="en-US" sz="1600" dirty="0" smtClean="0">
                <a:solidFill>
                  <a:schemeClr val="tx1"/>
                </a:solidFill>
                <a:latin typeface="ＭＳ Ｐ明朝" pitchFamily="18" charset="-128"/>
                <a:ea typeface="ＭＳ Ｐ明朝" pitchFamily="18" charset="-128"/>
              </a:rPr>
              <a:t>■大正時代に第７代大阪市長の關一が百年先のまちづくりを見据え、「本市最高の機能」の向上と「大大阪の中心街路たる恥じざる幅員と体裁とを具備」した大阪の顔づくりにより、欧米に負けない近代都市づくりを志し、御堂筋の建設を計画、昭和</a:t>
            </a:r>
            <a:r>
              <a:rPr lang="en-US" altLang="ja-JP" sz="1600" dirty="0" smtClean="0">
                <a:solidFill>
                  <a:schemeClr val="tx1"/>
                </a:solidFill>
                <a:latin typeface="ＭＳ Ｐ明朝" pitchFamily="18" charset="-128"/>
                <a:ea typeface="ＭＳ Ｐ明朝" pitchFamily="18" charset="-128"/>
              </a:rPr>
              <a:t>12</a:t>
            </a:r>
            <a:r>
              <a:rPr lang="ja-JP" altLang="en-US" sz="1600" dirty="0" smtClean="0">
                <a:solidFill>
                  <a:schemeClr val="tx1"/>
                </a:solidFill>
                <a:latin typeface="ＭＳ Ｐ明朝" pitchFamily="18" charset="-128"/>
                <a:ea typeface="ＭＳ Ｐ明朝" pitchFamily="18" charset="-128"/>
              </a:rPr>
              <a:t>年に完成した。近代都市大阪の象徴となっている。</a:t>
            </a:r>
            <a:endParaRPr lang="en-US" altLang="ja-JP" sz="1600" dirty="0" smtClean="0">
              <a:solidFill>
                <a:schemeClr val="tx1"/>
              </a:solidFill>
              <a:latin typeface="ＭＳ Ｐ明朝" pitchFamily="18" charset="-128"/>
              <a:ea typeface="ＭＳ Ｐ明朝" pitchFamily="18" charset="-128"/>
            </a:endParaRPr>
          </a:p>
          <a:p>
            <a:pPr marL="177800" indent="-177800"/>
            <a:endParaRPr lang="en-US" altLang="ja-JP" sz="1600" dirty="0" smtClean="0">
              <a:solidFill>
                <a:schemeClr val="tx1"/>
              </a:solidFill>
              <a:latin typeface="ＭＳ Ｐ明朝" pitchFamily="18" charset="-128"/>
              <a:ea typeface="ＭＳ Ｐ明朝" pitchFamily="18" charset="-128"/>
            </a:endParaRPr>
          </a:p>
          <a:p>
            <a:pPr marL="88900" indent="-88900"/>
            <a:r>
              <a:rPr lang="ja-JP" altLang="en-US" sz="1400" dirty="0" smtClean="0">
                <a:solidFill>
                  <a:schemeClr val="tx1"/>
                </a:solidFill>
                <a:latin typeface="ＭＳ Ｐ明朝" pitchFamily="18" charset="-128"/>
                <a:ea typeface="ＭＳ Ｐ明朝" pitchFamily="18" charset="-128"/>
              </a:rPr>
              <a:t>・</a:t>
            </a:r>
            <a:r>
              <a:rPr kumimoji="0" lang="ja-JP" altLang="en-US" sz="1400" dirty="0" smtClean="0">
                <a:solidFill>
                  <a:schemeClr val="tx1"/>
                </a:solidFill>
                <a:latin typeface="ＭＳ Ｐ明朝" pitchFamily="18" charset="-128"/>
                <a:ea typeface="ＭＳ Ｐ明朝" pitchFamily="18" charset="-128"/>
              </a:rPr>
              <a:t>沿道には金融系企業や関西を代表する企業等が立地するなど、業務中枢機能に特化して発展し、高度成長期の大阪の発展を支えたビジネス地区を</a:t>
            </a:r>
            <a:r>
              <a:rPr lang="ja-JP" altLang="en-US" sz="1400" dirty="0" smtClean="0">
                <a:solidFill>
                  <a:schemeClr val="tx1"/>
                </a:solidFill>
                <a:latin typeface="ＭＳ Ｐ明朝" pitchFamily="18" charset="-128"/>
                <a:ea typeface="ＭＳ Ｐ明朝" pitchFamily="18" charset="-128"/>
              </a:rPr>
              <a:t>形成。現在でも大阪の南北都市軸の基盤として、大阪の経済・文化を牽引。</a:t>
            </a:r>
            <a:endParaRPr lang="en-US" altLang="ja-JP" sz="1400" dirty="0" smtClean="0">
              <a:solidFill>
                <a:schemeClr val="tx1"/>
              </a:solidFill>
              <a:latin typeface="ＭＳ Ｐ明朝" pitchFamily="18" charset="-128"/>
              <a:ea typeface="ＭＳ Ｐ明朝" pitchFamily="18" charset="-128"/>
            </a:endParaRPr>
          </a:p>
          <a:p>
            <a:pPr marL="88900" indent="-88900"/>
            <a:endParaRPr lang="en-US" altLang="ja-JP" sz="1400" dirty="0" smtClean="0">
              <a:solidFill>
                <a:schemeClr val="tx1"/>
              </a:solidFill>
              <a:latin typeface="ＭＳ Ｐ明朝" pitchFamily="18" charset="-128"/>
              <a:ea typeface="ＭＳ Ｐ明朝" pitchFamily="18" charset="-128"/>
            </a:endParaRPr>
          </a:p>
          <a:p>
            <a:pPr marL="88900" indent="-88900"/>
            <a:r>
              <a:rPr lang="ja-JP" altLang="en-US" sz="1400" dirty="0" smtClean="0">
                <a:solidFill>
                  <a:schemeClr val="tx1"/>
                </a:solidFill>
                <a:latin typeface="ＭＳ Ｐ明朝" pitchFamily="18" charset="-128"/>
                <a:ea typeface="ＭＳ Ｐ明朝" pitchFamily="18" charset="-128"/>
              </a:rPr>
              <a:t>・</a:t>
            </a:r>
            <a:r>
              <a:rPr kumimoji="0" lang="ja-JP" altLang="en-US" sz="1400" dirty="0" smtClean="0">
                <a:solidFill>
                  <a:schemeClr val="tx1"/>
                </a:solidFill>
                <a:latin typeface="ＭＳ Ｐ明朝" pitchFamily="18" charset="-128"/>
                <a:ea typeface="ＭＳ Ｐ明朝" pitchFamily="18" charset="-128"/>
              </a:rPr>
              <a:t>高度成長期に、当時の高さ</a:t>
            </a:r>
            <a:r>
              <a:rPr kumimoji="0" lang="en-US" altLang="ja-JP" sz="1400" dirty="0" smtClean="0">
                <a:solidFill>
                  <a:schemeClr val="tx1"/>
                </a:solidFill>
                <a:latin typeface="ＭＳ Ｐ明朝" pitchFamily="18" charset="-128"/>
                <a:ea typeface="ＭＳ Ｐ明朝" pitchFamily="18" charset="-128"/>
              </a:rPr>
              <a:t>31</a:t>
            </a:r>
            <a:r>
              <a:rPr kumimoji="0" lang="ja-JP" altLang="en-US" sz="1400" dirty="0" err="1" smtClean="0">
                <a:solidFill>
                  <a:schemeClr val="tx1"/>
                </a:solidFill>
                <a:latin typeface="ＭＳ Ｐ明朝" pitchFamily="18" charset="-128"/>
                <a:ea typeface="ＭＳ Ｐ明朝" pitchFamily="18" charset="-128"/>
              </a:rPr>
              <a:t>ｍ</a:t>
            </a:r>
            <a:r>
              <a:rPr kumimoji="0" lang="ja-JP" altLang="en-US" sz="1400" dirty="0" smtClean="0">
                <a:solidFill>
                  <a:schemeClr val="tx1"/>
                </a:solidFill>
                <a:latin typeface="ＭＳ Ｐ明朝" pitchFamily="18" charset="-128"/>
                <a:ea typeface="ＭＳ Ｐ明朝" pitchFamily="18" charset="-128"/>
              </a:rPr>
              <a:t>の建築制限の中で業務用途のオフィスビルが建ち並び、日本を代表する風格ある都市景観を形成。</a:t>
            </a:r>
            <a:r>
              <a:rPr kumimoji="0" lang="en-US" altLang="ja-JP" sz="1400" dirty="0" smtClean="0">
                <a:solidFill>
                  <a:schemeClr val="tx1"/>
                </a:solidFill>
                <a:latin typeface="ＭＳ Ｐ明朝" pitchFamily="18" charset="-128"/>
                <a:ea typeface="ＭＳ Ｐ明朝" pitchFamily="18" charset="-128"/>
              </a:rPr>
              <a:t>1990</a:t>
            </a:r>
            <a:r>
              <a:rPr kumimoji="0" lang="ja-JP" altLang="en-US" sz="1400" dirty="0" smtClean="0">
                <a:solidFill>
                  <a:schemeClr val="tx1"/>
                </a:solidFill>
                <a:latin typeface="ＭＳ Ｐ明朝" pitchFamily="18" charset="-128"/>
                <a:ea typeface="ＭＳ Ｐ明朝" pitchFamily="18" charset="-128"/>
              </a:rPr>
              <a:t>年代に入り、国際化・高度情報化への対応とともに、シンボルストリートに相応しい</a:t>
            </a:r>
            <a:r>
              <a:rPr kumimoji="0" lang="en-US" altLang="ja-JP" sz="1400" dirty="0" smtClean="0">
                <a:solidFill>
                  <a:schemeClr val="tx1"/>
                </a:solidFill>
                <a:latin typeface="ＭＳ Ｐ明朝" pitchFamily="18" charset="-128"/>
                <a:ea typeface="ＭＳ Ｐ明朝" pitchFamily="18" charset="-128"/>
              </a:rPr>
              <a:t>50</a:t>
            </a:r>
            <a:r>
              <a:rPr kumimoji="0" lang="ja-JP" altLang="en-US" sz="1400" dirty="0" err="1" smtClean="0">
                <a:solidFill>
                  <a:schemeClr val="tx1"/>
                </a:solidFill>
                <a:latin typeface="ＭＳ Ｐ明朝" pitchFamily="18" charset="-128"/>
                <a:ea typeface="ＭＳ Ｐ明朝" pitchFamily="18" charset="-128"/>
              </a:rPr>
              <a:t>ｍ</a:t>
            </a:r>
            <a:r>
              <a:rPr kumimoji="0" lang="ja-JP" altLang="en-US" sz="1400" dirty="0" smtClean="0">
                <a:solidFill>
                  <a:schemeClr val="tx1"/>
                </a:solidFill>
                <a:latin typeface="ＭＳ Ｐ明朝" pitchFamily="18" charset="-128"/>
                <a:ea typeface="ＭＳ Ｐ明朝" pitchFamily="18" charset="-128"/>
              </a:rPr>
              <a:t>のスカイラインの形成へ。</a:t>
            </a:r>
            <a:endParaRPr lang="en-US" altLang="ja-JP" sz="1400" dirty="0" smtClean="0">
              <a:solidFill>
                <a:schemeClr val="tx1"/>
              </a:solidFill>
              <a:latin typeface="ＭＳ Ｐ明朝" pitchFamily="18" charset="-128"/>
              <a:ea typeface="ＭＳ Ｐ明朝" pitchFamily="18" charset="-128"/>
            </a:endParaRPr>
          </a:p>
          <a:p>
            <a:endParaRPr kumimoji="0" lang="en-US" altLang="ja-JP" sz="900" dirty="0" smtClean="0">
              <a:solidFill>
                <a:schemeClr val="tx1"/>
              </a:solidFill>
              <a:latin typeface="ＭＳ Ｐ明朝" pitchFamily="18" charset="-128"/>
              <a:ea typeface="ＭＳ Ｐ明朝" pitchFamily="18" charset="-128"/>
            </a:endParaRPr>
          </a:p>
          <a:p>
            <a:pPr marL="88900" indent="-88900"/>
            <a:r>
              <a:rPr kumimoji="0" lang="ja-JP" altLang="en-US" sz="1400" dirty="0" smtClean="0">
                <a:solidFill>
                  <a:schemeClr val="tx1"/>
                </a:solidFill>
                <a:latin typeface="ＭＳ Ｐ明朝" pitchFamily="18" charset="-128"/>
                <a:ea typeface="ＭＳ Ｐ明朝" pitchFamily="18" charset="-128"/>
              </a:rPr>
              <a:t>・道路幅員</a:t>
            </a:r>
            <a:r>
              <a:rPr lang="ja-JP" altLang="en-US" sz="1400" dirty="0" smtClean="0">
                <a:solidFill>
                  <a:schemeClr val="tx1"/>
                </a:solidFill>
                <a:latin typeface="ＭＳ Ｐ明朝" pitchFamily="18" charset="-128"/>
                <a:ea typeface="ＭＳ Ｐ明朝" pitchFamily="18" charset="-128"/>
              </a:rPr>
              <a:t>約</a:t>
            </a:r>
            <a:r>
              <a:rPr lang="en-US" altLang="ja-JP" sz="1400" dirty="0" smtClean="0">
                <a:solidFill>
                  <a:schemeClr val="tx1"/>
                </a:solidFill>
                <a:latin typeface="ＭＳ Ｐ明朝" pitchFamily="18" charset="-128"/>
                <a:ea typeface="ＭＳ Ｐ明朝" pitchFamily="18" charset="-128"/>
              </a:rPr>
              <a:t>44</a:t>
            </a:r>
            <a:r>
              <a:rPr lang="ja-JP" altLang="en-US" sz="1400" dirty="0" err="1" smtClean="0">
                <a:solidFill>
                  <a:schemeClr val="tx1"/>
                </a:solidFill>
                <a:latin typeface="ＭＳ Ｐ明朝" pitchFamily="18" charset="-128"/>
                <a:ea typeface="ＭＳ Ｐ明朝" pitchFamily="18" charset="-128"/>
              </a:rPr>
              <a:t>ｍ</a:t>
            </a:r>
            <a:r>
              <a:rPr lang="ja-JP" altLang="en-US" sz="1400" dirty="0" smtClean="0">
                <a:solidFill>
                  <a:schemeClr val="tx1"/>
                </a:solidFill>
                <a:latin typeface="ＭＳ Ｐ明朝" pitchFamily="18" charset="-128"/>
                <a:ea typeface="ＭＳ Ｐ明朝" pitchFamily="18" charset="-128"/>
              </a:rPr>
              <a:t>、延長約</a:t>
            </a:r>
            <a:r>
              <a:rPr lang="en-US" altLang="ja-JP" sz="1400" dirty="0" smtClean="0">
                <a:solidFill>
                  <a:schemeClr val="tx1"/>
                </a:solidFill>
                <a:latin typeface="ＭＳ Ｐ明朝" pitchFamily="18" charset="-128"/>
                <a:ea typeface="ＭＳ Ｐ明朝" pitchFamily="18" charset="-128"/>
              </a:rPr>
              <a:t>4.4</a:t>
            </a:r>
            <a:r>
              <a:rPr lang="ja-JP" altLang="en-US" sz="1400" dirty="0" smtClean="0">
                <a:solidFill>
                  <a:schemeClr val="tx1"/>
                </a:solidFill>
                <a:latin typeface="ＭＳ Ｐ明朝" pitchFamily="18" charset="-128"/>
                <a:ea typeface="ＭＳ Ｐ明朝" pitchFamily="18" charset="-128"/>
              </a:rPr>
              <a:t>ｋｍ、</a:t>
            </a:r>
            <a:r>
              <a:rPr lang="en-US" altLang="ja-JP" sz="1400" dirty="0" smtClean="0">
                <a:solidFill>
                  <a:schemeClr val="tx1"/>
                </a:solidFill>
                <a:latin typeface="ＭＳ Ｐ明朝" pitchFamily="18" charset="-128"/>
                <a:ea typeface="ＭＳ Ｐ明朝" pitchFamily="18" charset="-128"/>
              </a:rPr>
              <a:t>4</a:t>
            </a:r>
            <a:r>
              <a:rPr lang="ja-JP" altLang="en-US" sz="1400" dirty="0" smtClean="0">
                <a:solidFill>
                  <a:schemeClr val="tx1"/>
                </a:solidFill>
                <a:latin typeface="ＭＳ Ｐ明朝" pitchFamily="18" charset="-128"/>
                <a:ea typeface="ＭＳ Ｐ明朝" pitchFamily="18" charset="-128"/>
              </a:rPr>
              <a:t>列のイチョウ並木、地下鉄など画期的なスケールで建設された御堂筋は、現在でも都心を北から南に貫く大動脈。</a:t>
            </a:r>
            <a:endParaRPr kumimoji="0" lang="en-US" altLang="ja-JP" sz="1600" dirty="0" smtClean="0">
              <a:solidFill>
                <a:schemeClr val="tx1"/>
              </a:solidFill>
              <a:latin typeface="+mn-ea"/>
            </a:endParaRPr>
          </a:p>
        </p:txBody>
      </p:sp>
      <p:sp>
        <p:nvSpPr>
          <p:cNvPr id="30" name="正方形/長方形 29"/>
          <p:cNvSpPr/>
          <p:nvPr/>
        </p:nvSpPr>
        <p:spPr>
          <a:xfrm>
            <a:off x="5832172" y="908720"/>
            <a:ext cx="4032448" cy="547260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endParaRPr lang="en-US" altLang="ja-JP" sz="1200" dirty="0" smtClean="0">
              <a:solidFill>
                <a:schemeClr val="tx1"/>
              </a:solidFill>
              <a:latin typeface="+mn-ea"/>
            </a:endParaRPr>
          </a:p>
          <a:p>
            <a:endParaRPr kumimoji="1" lang="en-US" altLang="ja-JP" sz="1000" dirty="0" smtClean="0">
              <a:solidFill>
                <a:schemeClr val="tx1"/>
              </a:solidFill>
              <a:latin typeface="+mn-ea"/>
            </a:endParaRPr>
          </a:p>
          <a:p>
            <a:pPr marL="177800" indent="-177800"/>
            <a:r>
              <a:rPr kumimoji="1" lang="ja-JP" altLang="en-US" sz="1600" dirty="0" smtClean="0">
                <a:solidFill>
                  <a:schemeClr val="tx1"/>
                </a:solidFill>
                <a:latin typeface="ＭＳ Ｐ明朝" pitchFamily="18" charset="-128"/>
                <a:ea typeface="ＭＳ Ｐ明朝" pitchFamily="18" charset="-128"/>
              </a:rPr>
              <a:t>■ </a:t>
            </a:r>
            <a:r>
              <a:rPr lang="ja-JP" altLang="en-US" sz="1600" dirty="0" smtClean="0">
                <a:solidFill>
                  <a:schemeClr val="tx1"/>
                </a:solidFill>
                <a:latin typeface="ＭＳ Ｐ明朝" pitchFamily="18" charset="-128"/>
                <a:ea typeface="ＭＳ Ｐ明朝" pitchFamily="18" charset="-128"/>
              </a:rPr>
              <a:t>時代の要請に応じ、</a:t>
            </a:r>
            <a:r>
              <a:rPr lang="en-US" altLang="ja-JP" sz="1600" dirty="0" smtClean="0">
                <a:solidFill>
                  <a:schemeClr val="tx1"/>
                </a:solidFill>
                <a:latin typeface="ＭＳ Ｐ明朝" pitchFamily="18" charset="-128"/>
                <a:ea typeface="ＭＳ Ｐ明朝" pitchFamily="18" charset="-128"/>
              </a:rPr>
              <a:t>21</a:t>
            </a:r>
            <a:r>
              <a:rPr lang="ja-JP" altLang="en-US" sz="1600" dirty="0" smtClean="0">
                <a:solidFill>
                  <a:schemeClr val="tx1"/>
                </a:solidFill>
                <a:latin typeface="ＭＳ Ｐ明朝" pitchFamily="18" charset="-128"/>
                <a:ea typeface="ＭＳ Ｐ明朝" pitchFamily="18" charset="-128"/>
              </a:rPr>
              <a:t>世紀の発展を支える新しい御堂筋とするため、</a:t>
            </a:r>
            <a:r>
              <a:rPr kumimoji="1" lang="ja-JP" altLang="en-US" sz="1600" dirty="0" smtClean="0">
                <a:solidFill>
                  <a:schemeClr val="tx1"/>
                </a:solidFill>
                <a:latin typeface="ＭＳ Ｐ明朝" pitchFamily="18" charset="-128"/>
                <a:ea typeface="ＭＳ Ｐ明朝" pitchFamily="18" charset="-128"/>
              </a:rPr>
              <a:t>歩いて楽しめ、</a:t>
            </a:r>
            <a:r>
              <a:rPr kumimoji="1" lang="en-US" altLang="ja-JP" sz="1600" dirty="0" smtClean="0">
                <a:solidFill>
                  <a:schemeClr val="tx1"/>
                </a:solidFill>
                <a:latin typeface="ＭＳ Ｐ明朝" pitchFamily="18" charset="-128"/>
                <a:ea typeface="ＭＳ Ｐ明朝" pitchFamily="18" charset="-128"/>
              </a:rPr>
              <a:t>24</a:t>
            </a:r>
            <a:r>
              <a:rPr kumimoji="1" lang="ja-JP" altLang="en-US" sz="1600" dirty="0" smtClean="0">
                <a:solidFill>
                  <a:schemeClr val="tx1"/>
                </a:solidFill>
                <a:latin typeface="ＭＳ Ｐ明朝" pitchFamily="18" charset="-128"/>
                <a:ea typeface="ＭＳ Ｐ明朝" pitchFamily="18" charset="-128"/>
              </a:rPr>
              <a:t>時間稼働する多機能エリアへの転換を図り、御堂筋のブランド力の向上を図る。</a:t>
            </a:r>
            <a:endParaRPr kumimoji="1" lang="en-US" altLang="ja-JP" sz="1600" dirty="0" smtClean="0">
              <a:solidFill>
                <a:schemeClr val="tx1"/>
              </a:solidFill>
              <a:latin typeface="ＭＳ Ｐ明朝" pitchFamily="18" charset="-128"/>
              <a:ea typeface="ＭＳ Ｐ明朝" pitchFamily="18" charset="-128"/>
            </a:endParaRPr>
          </a:p>
          <a:p>
            <a:endParaRPr lang="en-US" altLang="ja-JP" sz="900" dirty="0" smtClean="0">
              <a:solidFill>
                <a:schemeClr val="tx1"/>
              </a:solidFill>
              <a:latin typeface="+mn-ea"/>
            </a:endParaRPr>
          </a:p>
          <a:p>
            <a:pPr marL="88900" indent="-88900"/>
            <a:r>
              <a:rPr lang="ja-JP" altLang="en-US" sz="1400" dirty="0" smtClean="0">
                <a:solidFill>
                  <a:schemeClr val="tx1"/>
                </a:solidFill>
                <a:latin typeface="ＭＳ Ｐ明朝" pitchFamily="18" charset="-128"/>
                <a:ea typeface="ＭＳ Ｐ明朝" pitchFamily="18" charset="-128"/>
              </a:rPr>
              <a:t>・</a:t>
            </a:r>
            <a:r>
              <a:rPr kumimoji="1" lang="ja-JP" altLang="en-US" sz="1400" dirty="0" smtClean="0">
                <a:solidFill>
                  <a:schemeClr val="tx1"/>
                </a:solidFill>
                <a:latin typeface="ＭＳ Ｐ明朝" pitchFamily="18" charset="-128"/>
                <a:ea typeface="ＭＳ Ｐ明朝" pitchFamily="18" charset="-128"/>
              </a:rPr>
              <a:t>業務機能を軸としながらも、業務機能の高度化やその強化に資する多様な機能（商・学・住等）の導入を図りつつ、建物低層部には、御堂筋の個性を生かし、御堂筋にふさわしい、人が集まり楽しめる空間を誘導。</a:t>
            </a:r>
            <a:endParaRPr kumimoji="1" lang="en-US" altLang="ja-JP" sz="1400" dirty="0" smtClean="0">
              <a:solidFill>
                <a:schemeClr val="tx1"/>
              </a:solidFill>
              <a:latin typeface="ＭＳ Ｐ明朝" pitchFamily="18" charset="-128"/>
              <a:ea typeface="ＭＳ Ｐ明朝" pitchFamily="18" charset="-128"/>
            </a:endParaRPr>
          </a:p>
          <a:p>
            <a:pPr marL="177800" indent="-177800"/>
            <a:endParaRPr lang="en-US" altLang="ja-JP" sz="1000" dirty="0" smtClean="0">
              <a:solidFill>
                <a:schemeClr val="tx1"/>
              </a:solidFill>
              <a:latin typeface="ＭＳ Ｐ明朝" pitchFamily="18" charset="-128"/>
              <a:ea typeface="ＭＳ Ｐ明朝" pitchFamily="18" charset="-128"/>
            </a:endParaRPr>
          </a:p>
          <a:p>
            <a:pPr marL="88900" indent="-88900"/>
            <a:r>
              <a:rPr lang="ja-JP" altLang="en-US" sz="1400" dirty="0" smtClean="0">
                <a:solidFill>
                  <a:schemeClr val="tx1"/>
                </a:solidFill>
                <a:latin typeface="ＭＳ Ｐ明朝" pitchFamily="18" charset="-128"/>
                <a:ea typeface="ＭＳ Ｐ明朝" pitchFamily="18" charset="-128"/>
              </a:rPr>
              <a:t>・</a:t>
            </a:r>
            <a:r>
              <a:rPr kumimoji="1" lang="ja-JP" altLang="en-US" sz="1400" dirty="0" smtClean="0">
                <a:solidFill>
                  <a:schemeClr val="tx1"/>
                </a:solidFill>
                <a:latin typeface="ＭＳ Ｐ明朝" pitchFamily="18" charset="-128"/>
                <a:ea typeface="ＭＳ Ｐ明朝" pitchFamily="18" charset="-128"/>
              </a:rPr>
              <a:t>これまで構築されてきた統一感のある都市景観を継承しつつ、そのポテンシャルを最大限に生かす</a:t>
            </a:r>
            <a:r>
              <a:rPr lang="ja-JP" altLang="en-US" sz="1400" dirty="0" smtClean="0">
                <a:solidFill>
                  <a:schemeClr val="tx1"/>
                </a:solidFill>
                <a:latin typeface="ＭＳ Ｐ明朝" pitchFamily="18" charset="-128"/>
                <a:ea typeface="ＭＳ Ｐ明朝" pitchFamily="18" charset="-128"/>
              </a:rPr>
              <a:t>観点から、</a:t>
            </a:r>
            <a:r>
              <a:rPr lang="en-US" altLang="ja-JP" sz="1400" dirty="0" smtClean="0">
                <a:solidFill>
                  <a:schemeClr val="tx1"/>
                </a:solidFill>
                <a:latin typeface="ＭＳ Ｐ明朝" pitchFamily="18" charset="-128"/>
                <a:ea typeface="ＭＳ Ｐ明朝" pitchFamily="18" charset="-128"/>
              </a:rPr>
              <a:t>50</a:t>
            </a:r>
            <a:r>
              <a:rPr lang="ja-JP" altLang="en-US" sz="1400" dirty="0" err="1" smtClean="0">
                <a:solidFill>
                  <a:schemeClr val="tx1"/>
                </a:solidFill>
                <a:latin typeface="ＭＳ Ｐ明朝" pitchFamily="18" charset="-128"/>
                <a:ea typeface="ＭＳ Ｐ明朝" pitchFamily="18" charset="-128"/>
              </a:rPr>
              <a:t>ｍ</a:t>
            </a:r>
            <a:r>
              <a:rPr lang="ja-JP" altLang="en-US" sz="1400" dirty="0" smtClean="0">
                <a:solidFill>
                  <a:schemeClr val="tx1"/>
                </a:solidFill>
                <a:latin typeface="ＭＳ Ｐ明朝" pitchFamily="18" charset="-128"/>
                <a:ea typeface="ＭＳ Ｐ明朝" pitchFamily="18" charset="-128"/>
              </a:rPr>
              <a:t>軒線の統一・壁面の連続性やデザイン性を意識したまちなみの形成へ転換。</a:t>
            </a:r>
            <a:endParaRPr kumimoji="1" lang="en-US" altLang="ja-JP" sz="1400" dirty="0" smtClean="0">
              <a:solidFill>
                <a:schemeClr val="tx1"/>
              </a:solidFill>
              <a:latin typeface="ＭＳ Ｐ明朝" pitchFamily="18" charset="-128"/>
              <a:ea typeface="ＭＳ Ｐ明朝" pitchFamily="18" charset="-128"/>
            </a:endParaRPr>
          </a:p>
          <a:p>
            <a:endParaRPr lang="en-US" altLang="ja-JP" sz="900" dirty="0" smtClean="0">
              <a:solidFill>
                <a:schemeClr val="tx1"/>
              </a:solidFill>
              <a:latin typeface="ＭＳ Ｐ明朝" pitchFamily="18" charset="-128"/>
              <a:ea typeface="ＭＳ Ｐ明朝" pitchFamily="18" charset="-128"/>
            </a:endParaRPr>
          </a:p>
          <a:p>
            <a:endParaRPr lang="en-US" altLang="ja-JP" sz="900" dirty="0" smtClean="0">
              <a:solidFill>
                <a:schemeClr val="tx1"/>
              </a:solidFill>
              <a:latin typeface="ＭＳ Ｐ明朝" pitchFamily="18" charset="-128"/>
              <a:ea typeface="ＭＳ Ｐ明朝" pitchFamily="18" charset="-128"/>
            </a:endParaRPr>
          </a:p>
          <a:p>
            <a:pPr marL="88900" indent="-88900"/>
            <a:r>
              <a:rPr lang="ja-JP" altLang="en-US" sz="1400" dirty="0" smtClean="0">
                <a:solidFill>
                  <a:schemeClr val="tx1"/>
                </a:solidFill>
                <a:latin typeface="ＭＳ Ｐ明朝" pitchFamily="18" charset="-128"/>
                <a:ea typeface="ＭＳ Ｐ明朝" pitchFamily="18" charset="-128"/>
              </a:rPr>
              <a:t>・車重視から人重視の道路空間へ。側道を歩行者空間等として活用</a:t>
            </a:r>
            <a:endParaRPr lang="en-US" altLang="ja-JP" sz="1600" dirty="0" smtClean="0">
              <a:solidFill>
                <a:schemeClr val="tx1"/>
              </a:solidFill>
              <a:latin typeface="ＭＳ Ｐ明朝" pitchFamily="18" charset="-128"/>
              <a:ea typeface="ＭＳ Ｐ明朝" pitchFamily="18" charset="-128"/>
            </a:endParaRPr>
          </a:p>
        </p:txBody>
      </p:sp>
      <p:sp>
        <p:nvSpPr>
          <p:cNvPr id="34" name="正方形/長方形 33"/>
          <p:cNvSpPr/>
          <p:nvPr/>
        </p:nvSpPr>
        <p:spPr>
          <a:xfrm>
            <a:off x="69284" y="908720"/>
            <a:ext cx="4248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600" b="1" dirty="0" smtClean="0"/>
              <a:t>近代都市大阪を支えた御堂筋</a:t>
            </a:r>
            <a:endParaRPr kumimoji="1" lang="ja-JP" altLang="en-US" sz="1600" b="1" dirty="0"/>
          </a:p>
        </p:txBody>
      </p:sp>
      <p:sp>
        <p:nvSpPr>
          <p:cNvPr id="38" name="正方形/長方形 37"/>
          <p:cNvSpPr/>
          <p:nvPr/>
        </p:nvSpPr>
        <p:spPr>
          <a:xfrm>
            <a:off x="5832620" y="908720"/>
            <a:ext cx="4032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t>将来ビジョン</a:t>
            </a:r>
            <a:endParaRPr kumimoji="1" lang="ja-JP" altLang="en-US" sz="1600" b="1" dirty="0"/>
          </a:p>
        </p:txBody>
      </p:sp>
      <p:sp>
        <p:nvSpPr>
          <p:cNvPr id="24" name="正方形/長方形 23"/>
          <p:cNvSpPr/>
          <p:nvPr/>
        </p:nvSpPr>
        <p:spPr>
          <a:xfrm>
            <a:off x="4304928" y="5077717"/>
            <a:ext cx="1584176" cy="1015663"/>
          </a:xfrm>
          <a:prstGeom prst="rect">
            <a:avLst/>
          </a:prstGeom>
        </p:spPr>
        <p:txBody>
          <a:bodyPr wrap="square">
            <a:spAutoFit/>
          </a:bodyPr>
          <a:lstStyle/>
          <a:p>
            <a:pPr marL="174625" indent="-174625"/>
            <a:r>
              <a:rPr lang="ja-JP" altLang="en-US" sz="1200" dirty="0" smtClean="0">
                <a:latin typeface="ＭＳ Ｐ明朝" pitchFamily="18" charset="-128"/>
                <a:ea typeface="ＭＳ Ｐ明朝" pitchFamily="18" charset="-128"/>
              </a:rPr>
              <a:t>○都心の</a:t>
            </a:r>
            <a:r>
              <a:rPr lang="en-US" altLang="ja-JP" sz="1200" dirty="0" smtClean="0">
                <a:latin typeface="ＭＳ Ｐ明朝" pitchFamily="18" charset="-128"/>
                <a:ea typeface="ＭＳ Ｐ明朝" pitchFamily="18" charset="-128"/>
              </a:rPr>
              <a:t>24</a:t>
            </a:r>
            <a:r>
              <a:rPr lang="ja-JP" altLang="en-US" sz="1200" dirty="0" smtClean="0">
                <a:latin typeface="ＭＳ Ｐ明朝" pitchFamily="18" charset="-128"/>
                <a:ea typeface="ＭＳ Ｐ明朝" pitchFamily="18" charset="-128"/>
              </a:rPr>
              <a:t>時間化・多様性、安全・安心等への対応</a:t>
            </a:r>
            <a:endParaRPr lang="en-US" altLang="ja-JP" sz="1200" dirty="0" smtClean="0">
              <a:latin typeface="ＭＳ Ｐ明朝" pitchFamily="18" charset="-128"/>
              <a:ea typeface="ＭＳ Ｐ明朝" pitchFamily="18" charset="-128"/>
            </a:endParaRPr>
          </a:p>
          <a:p>
            <a:pPr marL="174625" indent="-174625"/>
            <a:r>
              <a:rPr lang="ja-JP" altLang="en-US" sz="1200" dirty="0" smtClean="0">
                <a:latin typeface="ＭＳ Ｐ明朝" pitchFamily="18" charset="-128"/>
                <a:ea typeface="ＭＳ Ｐ明朝" pitchFamily="18" charset="-128"/>
              </a:rPr>
              <a:t>○御堂筋の「強み」を発揮したまちづくり</a:t>
            </a:r>
            <a:endParaRPr lang="ja-JP" altLang="en-US" sz="1200" dirty="0">
              <a:latin typeface="ＭＳ Ｐ明朝" pitchFamily="18" charset="-128"/>
              <a:ea typeface="ＭＳ Ｐ明朝" pitchFamily="18" charset="-128"/>
            </a:endParaRPr>
          </a:p>
        </p:txBody>
      </p:sp>
      <p:sp>
        <p:nvSpPr>
          <p:cNvPr id="22" name="正方形/長方形 21"/>
          <p:cNvSpPr/>
          <p:nvPr/>
        </p:nvSpPr>
        <p:spPr>
          <a:xfrm>
            <a:off x="4276462" y="980728"/>
            <a:ext cx="1612080" cy="338554"/>
          </a:xfrm>
          <a:prstGeom prst="rect">
            <a:avLst/>
          </a:prstGeom>
        </p:spPr>
        <p:txBody>
          <a:bodyPr wrap="square">
            <a:spAutoFit/>
          </a:bodyPr>
          <a:lstStyle/>
          <a:p>
            <a:pPr algn="ctr"/>
            <a:r>
              <a:rPr lang="ja-JP" altLang="en-US" sz="1600" dirty="0" smtClean="0"/>
              <a:t>現状</a:t>
            </a:r>
            <a:endParaRPr lang="ja-JP" altLang="en-US" sz="1600" dirty="0"/>
          </a:p>
        </p:txBody>
      </p:sp>
      <p:sp>
        <p:nvSpPr>
          <p:cNvPr id="26" name="二等辺三角形 25"/>
          <p:cNvSpPr/>
          <p:nvPr/>
        </p:nvSpPr>
        <p:spPr>
          <a:xfrm rot="5400000">
            <a:off x="4204182" y="3327674"/>
            <a:ext cx="1727612" cy="490104"/>
          </a:xfrm>
          <a:prstGeom prst="triangle">
            <a:avLst/>
          </a:prstGeom>
          <a:solidFill>
            <a:schemeClr val="tx1">
              <a:lumMod val="50000"/>
              <a:lumOff val="50000"/>
            </a:schemeClr>
          </a:solidFill>
          <a:ln>
            <a:solidFill>
              <a:schemeClr val="tx1">
                <a:lumMod val="85000"/>
                <a:lumOff val="1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正方形/長方形 22"/>
          <p:cNvSpPr/>
          <p:nvPr/>
        </p:nvSpPr>
        <p:spPr>
          <a:xfrm>
            <a:off x="4304928" y="4517335"/>
            <a:ext cx="1612080" cy="584775"/>
          </a:xfrm>
          <a:prstGeom prst="rect">
            <a:avLst/>
          </a:prstGeom>
        </p:spPr>
        <p:txBody>
          <a:bodyPr wrap="square">
            <a:spAutoFit/>
          </a:bodyPr>
          <a:lstStyle/>
          <a:p>
            <a:pPr algn="ctr"/>
            <a:r>
              <a:rPr lang="ja-JP" altLang="en-US" sz="1600" dirty="0" smtClean="0"/>
              <a:t>御堂筋の</a:t>
            </a:r>
            <a:endParaRPr lang="en-US" altLang="ja-JP" sz="1600" dirty="0" smtClean="0"/>
          </a:p>
          <a:p>
            <a:pPr algn="ctr"/>
            <a:r>
              <a:rPr lang="ja-JP" altLang="en-US" sz="1600" dirty="0" smtClean="0"/>
              <a:t>再構築の必要性</a:t>
            </a:r>
            <a:endParaRPr lang="ja-JP" altLang="en-US" sz="1600" dirty="0"/>
          </a:p>
        </p:txBody>
      </p:sp>
      <p:sp>
        <p:nvSpPr>
          <p:cNvPr id="25" name="正方形/長方形 24"/>
          <p:cNvSpPr/>
          <p:nvPr/>
        </p:nvSpPr>
        <p:spPr>
          <a:xfrm>
            <a:off x="4304934" y="1268762"/>
            <a:ext cx="1512168" cy="1384995"/>
          </a:xfrm>
          <a:prstGeom prst="rect">
            <a:avLst/>
          </a:prstGeom>
        </p:spPr>
        <p:txBody>
          <a:bodyPr wrap="square">
            <a:spAutoFit/>
          </a:bodyPr>
          <a:lstStyle/>
          <a:p>
            <a:pPr marL="174625" indent="-174625"/>
            <a:r>
              <a:rPr lang="ja-JP" altLang="en-US" sz="1200" dirty="0" smtClean="0">
                <a:latin typeface="ＭＳ Ｐ明朝" pitchFamily="18" charset="-128"/>
                <a:ea typeface="ＭＳ Ｐ明朝" pitchFamily="18" charset="-128"/>
              </a:rPr>
              <a:t>○建築制限により建替えしにくい環境にあり、他の拠点の開発等により、業務集積地としての相対的地位が低下</a:t>
            </a:r>
            <a:endParaRPr lang="ja-JP" altLang="en-US" sz="1200" dirty="0">
              <a:latin typeface="ＭＳ Ｐ明朝" pitchFamily="18" charset="-128"/>
              <a:ea typeface="ＭＳ Ｐ明朝" pitchFamily="18" charset="-128"/>
            </a:endParaRPr>
          </a:p>
        </p:txBody>
      </p:sp>
      <p:pic>
        <p:nvPicPr>
          <p:cNvPr id="51201" name="Picture 1"/>
          <p:cNvPicPr>
            <a:picLocks noChangeAspect="1" noChangeArrowheads="1"/>
          </p:cNvPicPr>
          <p:nvPr/>
        </p:nvPicPr>
        <p:blipFill>
          <a:blip r:embed="rId2" cstate="email"/>
          <a:srcRect/>
          <a:stretch>
            <a:fillRect/>
          </a:stretch>
        </p:blipFill>
        <p:spPr bwMode="auto">
          <a:xfrm>
            <a:off x="6177141" y="5229284"/>
            <a:ext cx="1524000" cy="1082675"/>
          </a:xfrm>
          <a:prstGeom prst="rect">
            <a:avLst/>
          </a:prstGeom>
          <a:noFill/>
          <a:ln w="9525">
            <a:noFill/>
            <a:miter lim="800000"/>
            <a:headEnd/>
            <a:tailEnd/>
          </a:ln>
          <a:effectLst/>
        </p:spPr>
      </p:pic>
      <p:pic>
        <p:nvPicPr>
          <p:cNvPr id="51202" name="Picture 2"/>
          <p:cNvPicPr>
            <a:picLocks noChangeAspect="1" noChangeArrowheads="1"/>
          </p:cNvPicPr>
          <p:nvPr/>
        </p:nvPicPr>
        <p:blipFill>
          <a:blip r:embed="rId3" cstate="email"/>
          <a:srcRect/>
          <a:stretch>
            <a:fillRect/>
          </a:stretch>
        </p:blipFill>
        <p:spPr bwMode="auto">
          <a:xfrm>
            <a:off x="8159349" y="5229284"/>
            <a:ext cx="1546225" cy="1089025"/>
          </a:xfrm>
          <a:prstGeom prst="rect">
            <a:avLst/>
          </a:prstGeom>
          <a:noFill/>
          <a:ln w="9525">
            <a:noFill/>
            <a:miter lim="800000"/>
            <a:headEnd/>
            <a:tailEnd/>
          </a:ln>
          <a:effectLst/>
        </p:spPr>
      </p:pic>
      <p:sp>
        <p:nvSpPr>
          <p:cNvPr id="17" name="スライド番号プレースホルダ 16"/>
          <p:cNvSpPr>
            <a:spLocks noGrp="1"/>
          </p:cNvSpPr>
          <p:nvPr>
            <p:ph type="sldNum" sz="quarter" idx="12"/>
          </p:nvPr>
        </p:nvSpPr>
        <p:spPr/>
        <p:txBody>
          <a:bodyPr/>
          <a:lstStyle/>
          <a:p>
            <a:fld id="{37EF5067-3AB7-4642-9103-42CBD40CC6D9}" type="slidenum">
              <a:rPr kumimoji="1" lang="ja-JP" altLang="en-US" smtClean="0"/>
              <a:pPr/>
              <a:t>16</a:t>
            </a:fld>
            <a:endParaRPr kumimoji="1" lang="ja-JP" altLang="en-US" dirty="0"/>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10"/>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３．御堂筋</a:t>
            </a:r>
            <a:endParaRPr lang="en-US" altLang="ja-JP" sz="2000" b="1" dirty="0" smtClean="0">
              <a:solidFill>
                <a:schemeClr val="bg1"/>
              </a:solidFill>
              <a:latin typeface="ＭＳ ゴシック" pitchFamily="49" charset="-128"/>
              <a:ea typeface="ＭＳ ゴシック" pitchFamily="49" charset="-128"/>
            </a:endParaRPr>
          </a:p>
        </p:txBody>
      </p:sp>
      <p:sp>
        <p:nvSpPr>
          <p:cNvPr id="8" name="テキスト ボックス 7"/>
          <p:cNvSpPr txBox="1"/>
          <p:nvPr/>
        </p:nvSpPr>
        <p:spPr>
          <a:xfrm>
            <a:off x="50" y="498158"/>
            <a:ext cx="2956259" cy="338554"/>
          </a:xfrm>
          <a:prstGeom prst="rect">
            <a:avLst/>
          </a:prstGeom>
          <a:noFill/>
        </p:spPr>
        <p:txBody>
          <a:bodyPr wrap="none" rtlCol="0">
            <a:spAutoFit/>
          </a:bodyPr>
          <a:lstStyle/>
          <a:p>
            <a:pPr lvl="0"/>
            <a:r>
              <a:rPr kumimoji="1" lang="ja-JP" altLang="en-US" sz="1600" dirty="0" smtClean="0"/>
              <a:t>○今後の取組み（スケジュール）</a:t>
            </a:r>
            <a:endParaRPr kumimoji="1" lang="en-US" altLang="ja-JP" sz="1600" dirty="0" smtClean="0"/>
          </a:p>
        </p:txBody>
      </p:sp>
      <p:pic>
        <p:nvPicPr>
          <p:cNvPr id="34818" name="Picture 2"/>
          <p:cNvPicPr>
            <a:picLocks noChangeAspect="1" noChangeArrowheads="1"/>
          </p:cNvPicPr>
          <p:nvPr/>
        </p:nvPicPr>
        <p:blipFill>
          <a:blip r:embed="rId2" cstate="email"/>
          <a:srcRect/>
          <a:stretch>
            <a:fillRect/>
          </a:stretch>
        </p:blipFill>
        <p:spPr bwMode="auto">
          <a:xfrm>
            <a:off x="272480" y="836712"/>
            <a:ext cx="9331103" cy="4919198"/>
          </a:xfrm>
          <a:prstGeom prst="rect">
            <a:avLst/>
          </a:prstGeom>
          <a:noFill/>
          <a:ln w="9525">
            <a:noFill/>
            <a:miter lim="800000"/>
            <a:headEnd/>
            <a:tailEnd/>
          </a:ln>
          <a:effectLst/>
        </p:spPr>
      </p:pic>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17</a:t>
            </a:fld>
            <a:endParaRPr kumimoji="1" lang="ja-JP" altLang="en-US" dirty="0"/>
          </a:p>
        </p:txBody>
      </p:sp>
      <p:grpSp>
        <p:nvGrpSpPr>
          <p:cNvPr id="10" name="グループ化 9"/>
          <p:cNvGrpSpPr/>
          <p:nvPr/>
        </p:nvGrpSpPr>
        <p:grpSpPr>
          <a:xfrm>
            <a:off x="45" y="5892696"/>
            <a:ext cx="9561467" cy="862392"/>
            <a:chOff x="45" y="5892696"/>
            <a:chExt cx="9561467" cy="862392"/>
          </a:xfrm>
        </p:grpSpPr>
        <p:sp>
          <p:nvSpPr>
            <p:cNvPr id="11" name="角丸四角形 10"/>
            <p:cNvSpPr/>
            <p:nvPr/>
          </p:nvSpPr>
          <p:spPr>
            <a:xfrm>
              <a:off x="288032" y="6179024"/>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12" name="テキスト ボックス 11"/>
            <p:cNvSpPr txBox="1"/>
            <p:nvPr/>
          </p:nvSpPr>
          <p:spPr>
            <a:xfrm>
              <a:off x="45" y="5892696"/>
              <a:ext cx="3272050" cy="338554"/>
            </a:xfrm>
            <a:prstGeom prst="rect">
              <a:avLst/>
            </a:prstGeom>
            <a:noFill/>
          </p:spPr>
          <p:txBody>
            <a:bodyPr wrap="none" rtlCol="0">
              <a:spAutoFit/>
            </a:bodyPr>
            <a:lstStyle/>
            <a:p>
              <a:pPr lvl="0"/>
              <a:r>
                <a:rPr kumimoji="1" lang="ja-JP" altLang="en-US" sz="1600" dirty="0" smtClean="0"/>
                <a:t>○</a:t>
              </a:r>
              <a:r>
                <a:rPr kumimoji="1" lang="en-US" altLang="ja-JP" sz="1600" dirty="0" smtClean="0"/>
                <a:t>『</a:t>
              </a:r>
              <a:r>
                <a:rPr kumimoji="1" lang="ja-JP" altLang="en-US" sz="1600" dirty="0" smtClean="0"/>
                <a:t>御堂筋</a:t>
              </a:r>
              <a:r>
                <a:rPr kumimoji="1" lang="en-US" altLang="ja-JP" sz="1600" dirty="0" smtClean="0"/>
                <a:t>』</a:t>
              </a:r>
              <a:r>
                <a:rPr kumimoji="1" lang="ja-JP" altLang="en-US" sz="1600" dirty="0" smtClean="0"/>
                <a:t>エリアの担当部局一覧</a:t>
              </a:r>
              <a:endParaRPr kumimoji="1" lang="en-US" altLang="ja-JP" sz="1600" dirty="0" smtClean="0"/>
            </a:p>
          </p:txBody>
        </p:sp>
        <p:sp>
          <p:nvSpPr>
            <p:cNvPr id="13" name="テキスト ボックス 12"/>
            <p:cNvSpPr txBox="1"/>
            <p:nvPr/>
          </p:nvSpPr>
          <p:spPr>
            <a:xfrm>
              <a:off x="272480" y="6208736"/>
              <a:ext cx="3474028" cy="523220"/>
            </a:xfrm>
            <a:prstGeom prst="rect">
              <a:avLst/>
            </a:prstGeom>
            <a:noFill/>
          </p:spPr>
          <p:txBody>
            <a:bodyPr wrap="none" rtlCol="0">
              <a:spAutoFit/>
            </a:bodyPr>
            <a:lstStyle/>
            <a:p>
              <a:pPr lvl="0"/>
              <a:r>
                <a:rPr kumimoji="1" lang="ja-JP" altLang="en-US" sz="1400" dirty="0" smtClean="0">
                  <a:latin typeface="ＭＳ Ｐ明朝" pitchFamily="18" charset="-128"/>
                  <a:ea typeface="ＭＳ Ｐ明朝" pitchFamily="18" charset="-128"/>
                </a:rPr>
                <a:t>・大阪市：都市計画局、建設局、経済戦略局</a:t>
              </a:r>
              <a:endParaRPr kumimoji="1" lang="en-US" altLang="ja-JP" sz="1400" dirty="0" smtClean="0">
                <a:latin typeface="ＭＳ Ｐ明朝" pitchFamily="18" charset="-128"/>
                <a:ea typeface="ＭＳ Ｐ明朝" pitchFamily="18" charset="-128"/>
              </a:endParaRPr>
            </a:p>
            <a:p>
              <a:pPr lvl="0"/>
              <a:r>
                <a:rPr lang="ja-JP" altLang="en-US" sz="1400" dirty="0" smtClean="0">
                  <a:latin typeface="ＭＳ Ｐ明朝" pitchFamily="18" charset="-128"/>
                  <a:ea typeface="ＭＳ Ｐ明朝" pitchFamily="18" charset="-128"/>
                </a:rPr>
                <a:t>・大阪府：住宅まちづくり部</a:t>
              </a:r>
              <a:endParaRPr kumimoji="1" lang="en-US" altLang="ja-JP" sz="1400" dirty="0" smtClean="0">
                <a:latin typeface="ＭＳ Ｐ明朝" pitchFamily="18" charset="-128"/>
                <a:ea typeface="ＭＳ Ｐ明朝" pitchFamily="18" charset="-128"/>
              </a:endParaRPr>
            </a:p>
          </p:txBody>
        </p:sp>
      </p:grp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2" name="Rectangle 2"/>
          <p:cNvSpPr txBox="1">
            <a:spLocks noChangeArrowheads="1"/>
          </p:cNvSpPr>
          <p:nvPr/>
        </p:nvSpPr>
        <p:spPr bwMode="auto">
          <a:xfrm>
            <a:off x="0" y="10"/>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４．難波周辺</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3" name="Rectangle 2"/>
          <p:cNvSpPr>
            <a:spLocks noChangeArrowheads="1"/>
          </p:cNvSpPr>
          <p:nvPr/>
        </p:nvSpPr>
        <p:spPr bwMode="auto">
          <a:xfrm>
            <a:off x="193970" y="852764"/>
            <a:ext cx="9559636" cy="5239896"/>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pPr>
              <a:lnSpc>
                <a:spcPct val="150000"/>
              </a:lnSpc>
            </a:pPr>
            <a:r>
              <a:rPr lang="ja-JP" altLang="ja-JP" sz="1400" b="1" dirty="0" smtClean="0"/>
              <a:t>１．</a:t>
            </a:r>
            <a:r>
              <a:rPr lang="ja-JP" altLang="en-US" sz="1400" b="1" dirty="0" smtClean="0"/>
              <a:t>エリアの現状</a:t>
            </a:r>
            <a:endParaRPr lang="ja-JP" altLang="ja-JP" sz="1400" dirty="0" smtClean="0"/>
          </a:p>
          <a:p>
            <a:pPr marL="177800" indent="-177800">
              <a:lnSpc>
                <a:spcPct val="150000"/>
              </a:lnSpc>
            </a:pPr>
            <a:r>
              <a:rPr lang="ja-JP" altLang="en-US" sz="1300" dirty="0" smtClean="0">
                <a:latin typeface="ＭＳ Ｐ明朝" pitchFamily="18" charset="-128"/>
                <a:ea typeface="ＭＳ Ｐ明朝" pitchFamily="18" charset="-128"/>
              </a:rPr>
              <a:t>　・難波周辺では、鉄道事業者</a:t>
            </a:r>
            <a:r>
              <a:rPr lang="ja-JP" altLang="ja-JP" sz="1300" dirty="0" smtClean="0">
                <a:latin typeface="ＭＳ Ｐ明朝" pitchFamily="18" charset="-128"/>
                <a:ea typeface="ＭＳ Ｐ明朝" pitchFamily="18" charset="-128"/>
              </a:rPr>
              <a:t>によるターミナルの近代化</a:t>
            </a:r>
            <a:r>
              <a:rPr lang="ja-JP" altLang="en-US" sz="1300" dirty="0" smtClean="0">
                <a:latin typeface="ＭＳ Ｐ明朝" pitchFamily="18" charset="-128"/>
                <a:ea typeface="ＭＳ Ｐ明朝" pitchFamily="18" charset="-128"/>
              </a:rPr>
              <a:t>をはじめ、道頓堀川のとんぼりリバーウォークの運営管理、放置自転車対策など、これまで民間が積極的にまちづくりに参加し、大阪を代表する商業・観光エリア「ミナミ」を形成してきた。</a:t>
            </a:r>
            <a:endParaRPr lang="ja-JP" altLang="en-US" sz="800" dirty="0" smtClean="0">
              <a:latin typeface="ＭＳ Ｐ明朝" pitchFamily="18" charset="-128"/>
              <a:ea typeface="ＭＳ Ｐ明朝" pitchFamily="18" charset="-128"/>
            </a:endParaRPr>
          </a:p>
          <a:p>
            <a:pPr>
              <a:lnSpc>
                <a:spcPct val="150000"/>
              </a:lnSpc>
            </a:pPr>
            <a:r>
              <a:rPr lang="en-US" altLang="ja-JP" sz="800" dirty="0" smtClean="0">
                <a:latin typeface="ＭＳ Ｐ明朝" pitchFamily="18" charset="-128"/>
                <a:ea typeface="ＭＳ Ｐ明朝" pitchFamily="18" charset="-128"/>
              </a:rPr>
              <a:t> </a:t>
            </a:r>
            <a:endParaRPr lang="ja-JP" altLang="ja-JP" sz="800" dirty="0" smtClean="0">
              <a:latin typeface="ＭＳ Ｐ明朝" pitchFamily="18" charset="-128"/>
              <a:ea typeface="ＭＳ Ｐ明朝" pitchFamily="18" charset="-128"/>
            </a:endParaRPr>
          </a:p>
          <a:p>
            <a:pPr>
              <a:lnSpc>
                <a:spcPct val="150000"/>
              </a:lnSpc>
            </a:pPr>
            <a:r>
              <a:rPr lang="ja-JP" altLang="ja-JP" sz="1400" b="1" dirty="0" smtClean="0"/>
              <a:t>２．</a:t>
            </a:r>
            <a:r>
              <a:rPr lang="ja-JP" altLang="en-US" sz="1400" b="1" dirty="0" smtClean="0"/>
              <a:t>エリアの</a:t>
            </a:r>
            <a:r>
              <a:rPr lang="ja-JP" altLang="ja-JP" sz="1400" b="1" dirty="0" smtClean="0"/>
              <a:t>課題</a:t>
            </a:r>
            <a:endParaRPr lang="ja-JP" altLang="ja-JP" sz="1400" dirty="0" smtClean="0"/>
          </a:p>
          <a:p>
            <a:pPr marL="180975" lvl="0" indent="-180975">
              <a:lnSpc>
                <a:spcPct val="150000"/>
              </a:lnSpc>
            </a:pPr>
            <a:r>
              <a:rPr lang="ja-JP" altLang="en-US" sz="1300" dirty="0" smtClean="0">
                <a:latin typeface="ＭＳ Ｐ明朝" pitchFamily="18" charset="-128"/>
                <a:ea typeface="ＭＳ Ｐ明朝" pitchFamily="18" charset="-128"/>
              </a:rPr>
              <a:t>　・当地区は大阪の観光拠点として、近年、観光客、とくに外国人観光客数が急激に増えてきているが、客引き行為等の悪質化が進み、観光客が安全・快適に過ごすことができず、早急に解決すべき問題となっている。</a:t>
            </a:r>
            <a:endParaRPr lang="en-US" altLang="ja-JP" sz="1300" dirty="0" smtClean="0">
              <a:latin typeface="ＭＳ Ｐ明朝" pitchFamily="18" charset="-128"/>
              <a:ea typeface="ＭＳ Ｐ明朝" pitchFamily="18" charset="-128"/>
            </a:endParaRPr>
          </a:p>
          <a:p>
            <a:pPr marL="180975" lvl="0" indent="-180975">
              <a:lnSpc>
                <a:spcPct val="150000"/>
              </a:lnSpc>
            </a:pPr>
            <a:r>
              <a:rPr lang="en-US" altLang="ja-JP" sz="1300" dirty="0" smtClean="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　・老舗料亭の撤退や</a:t>
            </a:r>
            <a:r>
              <a:rPr kumimoji="0" lang="ja-JP" altLang="en-US" sz="1300" dirty="0" smtClean="0">
                <a:latin typeface="ＭＳ Ｐ明朝" pitchFamily="18" charset="-128"/>
                <a:ea typeface="ＭＳ Ｐ明朝" pitchFamily="18" charset="-128"/>
              </a:rPr>
              <a:t>、風俗店舗・無料案内所等による環境悪化により、</a:t>
            </a:r>
            <a:r>
              <a:rPr lang="ja-JP" altLang="en-US" sz="1300" dirty="0" smtClean="0">
                <a:latin typeface="ＭＳ Ｐ明朝" pitchFamily="18" charset="-128"/>
                <a:ea typeface="ＭＳ Ｐ明朝" pitchFamily="18" charset="-128"/>
              </a:rPr>
              <a:t>かつてのまちの風情やブランド力が低下し、まちの魅力そのものも失われつつあった。</a:t>
            </a:r>
            <a:endParaRPr lang="en-US" altLang="ja-JP" sz="800" dirty="0" smtClean="0">
              <a:latin typeface="ＭＳ Ｐ明朝" pitchFamily="18" charset="-128"/>
              <a:ea typeface="ＭＳ Ｐ明朝" pitchFamily="18" charset="-128"/>
            </a:endParaRPr>
          </a:p>
          <a:p>
            <a:pPr marL="180975" lvl="0" indent="-180975">
              <a:lnSpc>
                <a:spcPct val="150000"/>
              </a:lnSpc>
            </a:pPr>
            <a:endParaRPr lang="en-US" altLang="ja-JP" sz="800" b="1" dirty="0" smtClean="0"/>
          </a:p>
          <a:p>
            <a:pPr marL="180975" lvl="0" indent="-180975">
              <a:lnSpc>
                <a:spcPct val="150000"/>
              </a:lnSpc>
            </a:pPr>
            <a:r>
              <a:rPr lang="ja-JP" altLang="ja-JP" sz="1400" b="1" dirty="0" smtClean="0"/>
              <a:t>３．近年の動向</a:t>
            </a:r>
            <a:endParaRPr lang="ja-JP" altLang="ja-JP" sz="1400" dirty="0" smtClean="0"/>
          </a:p>
          <a:p>
            <a:pPr marL="177800" indent="-177800">
              <a:lnSpc>
                <a:spcPct val="150000"/>
              </a:lnSpc>
            </a:pPr>
            <a:r>
              <a:rPr lang="ja-JP" altLang="en-US" sz="1300" dirty="0" smtClean="0">
                <a:latin typeface="ＭＳ Ｐ明朝" pitchFamily="18" charset="-128"/>
                <a:ea typeface="ＭＳ Ｐ明朝" pitchFamily="18" charset="-128"/>
              </a:rPr>
              <a:t>　・客引き行為を規制する条例の制定により、治安の維持が図られるようになり、また、景観協定の締結やまちづくり構想の策定により、楽しみながら歩くことができるまち、歴史や風情が息づくまちを再生、創造できる環境が整ってきている</a:t>
            </a:r>
            <a:r>
              <a:rPr lang="ja-JP" altLang="ja-JP" sz="1300" dirty="0" smtClean="0">
                <a:latin typeface="ＭＳ Ｐ明朝" pitchFamily="18" charset="-128"/>
                <a:ea typeface="ＭＳ Ｐ明朝" pitchFamily="18" charset="-128"/>
              </a:rPr>
              <a:t>。</a:t>
            </a:r>
            <a:endParaRPr lang="en-US" altLang="ja-JP" sz="800" dirty="0" smtClean="0">
              <a:latin typeface="ＭＳ Ｐ明朝" pitchFamily="18" charset="-128"/>
              <a:ea typeface="ＭＳ Ｐ明朝" pitchFamily="18" charset="-128"/>
            </a:endParaRPr>
          </a:p>
          <a:p>
            <a:pPr marL="177800" indent="-177800">
              <a:lnSpc>
                <a:spcPct val="150000"/>
              </a:lnSpc>
            </a:pPr>
            <a:r>
              <a:rPr lang="en-US" altLang="ja-JP" sz="800" dirty="0" smtClean="0"/>
              <a:t> </a:t>
            </a:r>
            <a:endParaRPr lang="ja-JP" altLang="ja-JP" sz="800" dirty="0" smtClean="0"/>
          </a:p>
          <a:p>
            <a:pPr>
              <a:lnSpc>
                <a:spcPct val="150000"/>
              </a:lnSpc>
            </a:pPr>
            <a:r>
              <a:rPr lang="ja-JP" altLang="ja-JP" sz="1400" b="1" dirty="0" smtClean="0"/>
              <a:t>４．将来像</a:t>
            </a:r>
            <a:endParaRPr lang="ja-JP" altLang="ja-JP" sz="1400" dirty="0" smtClean="0"/>
          </a:p>
          <a:p>
            <a:pPr marL="180975" indent="-180975">
              <a:lnSpc>
                <a:spcPct val="1500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市民、観光客をはじめ、だれもが安心して訪れ、その歴史や風情を楽しむことができる環境が整備され、難波周辺が大阪の南の玄関口にふさわしい商業・観光エリア「ミナミ」として再生。また大阪のメインストリートである「御堂筋」の起終点として、歩行者中心の広場が難波駅前に再整備され、新しいまちのシンボル空間が誕生。</a:t>
            </a:r>
            <a:endParaRPr lang="en-US" altLang="ja-JP" sz="1300" dirty="0" smtClean="0">
              <a:solidFill>
                <a:srgbClr val="000000"/>
              </a:solidFill>
              <a:latin typeface="ＭＳ Ｐ明朝" pitchFamily="18" charset="-128"/>
              <a:ea typeface="ＭＳ Ｐ明朝" pitchFamily="18" charset="-128"/>
            </a:endParaRPr>
          </a:p>
        </p:txBody>
      </p:sp>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18</a:t>
            </a:fld>
            <a:endParaRPr kumimoji="1" lang="ja-JP" altLang="en-US" dirty="0"/>
          </a:p>
        </p:txBody>
      </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 name="図 60" descr="なんば.jpg"/>
          <p:cNvPicPr>
            <a:picLocks noChangeAspect="1"/>
          </p:cNvPicPr>
          <p:nvPr/>
        </p:nvPicPr>
        <p:blipFill>
          <a:blip r:embed="rId2" cstate="email"/>
          <a:srcRect/>
          <a:stretch>
            <a:fillRect/>
          </a:stretch>
        </p:blipFill>
        <p:spPr>
          <a:xfrm>
            <a:off x="5745096" y="563082"/>
            <a:ext cx="3960440" cy="6178286"/>
          </a:xfrm>
          <a:prstGeom prst="rect">
            <a:avLst/>
          </a:prstGeom>
        </p:spPr>
      </p:pic>
      <p:sp>
        <p:nvSpPr>
          <p:cNvPr id="2" name="Rectangle 2"/>
          <p:cNvSpPr txBox="1">
            <a:spLocks noChangeArrowheads="1"/>
          </p:cNvSpPr>
          <p:nvPr/>
        </p:nvSpPr>
        <p:spPr bwMode="auto">
          <a:xfrm>
            <a:off x="0" y="10"/>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４．難波周辺</a:t>
            </a:r>
            <a:endParaRPr lang="en-US" altLang="ja-JP" sz="2000" b="1" dirty="0" smtClean="0">
              <a:solidFill>
                <a:schemeClr val="bg1"/>
              </a:solidFill>
              <a:latin typeface="ＭＳ ゴシック" pitchFamily="49" charset="-128"/>
              <a:ea typeface="ＭＳ ゴシック" pitchFamily="49" charset="-128"/>
            </a:endParaRPr>
          </a:p>
        </p:txBody>
      </p:sp>
      <p:pic>
        <p:nvPicPr>
          <p:cNvPr id="5" name="Picture 3"/>
          <p:cNvPicPr>
            <a:picLocks noChangeAspect="1" noChangeArrowheads="1"/>
          </p:cNvPicPr>
          <p:nvPr/>
        </p:nvPicPr>
        <p:blipFill>
          <a:blip r:embed="rId3" cstate="email"/>
          <a:srcRect/>
          <a:stretch>
            <a:fillRect/>
          </a:stretch>
        </p:blipFill>
        <p:spPr bwMode="auto">
          <a:xfrm>
            <a:off x="3656856" y="692696"/>
            <a:ext cx="1981068" cy="2204864"/>
          </a:xfrm>
          <a:prstGeom prst="rect">
            <a:avLst/>
          </a:prstGeom>
          <a:noFill/>
          <a:ln w="9525">
            <a:noFill/>
            <a:miter lim="800000"/>
            <a:headEnd/>
            <a:tailEnd/>
          </a:ln>
        </p:spPr>
      </p:pic>
      <p:sp>
        <p:nvSpPr>
          <p:cNvPr id="6" name="円/楕円 5"/>
          <p:cNvSpPr/>
          <p:nvPr/>
        </p:nvSpPr>
        <p:spPr>
          <a:xfrm>
            <a:off x="4755863" y="1946308"/>
            <a:ext cx="144017" cy="144016"/>
          </a:xfrm>
          <a:prstGeom prst="ellipse">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テキスト ボックス 6"/>
          <p:cNvSpPr txBox="1"/>
          <p:nvPr/>
        </p:nvSpPr>
        <p:spPr>
          <a:xfrm>
            <a:off x="3656856" y="2709004"/>
            <a:ext cx="1170130" cy="307777"/>
          </a:xfrm>
          <a:prstGeom prst="rect">
            <a:avLst/>
          </a:prstGeom>
          <a:noFill/>
        </p:spPr>
        <p:txBody>
          <a:bodyPr wrap="square" rtlCol="0">
            <a:spAutoFit/>
          </a:bodyPr>
          <a:lstStyle/>
          <a:p>
            <a:pPr algn="ctr"/>
            <a:r>
              <a:rPr lang="ja-JP" altLang="en-US" sz="1400" dirty="0" smtClean="0">
                <a:latin typeface="Meiryo UI" pitchFamily="50" charset="-128"/>
                <a:ea typeface="Meiryo UI" pitchFamily="50" charset="-128"/>
                <a:cs typeface="Meiryo UI" pitchFamily="50" charset="-128"/>
              </a:rPr>
              <a:t>難波</a:t>
            </a:r>
            <a:r>
              <a:rPr kumimoji="1" lang="ja-JP" altLang="en-US" sz="1400" dirty="0" smtClean="0">
                <a:latin typeface="Meiryo UI" pitchFamily="50" charset="-128"/>
                <a:ea typeface="Meiryo UI" pitchFamily="50" charset="-128"/>
                <a:cs typeface="Meiryo UI" pitchFamily="50" charset="-128"/>
              </a:rPr>
              <a:t>周辺</a:t>
            </a:r>
            <a:endParaRPr kumimoji="1" lang="ja-JP" altLang="en-US" sz="1400" dirty="0">
              <a:latin typeface="Meiryo UI" pitchFamily="50" charset="-128"/>
              <a:ea typeface="Meiryo UI" pitchFamily="50" charset="-128"/>
              <a:cs typeface="Meiryo UI" pitchFamily="50" charset="-128"/>
            </a:endParaRPr>
          </a:p>
        </p:txBody>
      </p:sp>
      <p:cxnSp>
        <p:nvCxnSpPr>
          <p:cNvPr id="8" name="直線矢印コネクタ 7"/>
          <p:cNvCxnSpPr>
            <a:endCxn id="6" idx="4"/>
          </p:cNvCxnSpPr>
          <p:nvPr/>
        </p:nvCxnSpPr>
        <p:spPr>
          <a:xfrm flipV="1">
            <a:off x="4448944" y="2090324"/>
            <a:ext cx="378883" cy="618596"/>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200478" y="548683"/>
            <a:ext cx="3024336" cy="5909310"/>
          </a:xfrm>
          <a:prstGeom prst="rect">
            <a:avLst/>
          </a:prstGeom>
        </p:spPr>
        <p:txBody>
          <a:bodyPr wrap="square">
            <a:spAutoFit/>
          </a:bodyPr>
          <a:lstStyle/>
          <a:p>
            <a:r>
              <a:rPr lang="en-US" altLang="ja-JP" sz="1400" dirty="0" smtClean="0"/>
              <a:t>【</a:t>
            </a:r>
            <a:r>
              <a:rPr lang="ja-JP" altLang="en-US" sz="1400" dirty="0" smtClean="0"/>
              <a:t>地区の概要</a:t>
            </a:r>
            <a:r>
              <a:rPr lang="en-US" altLang="ja-JP" sz="1400" dirty="0" smtClean="0"/>
              <a:t>】</a:t>
            </a:r>
          </a:p>
          <a:p>
            <a:pPr marL="177800" indent="-177800"/>
            <a:r>
              <a:rPr lang="ja-JP" altLang="en-US" sz="1400" dirty="0" smtClean="0">
                <a:latin typeface="ＭＳ Ｐ明朝" pitchFamily="18" charset="-128"/>
                <a:ea typeface="ＭＳ Ｐ明朝" pitchFamily="18" charset="-128"/>
              </a:rPr>
              <a:t>　・中央区と浪速区にまたがる大阪を代表する商業エリア。</a:t>
            </a:r>
            <a:endParaRPr lang="en-US" altLang="ja-JP" sz="1400" dirty="0" smtClean="0">
              <a:latin typeface="ＭＳ Ｐ明朝" pitchFamily="18" charset="-128"/>
              <a:ea typeface="ＭＳ Ｐ明朝" pitchFamily="18" charset="-128"/>
            </a:endParaRPr>
          </a:p>
          <a:p>
            <a:pPr marL="177800" indent="-177800"/>
            <a:r>
              <a:rPr lang="ja-JP" altLang="en-US" sz="1400" dirty="0" smtClean="0">
                <a:latin typeface="ＭＳ Ｐ明朝" pitchFamily="18" charset="-128"/>
                <a:ea typeface="ＭＳ Ｐ明朝" pitchFamily="18" charset="-128"/>
              </a:rPr>
              <a:t>　・心斎橋も含むミナミエリアとしては、観光客からの人気も高い。</a:t>
            </a:r>
            <a:endParaRPr lang="en-US" altLang="ja-JP" sz="1400" dirty="0" smtClean="0">
              <a:latin typeface="ＭＳ Ｐ明朝" pitchFamily="18" charset="-128"/>
              <a:ea typeface="ＭＳ Ｐ明朝" pitchFamily="18" charset="-128"/>
            </a:endParaRPr>
          </a:p>
          <a:p>
            <a:pPr marL="177800" indent="-177800"/>
            <a:r>
              <a:rPr lang="ja-JP" altLang="en-US" sz="1400" dirty="0" smtClean="0">
                <a:latin typeface="ＭＳ Ｐ明朝" pitchFamily="18" charset="-128"/>
                <a:ea typeface="ＭＳ Ｐ明朝" pitchFamily="18" charset="-128"/>
              </a:rPr>
              <a:t>　・南海等の鉄道事業者</a:t>
            </a:r>
            <a:r>
              <a:rPr lang="ja-JP" altLang="ja-JP" sz="1400" dirty="0" smtClean="0">
                <a:latin typeface="ＭＳ Ｐ明朝" pitchFamily="18" charset="-128"/>
                <a:ea typeface="ＭＳ Ｐ明朝" pitchFamily="18" charset="-128"/>
              </a:rPr>
              <a:t>によるターミナルの近代化</a:t>
            </a:r>
            <a:r>
              <a:rPr lang="ja-JP" altLang="en-US" sz="1400" dirty="0" smtClean="0">
                <a:latin typeface="ＭＳ Ｐ明朝" pitchFamily="18" charset="-128"/>
                <a:ea typeface="ＭＳ Ｐ明朝" pitchFamily="18" charset="-128"/>
              </a:rPr>
              <a:t>や、とんぼりリバーウォークといった行政施設の民間による運営管理など、民間・地域が積極的にまちづくりに参加することによって、大阪を代表する商業・観光エリアを形成している。</a:t>
            </a:r>
            <a:endParaRPr lang="en-US" altLang="ja-JP" sz="1400" dirty="0" smtClean="0">
              <a:latin typeface="ＭＳ Ｐ明朝" pitchFamily="18" charset="-128"/>
              <a:ea typeface="ＭＳ Ｐ明朝" pitchFamily="18" charset="-128"/>
            </a:endParaRPr>
          </a:p>
          <a:p>
            <a:pPr marL="273050" indent="-273050"/>
            <a:r>
              <a:rPr lang="ja-JP" altLang="en-US" sz="1400" dirty="0" smtClean="0">
                <a:latin typeface="ＭＳ Ｐ明朝" pitchFamily="18" charset="-128"/>
                <a:ea typeface="ＭＳ Ｐ明朝" pitchFamily="18" charset="-128"/>
              </a:rPr>
              <a:t>　○土地利用・・・大型商業施設や商店街、百貨店のほか、多種多様な飲食・物販店舗などが立地</a:t>
            </a:r>
            <a:endParaRPr lang="en-US" altLang="ja-JP" sz="1400" dirty="0" smtClean="0">
              <a:latin typeface="ＭＳ Ｐ明朝" pitchFamily="18" charset="-128"/>
              <a:ea typeface="ＭＳ Ｐ明朝" pitchFamily="18" charset="-128"/>
            </a:endParaRPr>
          </a:p>
          <a:p>
            <a:pPr marL="273050" indent="-273050"/>
            <a:r>
              <a:rPr lang="ja-JP" altLang="en-US" sz="1400" dirty="0" smtClean="0">
                <a:latin typeface="ＭＳ Ｐ明朝" pitchFamily="18" charset="-128"/>
                <a:ea typeface="ＭＳ Ｐ明朝" pitchFamily="18" charset="-128"/>
              </a:rPr>
              <a:t>　○交通インフラ・・・難波駅（南海本線・高野線）、なんば駅（地下鉄御堂筋線・四つ橋線・千日前線）、大阪難波駅（近鉄難波線、阪神なんば線）、ＪＲ難波駅（ＪＲ関西本線）が乗り入れるなど、交通アクセスが至便</a:t>
            </a:r>
            <a:endParaRPr lang="en-US" altLang="ja-JP" sz="1400" dirty="0" smtClean="0">
              <a:latin typeface="ＭＳ Ｐ明朝" pitchFamily="18" charset="-128"/>
              <a:ea typeface="ＭＳ Ｐ明朝" pitchFamily="18" charset="-128"/>
            </a:endParaRPr>
          </a:p>
          <a:p>
            <a:pPr marL="273050" indent="-273050"/>
            <a:r>
              <a:rPr lang="ja-JP" altLang="en-US" sz="1400" dirty="0" smtClean="0">
                <a:latin typeface="ＭＳ Ｐ明朝" pitchFamily="18" charset="-128"/>
                <a:ea typeface="ＭＳ Ｐ明朝" pitchFamily="18" charset="-128"/>
              </a:rPr>
              <a:t>　○周辺施設・・・商業施設以外にも、なんばグランド花月や松竹座、国立文楽劇場、とんぼりリバーウォーク、なんば</a:t>
            </a:r>
            <a:r>
              <a:rPr lang="en-US" altLang="ja-JP" sz="1400" dirty="0" smtClean="0">
                <a:latin typeface="ＭＳ Ｐ明朝" pitchFamily="18" charset="-128"/>
                <a:ea typeface="ＭＳ Ｐ明朝" pitchFamily="18" charset="-128"/>
              </a:rPr>
              <a:t>Hatch</a:t>
            </a:r>
            <a:r>
              <a:rPr lang="ja-JP" altLang="en-US" sz="1400" dirty="0" smtClean="0">
                <a:latin typeface="ＭＳ Ｐ明朝" pitchFamily="18" charset="-128"/>
                <a:ea typeface="ＭＳ Ｐ明朝" pitchFamily="18" charset="-128"/>
              </a:rPr>
              <a:t>などの文化・観光関係施設が点在</a:t>
            </a:r>
            <a:endParaRPr lang="en-US" altLang="ja-JP" sz="1400" dirty="0" smtClean="0">
              <a:latin typeface="ＭＳ Ｐ明朝" pitchFamily="18" charset="-128"/>
              <a:ea typeface="ＭＳ Ｐ明朝" pitchFamily="18" charset="-128"/>
            </a:endParaRPr>
          </a:p>
        </p:txBody>
      </p:sp>
      <p:sp>
        <p:nvSpPr>
          <p:cNvPr id="16" name="テキスト ボックス 15"/>
          <p:cNvSpPr txBox="1"/>
          <p:nvPr/>
        </p:nvSpPr>
        <p:spPr>
          <a:xfrm>
            <a:off x="3512840" y="476672"/>
            <a:ext cx="6264696" cy="6340779"/>
          </a:xfrm>
          <a:prstGeom prst="rect">
            <a:avLst/>
          </a:prstGeom>
          <a:noFill/>
          <a:ln>
            <a:solidFill>
              <a:schemeClr val="tx1"/>
            </a:solidFill>
            <a:prstDash val="sysDash"/>
          </a:ln>
        </p:spPr>
        <p:txBody>
          <a:bodyPr wrap="square" rIns="36000" rtlCol="0">
            <a:spAutoFit/>
          </a:bodyPr>
          <a:lstStyle/>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a:p>
            <a:pPr marL="273050" indent="-273050"/>
            <a:endParaRPr lang="en-US" altLang="ja-JP" sz="1400" dirty="0" smtClean="0">
              <a:latin typeface="ＭＳ Ｐ明朝" pitchFamily="18" charset="-128"/>
              <a:ea typeface="ＭＳ Ｐ明朝" pitchFamily="18" charset="-128"/>
            </a:endParaRPr>
          </a:p>
        </p:txBody>
      </p:sp>
      <p:sp>
        <p:nvSpPr>
          <p:cNvPr id="17" name="テキスト ボックス 16"/>
          <p:cNvSpPr txBox="1"/>
          <p:nvPr/>
        </p:nvSpPr>
        <p:spPr>
          <a:xfrm>
            <a:off x="7689304" y="4077072"/>
            <a:ext cx="1224136" cy="195814"/>
          </a:xfrm>
          <a:prstGeom prst="rect">
            <a:avLst/>
          </a:prstGeom>
          <a:solidFill>
            <a:schemeClr val="bg1">
              <a:alpha val="50000"/>
            </a:schemeClr>
          </a:solidFill>
        </p:spPr>
        <p:txBody>
          <a:bodyPr wrap="square" lIns="36000" tIns="36000" rIns="36000" bIns="36000" rtlCol="0">
            <a:spAutoFit/>
          </a:bodyPr>
          <a:lstStyle/>
          <a:p>
            <a:r>
              <a:rPr lang="ja-JP" altLang="en-US" sz="800" dirty="0" smtClean="0">
                <a:latin typeface="Meiryo UI" pitchFamily="50" charset="-128"/>
                <a:ea typeface="Meiryo UI" pitchFamily="50" charset="-128"/>
                <a:cs typeface="Meiryo UI" pitchFamily="50" charset="-128"/>
              </a:rPr>
              <a:t>とんぼりリバーウォーク</a:t>
            </a:r>
            <a:endParaRPr kumimoji="1" lang="ja-JP" altLang="en-US" sz="800" dirty="0">
              <a:latin typeface="Meiryo UI" pitchFamily="50" charset="-128"/>
              <a:ea typeface="Meiryo UI" pitchFamily="50" charset="-128"/>
              <a:cs typeface="Meiryo UI" pitchFamily="50" charset="-128"/>
            </a:endParaRPr>
          </a:p>
        </p:txBody>
      </p:sp>
      <p:sp>
        <p:nvSpPr>
          <p:cNvPr id="18" name="テキスト ボックス 17"/>
          <p:cNvSpPr txBox="1"/>
          <p:nvPr/>
        </p:nvSpPr>
        <p:spPr>
          <a:xfrm>
            <a:off x="7329313" y="3284984"/>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smtClean="0">
                <a:latin typeface="Meiryo UI" pitchFamily="50" charset="-128"/>
                <a:ea typeface="Meiryo UI" pitchFamily="50" charset="-128"/>
                <a:cs typeface="Meiryo UI" pitchFamily="50" charset="-128"/>
              </a:rPr>
              <a:t>御堂筋</a:t>
            </a:r>
            <a:endParaRPr kumimoji="1" lang="ja-JP" altLang="en-US" sz="900" dirty="0">
              <a:latin typeface="Meiryo UI" pitchFamily="50" charset="-128"/>
              <a:ea typeface="Meiryo UI" pitchFamily="50" charset="-128"/>
              <a:cs typeface="Meiryo UI" pitchFamily="50" charset="-128"/>
            </a:endParaRPr>
          </a:p>
        </p:txBody>
      </p:sp>
      <p:sp>
        <p:nvSpPr>
          <p:cNvPr id="19" name="テキスト ボックス 18"/>
          <p:cNvSpPr txBox="1"/>
          <p:nvPr/>
        </p:nvSpPr>
        <p:spPr>
          <a:xfrm>
            <a:off x="7905329" y="1793026"/>
            <a:ext cx="432049" cy="195814"/>
          </a:xfrm>
          <a:prstGeom prst="rect">
            <a:avLst/>
          </a:prstGeom>
          <a:solidFill>
            <a:schemeClr val="bg1">
              <a:alpha val="50000"/>
            </a:schemeClr>
          </a:solidFill>
        </p:spPr>
        <p:txBody>
          <a:bodyPr wrap="square" lIns="36000" tIns="36000" rIns="36000" bIns="36000" rtlCol="0">
            <a:spAutoFit/>
          </a:bodyPr>
          <a:lstStyle/>
          <a:p>
            <a:r>
              <a:rPr lang="ja-JP" altLang="en-US" sz="800" dirty="0" smtClean="0">
                <a:latin typeface="Meiryo UI" pitchFamily="50" charset="-128"/>
                <a:ea typeface="Meiryo UI" pitchFamily="50" charset="-128"/>
                <a:cs typeface="Meiryo UI" pitchFamily="50" charset="-128"/>
              </a:rPr>
              <a:t>長堀通</a:t>
            </a:r>
            <a:endParaRPr kumimoji="1" lang="ja-JP" altLang="en-US" sz="800" dirty="0">
              <a:latin typeface="Meiryo UI" pitchFamily="50" charset="-128"/>
              <a:ea typeface="Meiryo UI" pitchFamily="50" charset="-128"/>
              <a:cs typeface="Meiryo UI" pitchFamily="50" charset="-128"/>
            </a:endParaRPr>
          </a:p>
        </p:txBody>
      </p:sp>
      <p:sp>
        <p:nvSpPr>
          <p:cNvPr id="20" name="テキスト ボックス 19"/>
          <p:cNvSpPr txBox="1"/>
          <p:nvPr/>
        </p:nvSpPr>
        <p:spPr>
          <a:xfrm>
            <a:off x="9417545" y="3212976"/>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smtClean="0">
                <a:latin typeface="Meiryo UI" pitchFamily="50" charset="-128"/>
                <a:ea typeface="Meiryo UI" pitchFamily="50" charset="-128"/>
                <a:cs typeface="Meiryo UI" pitchFamily="50" charset="-128"/>
              </a:rPr>
              <a:t>堺筋</a:t>
            </a:r>
            <a:endParaRPr kumimoji="1" lang="ja-JP" altLang="en-US" sz="900" dirty="0">
              <a:latin typeface="Meiryo UI" pitchFamily="50" charset="-128"/>
              <a:ea typeface="Meiryo UI" pitchFamily="50" charset="-128"/>
              <a:cs typeface="Meiryo UI" pitchFamily="50" charset="-128"/>
            </a:endParaRPr>
          </a:p>
        </p:txBody>
      </p:sp>
      <p:cxnSp>
        <p:nvCxnSpPr>
          <p:cNvPr id="22" name="直線コネクタ 21"/>
          <p:cNvCxnSpPr/>
          <p:nvPr/>
        </p:nvCxnSpPr>
        <p:spPr>
          <a:xfrm flipH="1">
            <a:off x="9335126" y="620688"/>
            <a:ext cx="154378" cy="6048672"/>
          </a:xfrm>
          <a:prstGeom prst="line">
            <a:avLst/>
          </a:pr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25" name="フリーフォーム 24"/>
          <p:cNvSpPr/>
          <p:nvPr/>
        </p:nvSpPr>
        <p:spPr>
          <a:xfrm>
            <a:off x="6825208" y="644570"/>
            <a:ext cx="799054" cy="6213430"/>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58772 w 858772"/>
              <a:gd name="connsiteY0" fmla="*/ 0 h 6319602"/>
              <a:gd name="connsiteX1" fmla="*/ 838580 w 858772"/>
              <a:gd name="connsiteY1" fmla="*/ 4612766 h 6319602"/>
              <a:gd name="connsiteX2" fmla="*/ 739932 w 858772"/>
              <a:gd name="connsiteY2" fmla="*/ 4735426 h 6319602"/>
              <a:gd name="connsiteX3" fmla="*/ 523908 w 858772"/>
              <a:gd name="connsiteY3" fmla="*/ 5023458 h 6319602"/>
              <a:gd name="connsiteX4" fmla="*/ 307884 w 858772"/>
              <a:gd name="connsiteY4" fmla="*/ 5311490 h 6319602"/>
              <a:gd name="connsiteX5" fmla="*/ 48005 w 858772"/>
              <a:gd name="connsiteY5" fmla="*/ 5670042 h 6319602"/>
              <a:gd name="connsiteX6" fmla="*/ 19853 w 858772"/>
              <a:gd name="connsiteY6" fmla="*/ 6031570 h 6319602"/>
              <a:gd name="connsiteX7" fmla="*/ 19852 w 858772"/>
              <a:gd name="connsiteY7" fmla="*/ 6319602 h 6319602"/>
              <a:gd name="connsiteX0" fmla="*/ 858772 w 858772"/>
              <a:gd name="connsiteY0" fmla="*/ 0 h 6319602"/>
              <a:gd name="connsiteX1" fmla="*/ 838580 w 858772"/>
              <a:gd name="connsiteY1" fmla="*/ 4612766 h 6319602"/>
              <a:gd name="connsiteX2" fmla="*/ 739932 w 858772"/>
              <a:gd name="connsiteY2" fmla="*/ 4735426 h 6319602"/>
              <a:gd name="connsiteX3" fmla="*/ 523908 w 858772"/>
              <a:gd name="connsiteY3" fmla="*/ 5023458 h 6319602"/>
              <a:gd name="connsiteX4" fmla="*/ 307884 w 858772"/>
              <a:gd name="connsiteY4" fmla="*/ 5311490 h 6319602"/>
              <a:gd name="connsiteX5" fmla="*/ 48005 w 858772"/>
              <a:gd name="connsiteY5" fmla="*/ 5670042 h 6319602"/>
              <a:gd name="connsiteX6" fmla="*/ 19852 w 858772"/>
              <a:gd name="connsiteY6" fmla="*/ 6319602 h 6319602"/>
              <a:gd name="connsiteX0" fmla="*/ 810767 w 810767"/>
              <a:gd name="connsiteY0" fmla="*/ 0 h 5670042"/>
              <a:gd name="connsiteX1" fmla="*/ 790575 w 810767"/>
              <a:gd name="connsiteY1" fmla="*/ 4612766 h 5670042"/>
              <a:gd name="connsiteX2" fmla="*/ 691927 w 810767"/>
              <a:gd name="connsiteY2" fmla="*/ 4735426 h 5670042"/>
              <a:gd name="connsiteX3" fmla="*/ 475903 w 810767"/>
              <a:gd name="connsiteY3" fmla="*/ 5023458 h 5670042"/>
              <a:gd name="connsiteX4" fmla="*/ 259879 w 810767"/>
              <a:gd name="connsiteY4" fmla="*/ 5311490 h 5670042"/>
              <a:gd name="connsiteX5" fmla="*/ 0 w 810767"/>
              <a:gd name="connsiteY5" fmla="*/ 5670042 h 5670042"/>
              <a:gd name="connsiteX0" fmla="*/ 740885 w 740885"/>
              <a:gd name="connsiteY0" fmla="*/ 0 h 5714666"/>
              <a:gd name="connsiteX1" fmla="*/ 720693 w 740885"/>
              <a:gd name="connsiteY1" fmla="*/ 4612766 h 5714666"/>
              <a:gd name="connsiteX2" fmla="*/ 622045 w 740885"/>
              <a:gd name="connsiteY2" fmla="*/ 4735426 h 5714666"/>
              <a:gd name="connsiteX3" fmla="*/ 406021 w 740885"/>
              <a:gd name="connsiteY3" fmla="*/ 5023458 h 5714666"/>
              <a:gd name="connsiteX4" fmla="*/ 189997 w 740885"/>
              <a:gd name="connsiteY4" fmla="*/ 5311490 h 5714666"/>
              <a:gd name="connsiteX5" fmla="*/ 0 w 740885"/>
              <a:gd name="connsiteY5" fmla="*/ 5714666 h 5714666"/>
              <a:gd name="connsiteX0" fmla="*/ 740885 w 740885"/>
              <a:gd name="connsiteY0" fmla="*/ 0 h 5714666"/>
              <a:gd name="connsiteX1" fmla="*/ 720693 w 740885"/>
              <a:gd name="connsiteY1" fmla="*/ 4612766 h 5714666"/>
              <a:gd name="connsiteX2" fmla="*/ 622045 w 740885"/>
              <a:gd name="connsiteY2" fmla="*/ 4735426 h 5714666"/>
              <a:gd name="connsiteX3" fmla="*/ 406021 w 740885"/>
              <a:gd name="connsiteY3" fmla="*/ 5023458 h 5714666"/>
              <a:gd name="connsiteX4" fmla="*/ 209645 w 740885"/>
              <a:gd name="connsiteY4" fmla="*/ 5237994 h 5714666"/>
              <a:gd name="connsiteX5" fmla="*/ 0 w 740885"/>
              <a:gd name="connsiteY5" fmla="*/ 5714666 h 5714666"/>
              <a:gd name="connsiteX0" fmla="*/ 740885 w 740885"/>
              <a:gd name="connsiteY0" fmla="*/ 0 h 5714666"/>
              <a:gd name="connsiteX1" fmla="*/ 720693 w 740885"/>
              <a:gd name="connsiteY1" fmla="*/ 4612766 h 5714666"/>
              <a:gd name="connsiteX2" fmla="*/ 622045 w 740885"/>
              <a:gd name="connsiteY2" fmla="*/ 4735426 h 5714666"/>
              <a:gd name="connsiteX3" fmla="*/ 406021 w 740885"/>
              <a:gd name="connsiteY3" fmla="*/ 5023458 h 5714666"/>
              <a:gd name="connsiteX4" fmla="*/ 209645 w 740885"/>
              <a:gd name="connsiteY4" fmla="*/ 5237994 h 5714666"/>
              <a:gd name="connsiteX5" fmla="*/ 0 w 740885"/>
              <a:gd name="connsiteY5" fmla="*/ 5714666 h 5714666"/>
              <a:gd name="connsiteX0" fmla="*/ 775459 w 775459"/>
              <a:gd name="connsiteY0" fmla="*/ 0 h 6213430"/>
              <a:gd name="connsiteX1" fmla="*/ 720693 w 775459"/>
              <a:gd name="connsiteY1" fmla="*/ 5111530 h 6213430"/>
              <a:gd name="connsiteX2" fmla="*/ 622045 w 775459"/>
              <a:gd name="connsiteY2" fmla="*/ 5234190 h 6213430"/>
              <a:gd name="connsiteX3" fmla="*/ 406021 w 775459"/>
              <a:gd name="connsiteY3" fmla="*/ 5522222 h 6213430"/>
              <a:gd name="connsiteX4" fmla="*/ 209645 w 775459"/>
              <a:gd name="connsiteY4" fmla="*/ 5736758 h 6213430"/>
              <a:gd name="connsiteX5" fmla="*/ 0 w 775459"/>
              <a:gd name="connsiteY5" fmla="*/ 6213430 h 62134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775459" h="6213430">
                <a:moveTo>
                  <a:pt x="775459" y="0"/>
                </a:moveTo>
                <a:cubicBezTo>
                  <a:pt x="773078" y="899319"/>
                  <a:pt x="715931" y="4452718"/>
                  <a:pt x="720693" y="5111530"/>
                </a:cubicBezTo>
                <a:lnTo>
                  <a:pt x="622045" y="5234190"/>
                </a:lnTo>
                <a:cubicBezTo>
                  <a:pt x="569600" y="5302639"/>
                  <a:pt x="474754" y="5438461"/>
                  <a:pt x="406021" y="5522222"/>
                </a:cubicBezTo>
                <a:cubicBezTo>
                  <a:pt x="337288" y="5605983"/>
                  <a:pt x="277315" y="5621557"/>
                  <a:pt x="209645" y="5736758"/>
                </a:cubicBezTo>
                <a:cubicBezTo>
                  <a:pt x="141975" y="5851959"/>
                  <a:pt x="48005" y="6045411"/>
                  <a:pt x="0" y="6213430"/>
                </a:cubicBez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6" name="正方形/長方形 25"/>
          <p:cNvSpPr/>
          <p:nvPr/>
        </p:nvSpPr>
        <p:spPr>
          <a:xfrm>
            <a:off x="7508377" y="5035733"/>
            <a:ext cx="108965"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9273526" y="4747701"/>
            <a:ext cx="108965"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正方形/長方形 29"/>
          <p:cNvSpPr/>
          <p:nvPr/>
        </p:nvSpPr>
        <p:spPr>
          <a:xfrm>
            <a:off x="7473280" y="2132940"/>
            <a:ext cx="144016" cy="913631"/>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正方形/長方形 31"/>
          <p:cNvSpPr/>
          <p:nvPr/>
        </p:nvSpPr>
        <p:spPr>
          <a:xfrm>
            <a:off x="9417542" y="2132940"/>
            <a:ext cx="108965"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フリーフォーム 32"/>
          <p:cNvSpPr/>
          <p:nvPr/>
        </p:nvSpPr>
        <p:spPr>
          <a:xfrm>
            <a:off x="6338230" y="629393"/>
            <a:ext cx="487001" cy="6164983"/>
          </a:xfrm>
          <a:custGeom>
            <a:avLst/>
            <a:gdLst>
              <a:gd name="connsiteX0" fmla="*/ 608012 w 627062"/>
              <a:gd name="connsiteY0" fmla="*/ 3581400 h 3581400"/>
              <a:gd name="connsiteX1" fmla="*/ 627062 w 627062"/>
              <a:gd name="connsiteY1" fmla="*/ 2305050 h 3581400"/>
              <a:gd name="connsiteX2" fmla="*/ 627062 w 627062"/>
              <a:gd name="connsiteY2" fmla="*/ 2305050 h 3581400"/>
              <a:gd name="connsiteX3" fmla="*/ 93662 w 627062"/>
              <a:gd name="connsiteY3" fmla="*/ 857250 h 3581400"/>
              <a:gd name="connsiteX4" fmla="*/ 65087 w 627062"/>
              <a:gd name="connsiteY4" fmla="*/ 609600 h 3581400"/>
              <a:gd name="connsiteX5" fmla="*/ 93662 w 627062"/>
              <a:gd name="connsiteY5" fmla="*/ 0 h 3581400"/>
              <a:gd name="connsiteX6" fmla="*/ 93662 w 627062"/>
              <a:gd name="connsiteY6" fmla="*/ 0 h 3581400"/>
              <a:gd name="connsiteX0" fmla="*/ 608012 w 627062"/>
              <a:gd name="connsiteY0" fmla="*/ 5741640 h 5741640"/>
              <a:gd name="connsiteX1" fmla="*/ 627062 w 627062"/>
              <a:gd name="connsiteY1" fmla="*/ 4465290 h 5741640"/>
              <a:gd name="connsiteX2" fmla="*/ 627062 w 627062"/>
              <a:gd name="connsiteY2" fmla="*/ 4465290 h 5741640"/>
              <a:gd name="connsiteX3" fmla="*/ 93662 w 627062"/>
              <a:gd name="connsiteY3" fmla="*/ 3017490 h 5741640"/>
              <a:gd name="connsiteX4" fmla="*/ 65087 w 627062"/>
              <a:gd name="connsiteY4" fmla="*/ 2769840 h 5741640"/>
              <a:gd name="connsiteX5" fmla="*/ 93662 w 627062"/>
              <a:gd name="connsiteY5" fmla="*/ 2160240 h 5741640"/>
              <a:gd name="connsiteX6" fmla="*/ 329662 w 627062"/>
              <a:gd name="connsiteY6" fmla="*/ 0 h 5741640"/>
              <a:gd name="connsiteX0" fmla="*/ 608013 w 627063"/>
              <a:gd name="connsiteY0" fmla="*/ 5741640 h 5741640"/>
              <a:gd name="connsiteX1" fmla="*/ 627063 w 627063"/>
              <a:gd name="connsiteY1" fmla="*/ 4465290 h 5741640"/>
              <a:gd name="connsiteX2" fmla="*/ 627063 w 627063"/>
              <a:gd name="connsiteY2" fmla="*/ 4680520 h 5741640"/>
              <a:gd name="connsiteX3" fmla="*/ 93663 w 627063"/>
              <a:gd name="connsiteY3" fmla="*/ 3017490 h 5741640"/>
              <a:gd name="connsiteX4" fmla="*/ 65088 w 627063"/>
              <a:gd name="connsiteY4" fmla="*/ 2769840 h 5741640"/>
              <a:gd name="connsiteX5" fmla="*/ 93663 w 627063"/>
              <a:gd name="connsiteY5" fmla="*/ 2160240 h 5741640"/>
              <a:gd name="connsiteX6" fmla="*/ 329663 w 627063"/>
              <a:gd name="connsiteY6" fmla="*/ 0 h 5741640"/>
              <a:gd name="connsiteX0" fmla="*/ 570937 w 589987"/>
              <a:gd name="connsiteY0" fmla="*/ 5741640 h 5741640"/>
              <a:gd name="connsiteX1" fmla="*/ 589987 w 589987"/>
              <a:gd name="connsiteY1" fmla="*/ 4465290 h 5741640"/>
              <a:gd name="connsiteX2" fmla="*/ 589987 w 589987"/>
              <a:gd name="connsiteY2" fmla="*/ 4680520 h 5741640"/>
              <a:gd name="connsiteX3" fmla="*/ 224657 w 589987"/>
              <a:gd name="connsiteY3" fmla="*/ 3464917 h 5741640"/>
              <a:gd name="connsiteX4" fmla="*/ 28012 w 589987"/>
              <a:gd name="connsiteY4" fmla="*/ 2769840 h 5741640"/>
              <a:gd name="connsiteX5" fmla="*/ 56587 w 589987"/>
              <a:gd name="connsiteY5" fmla="*/ 2160240 h 5741640"/>
              <a:gd name="connsiteX6" fmla="*/ 292587 w 589987"/>
              <a:gd name="connsiteY6" fmla="*/ 0 h 5741640"/>
              <a:gd name="connsiteX0" fmla="*/ 568893 w 587943"/>
              <a:gd name="connsiteY0" fmla="*/ 5741640 h 5741640"/>
              <a:gd name="connsiteX1" fmla="*/ 587943 w 587943"/>
              <a:gd name="connsiteY1" fmla="*/ 4465290 h 5741640"/>
              <a:gd name="connsiteX2" fmla="*/ 587943 w 587943"/>
              <a:gd name="connsiteY2" fmla="*/ 4680520 h 5741640"/>
              <a:gd name="connsiteX3" fmla="*/ 210352 w 587943"/>
              <a:gd name="connsiteY3" fmla="*/ 3500543 h 5741640"/>
              <a:gd name="connsiteX4" fmla="*/ 25968 w 587943"/>
              <a:gd name="connsiteY4" fmla="*/ 2769840 h 5741640"/>
              <a:gd name="connsiteX5" fmla="*/ 54543 w 587943"/>
              <a:gd name="connsiteY5" fmla="*/ 2160240 h 5741640"/>
              <a:gd name="connsiteX6" fmla="*/ 290543 w 587943"/>
              <a:gd name="connsiteY6" fmla="*/ 0 h 5741640"/>
              <a:gd name="connsiteX0" fmla="*/ 548228 w 567278"/>
              <a:gd name="connsiteY0" fmla="*/ 5741640 h 5741640"/>
              <a:gd name="connsiteX1" fmla="*/ 567278 w 567278"/>
              <a:gd name="connsiteY1" fmla="*/ 4465290 h 5741640"/>
              <a:gd name="connsiteX2" fmla="*/ 567278 w 567278"/>
              <a:gd name="connsiteY2" fmla="*/ 4680520 h 5741640"/>
              <a:gd name="connsiteX3" fmla="*/ 189687 w 567278"/>
              <a:gd name="connsiteY3" fmla="*/ 3500543 h 5741640"/>
              <a:gd name="connsiteX4" fmla="*/ 66611 w 567278"/>
              <a:gd name="connsiteY4" fmla="*/ 2971720 h 5741640"/>
              <a:gd name="connsiteX5" fmla="*/ 33878 w 567278"/>
              <a:gd name="connsiteY5" fmla="*/ 2160240 h 5741640"/>
              <a:gd name="connsiteX6" fmla="*/ 269878 w 567278"/>
              <a:gd name="connsiteY6" fmla="*/ 0 h 5741640"/>
              <a:gd name="connsiteX0" fmla="*/ 491236 w 510286"/>
              <a:gd name="connsiteY0" fmla="*/ 5741640 h 5741640"/>
              <a:gd name="connsiteX1" fmla="*/ 510286 w 510286"/>
              <a:gd name="connsiteY1" fmla="*/ 4465290 h 5741640"/>
              <a:gd name="connsiteX2" fmla="*/ 510286 w 510286"/>
              <a:gd name="connsiteY2" fmla="*/ 4680520 h 5741640"/>
              <a:gd name="connsiteX3" fmla="*/ 132695 w 510286"/>
              <a:gd name="connsiteY3" fmla="*/ 3500543 h 5741640"/>
              <a:gd name="connsiteX4" fmla="*/ 9619 w 510286"/>
              <a:gd name="connsiteY4" fmla="*/ 2971720 h 5741640"/>
              <a:gd name="connsiteX5" fmla="*/ 74978 w 510286"/>
              <a:gd name="connsiteY5" fmla="*/ 1982110 h 5741640"/>
              <a:gd name="connsiteX6" fmla="*/ 212886 w 510286"/>
              <a:gd name="connsiteY6" fmla="*/ 0 h 5741640"/>
              <a:gd name="connsiteX0" fmla="*/ 491236 w 510286"/>
              <a:gd name="connsiteY0" fmla="*/ 5741640 h 5741640"/>
              <a:gd name="connsiteX1" fmla="*/ 510286 w 510286"/>
              <a:gd name="connsiteY1" fmla="*/ 5544616 h 5741640"/>
              <a:gd name="connsiteX2" fmla="*/ 510286 w 510286"/>
              <a:gd name="connsiteY2" fmla="*/ 4465290 h 5741640"/>
              <a:gd name="connsiteX3" fmla="*/ 510286 w 510286"/>
              <a:gd name="connsiteY3" fmla="*/ 4680520 h 5741640"/>
              <a:gd name="connsiteX4" fmla="*/ 132695 w 510286"/>
              <a:gd name="connsiteY4" fmla="*/ 3500543 h 5741640"/>
              <a:gd name="connsiteX5" fmla="*/ 9619 w 510286"/>
              <a:gd name="connsiteY5" fmla="*/ 2971720 h 5741640"/>
              <a:gd name="connsiteX6" fmla="*/ 74978 w 510286"/>
              <a:gd name="connsiteY6" fmla="*/ 1982110 h 5741640"/>
              <a:gd name="connsiteX7" fmla="*/ 212886 w 510286"/>
              <a:gd name="connsiteY7" fmla="*/ 0 h 5741640"/>
              <a:gd name="connsiteX0" fmla="*/ 491236 w 510286"/>
              <a:gd name="connsiteY0" fmla="*/ 5741640 h 5741640"/>
              <a:gd name="connsiteX1" fmla="*/ 510286 w 510286"/>
              <a:gd name="connsiteY1" fmla="*/ 5544616 h 5741640"/>
              <a:gd name="connsiteX2" fmla="*/ 510286 w 510286"/>
              <a:gd name="connsiteY2" fmla="*/ 4643420 h 5741640"/>
              <a:gd name="connsiteX3" fmla="*/ 510286 w 510286"/>
              <a:gd name="connsiteY3" fmla="*/ 4680520 h 5741640"/>
              <a:gd name="connsiteX4" fmla="*/ 132695 w 510286"/>
              <a:gd name="connsiteY4" fmla="*/ 3500543 h 5741640"/>
              <a:gd name="connsiteX5" fmla="*/ 9619 w 510286"/>
              <a:gd name="connsiteY5" fmla="*/ 2971720 h 5741640"/>
              <a:gd name="connsiteX6" fmla="*/ 74978 w 510286"/>
              <a:gd name="connsiteY6" fmla="*/ 1982110 h 5741640"/>
              <a:gd name="connsiteX7" fmla="*/ 212886 w 510286"/>
              <a:gd name="connsiteY7" fmla="*/ 0 h 5741640"/>
              <a:gd name="connsiteX0" fmla="*/ 483791 w 502841"/>
              <a:gd name="connsiteY0" fmla="*/ 5741640 h 5741640"/>
              <a:gd name="connsiteX1" fmla="*/ 502841 w 502841"/>
              <a:gd name="connsiteY1" fmla="*/ 5544616 h 5741640"/>
              <a:gd name="connsiteX2" fmla="*/ 502841 w 502841"/>
              <a:gd name="connsiteY2" fmla="*/ 4643420 h 5741640"/>
              <a:gd name="connsiteX3" fmla="*/ 502841 w 502841"/>
              <a:gd name="connsiteY3" fmla="*/ 4680520 h 5741640"/>
              <a:gd name="connsiteX4" fmla="*/ 125250 w 502841"/>
              <a:gd name="connsiteY4" fmla="*/ 3500543 h 5741640"/>
              <a:gd name="connsiteX5" fmla="*/ 2174 w 502841"/>
              <a:gd name="connsiteY5" fmla="*/ 2971720 h 5741640"/>
              <a:gd name="connsiteX6" fmla="*/ 112206 w 502841"/>
              <a:gd name="connsiteY6" fmla="*/ 1786979 h 5741640"/>
              <a:gd name="connsiteX7" fmla="*/ 205441 w 502841"/>
              <a:gd name="connsiteY7" fmla="*/ 0 h 5741640"/>
              <a:gd name="connsiteX0" fmla="*/ 483791 w 502841"/>
              <a:gd name="connsiteY0" fmla="*/ 5927477 h 5927477"/>
              <a:gd name="connsiteX1" fmla="*/ 502841 w 502841"/>
              <a:gd name="connsiteY1" fmla="*/ 5730453 h 5927477"/>
              <a:gd name="connsiteX2" fmla="*/ 502841 w 502841"/>
              <a:gd name="connsiteY2" fmla="*/ 4829257 h 5927477"/>
              <a:gd name="connsiteX3" fmla="*/ 502841 w 502841"/>
              <a:gd name="connsiteY3" fmla="*/ 4866357 h 5927477"/>
              <a:gd name="connsiteX4" fmla="*/ 125250 w 502841"/>
              <a:gd name="connsiteY4" fmla="*/ 3686380 h 5927477"/>
              <a:gd name="connsiteX5" fmla="*/ 2174 w 502841"/>
              <a:gd name="connsiteY5" fmla="*/ 3157557 h 5927477"/>
              <a:gd name="connsiteX6" fmla="*/ 112206 w 502841"/>
              <a:gd name="connsiteY6" fmla="*/ 1972816 h 5927477"/>
              <a:gd name="connsiteX7" fmla="*/ 297600 w 502841"/>
              <a:gd name="connsiteY7" fmla="*/ 0 h 5927477"/>
              <a:gd name="connsiteX0" fmla="*/ 483791 w 502841"/>
              <a:gd name="connsiteY0" fmla="*/ 5927477 h 5927477"/>
              <a:gd name="connsiteX1" fmla="*/ 502841 w 502841"/>
              <a:gd name="connsiteY1" fmla="*/ 5730453 h 5927477"/>
              <a:gd name="connsiteX2" fmla="*/ 502841 w 502841"/>
              <a:gd name="connsiteY2" fmla="*/ 4829257 h 5927477"/>
              <a:gd name="connsiteX3" fmla="*/ 502841 w 502841"/>
              <a:gd name="connsiteY3" fmla="*/ 4866357 h 5927477"/>
              <a:gd name="connsiteX4" fmla="*/ 125250 w 502841"/>
              <a:gd name="connsiteY4" fmla="*/ 3686380 h 5927477"/>
              <a:gd name="connsiteX5" fmla="*/ 2174 w 502841"/>
              <a:gd name="connsiteY5" fmla="*/ 3157557 h 5927477"/>
              <a:gd name="connsiteX6" fmla="*/ 112206 w 502841"/>
              <a:gd name="connsiteY6" fmla="*/ 1972816 h 5927477"/>
              <a:gd name="connsiteX7" fmla="*/ 236291 w 502841"/>
              <a:gd name="connsiteY7" fmla="*/ 415637 h 5927477"/>
              <a:gd name="connsiteX8" fmla="*/ 297600 w 502841"/>
              <a:gd name="connsiteY8" fmla="*/ 0 h 5927477"/>
              <a:gd name="connsiteX0" fmla="*/ 483791 w 502841"/>
              <a:gd name="connsiteY0" fmla="*/ 5927477 h 5927477"/>
              <a:gd name="connsiteX1" fmla="*/ 502841 w 502841"/>
              <a:gd name="connsiteY1" fmla="*/ 5730453 h 5927477"/>
              <a:gd name="connsiteX2" fmla="*/ 502841 w 502841"/>
              <a:gd name="connsiteY2" fmla="*/ 4829257 h 5927477"/>
              <a:gd name="connsiteX3" fmla="*/ 502841 w 502841"/>
              <a:gd name="connsiteY3" fmla="*/ 4866357 h 5927477"/>
              <a:gd name="connsiteX4" fmla="*/ 125250 w 502841"/>
              <a:gd name="connsiteY4" fmla="*/ 3686380 h 5927477"/>
              <a:gd name="connsiteX5" fmla="*/ 2174 w 502841"/>
              <a:gd name="connsiteY5" fmla="*/ 3157557 h 5927477"/>
              <a:gd name="connsiteX6" fmla="*/ 112206 w 502841"/>
              <a:gd name="connsiteY6" fmla="*/ 1972816 h 5927477"/>
              <a:gd name="connsiteX7" fmla="*/ 278623 w 502841"/>
              <a:gd name="connsiteY7" fmla="*/ 441287 h 5927477"/>
              <a:gd name="connsiteX8" fmla="*/ 297600 w 502841"/>
              <a:gd name="connsiteY8" fmla="*/ 0 h 5927477"/>
              <a:gd name="connsiteX0" fmla="*/ 483791 w 502841"/>
              <a:gd name="connsiteY0" fmla="*/ 6164983 h 6164983"/>
              <a:gd name="connsiteX1" fmla="*/ 502841 w 502841"/>
              <a:gd name="connsiteY1" fmla="*/ 5967959 h 6164983"/>
              <a:gd name="connsiteX2" fmla="*/ 502841 w 502841"/>
              <a:gd name="connsiteY2" fmla="*/ 5066763 h 6164983"/>
              <a:gd name="connsiteX3" fmla="*/ 502841 w 502841"/>
              <a:gd name="connsiteY3" fmla="*/ 5103863 h 6164983"/>
              <a:gd name="connsiteX4" fmla="*/ 125250 w 502841"/>
              <a:gd name="connsiteY4" fmla="*/ 3923886 h 6164983"/>
              <a:gd name="connsiteX5" fmla="*/ 2174 w 502841"/>
              <a:gd name="connsiteY5" fmla="*/ 3395063 h 6164983"/>
              <a:gd name="connsiteX6" fmla="*/ 112206 w 502841"/>
              <a:gd name="connsiteY6" fmla="*/ 2210322 h 6164983"/>
              <a:gd name="connsiteX7" fmla="*/ 278623 w 502841"/>
              <a:gd name="connsiteY7" fmla="*/ 678793 h 6164983"/>
              <a:gd name="connsiteX8" fmla="*/ 248555 w 502841"/>
              <a:gd name="connsiteY8" fmla="*/ 0 h 616498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502841" h="6164983">
                <a:moveTo>
                  <a:pt x="483791" y="6164983"/>
                </a:moveTo>
                <a:lnTo>
                  <a:pt x="502841" y="5967959"/>
                </a:lnTo>
                <a:lnTo>
                  <a:pt x="502841" y="5066763"/>
                </a:lnTo>
                <a:lnTo>
                  <a:pt x="502841" y="5103863"/>
                </a:lnTo>
                <a:cubicBezTo>
                  <a:pt x="413941" y="4862563"/>
                  <a:pt x="208694" y="4208686"/>
                  <a:pt x="125250" y="3923886"/>
                </a:cubicBezTo>
                <a:cubicBezTo>
                  <a:pt x="41806" y="3639086"/>
                  <a:pt x="4348" y="3680657"/>
                  <a:pt x="2174" y="3395063"/>
                </a:cubicBezTo>
                <a:cubicBezTo>
                  <a:pt x="0" y="3109469"/>
                  <a:pt x="66131" y="2663034"/>
                  <a:pt x="112206" y="2210322"/>
                </a:cubicBezTo>
                <a:cubicBezTo>
                  <a:pt x="158281" y="1757610"/>
                  <a:pt x="255898" y="1047180"/>
                  <a:pt x="278623" y="678793"/>
                </a:cubicBezTo>
                <a:cubicBezTo>
                  <a:pt x="301348" y="310406"/>
                  <a:pt x="238337" y="69273"/>
                  <a:pt x="248555" y="0"/>
                </a:cubicBezTo>
              </a:path>
            </a:pathLst>
          </a:custGeom>
          <a:ln w="19050" cmpd="sng">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34" name="正方形/長方形 33"/>
          <p:cNvSpPr/>
          <p:nvPr/>
        </p:nvSpPr>
        <p:spPr>
          <a:xfrm>
            <a:off x="6393160" y="2083323"/>
            <a:ext cx="144016" cy="625599"/>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rot="19727314">
            <a:off x="7708710" y="5932433"/>
            <a:ext cx="274980" cy="707536"/>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フリーフォーム 36"/>
          <p:cNvSpPr/>
          <p:nvPr/>
        </p:nvSpPr>
        <p:spPr>
          <a:xfrm rot="5400000">
            <a:off x="7653300" y="2816933"/>
            <a:ext cx="288032" cy="4104456"/>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307884 w 838580"/>
              <a:gd name="connsiteY3" fmla="*/ 3156174 h 4164286"/>
              <a:gd name="connsiteX4" fmla="*/ 48005 w 838580"/>
              <a:gd name="connsiteY4" fmla="*/ 3514726 h 4164286"/>
              <a:gd name="connsiteX5" fmla="*/ 19853 w 838580"/>
              <a:gd name="connsiteY5" fmla="*/ 3876254 h 4164286"/>
              <a:gd name="connsiteX6" fmla="*/ 19852 w 838580"/>
              <a:gd name="connsiteY6" fmla="*/ 4164286 h 4164286"/>
              <a:gd name="connsiteX0" fmla="*/ 910588 w 910588"/>
              <a:gd name="connsiteY0" fmla="*/ 0 h 4164286"/>
              <a:gd name="connsiteX1" fmla="*/ 853438 w 910588"/>
              <a:gd name="connsiteY1" fmla="*/ 2457450 h 4164286"/>
              <a:gd name="connsiteX2" fmla="*/ 811940 w 910588"/>
              <a:gd name="connsiteY2" fmla="*/ 2580110 h 4164286"/>
              <a:gd name="connsiteX3" fmla="*/ 120013 w 910588"/>
              <a:gd name="connsiteY3" fmla="*/ 3514726 h 4164286"/>
              <a:gd name="connsiteX4" fmla="*/ 91861 w 910588"/>
              <a:gd name="connsiteY4" fmla="*/ 3876254 h 4164286"/>
              <a:gd name="connsiteX5" fmla="*/ 91860 w 910588"/>
              <a:gd name="connsiteY5" fmla="*/ 4164286 h 4164286"/>
              <a:gd name="connsiteX0" fmla="*/ 910588 w 910588"/>
              <a:gd name="connsiteY0" fmla="*/ 0 h 4157651"/>
              <a:gd name="connsiteX1" fmla="*/ 853438 w 910588"/>
              <a:gd name="connsiteY1" fmla="*/ 2457450 h 4157651"/>
              <a:gd name="connsiteX2" fmla="*/ 811940 w 910588"/>
              <a:gd name="connsiteY2" fmla="*/ 2580110 h 4157651"/>
              <a:gd name="connsiteX3" fmla="*/ 120013 w 910588"/>
              <a:gd name="connsiteY3" fmla="*/ 3514726 h 4157651"/>
              <a:gd name="connsiteX4" fmla="*/ 91861 w 910588"/>
              <a:gd name="connsiteY4" fmla="*/ 3876254 h 4157651"/>
              <a:gd name="connsiteX5" fmla="*/ 468668 w 910588"/>
              <a:gd name="connsiteY5" fmla="*/ 4157651 h 4157651"/>
              <a:gd name="connsiteX0" fmla="*/ 847787 w 847787"/>
              <a:gd name="connsiteY0" fmla="*/ 0 h 4157651"/>
              <a:gd name="connsiteX1" fmla="*/ 790637 w 847787"/>
              <a:gd name="connsiteY1" fmla="*/ 2457450 h 4157651"/>
              <a:gd name="connsiteX2" fmla="*/ 749139 w 847787"/>
              <a:gd name="connsiteY2" fmla="*/ 2580110 h 4157651"/>
              <a:gd name="connsiteX3" fmla="*/ 57212 w 847787"/>
              <a:gd name="connsiteY3" fmla="*/ 3514726 h 4157651"/>
              <a:gd name="connsiteX4" fmla="*/ 405867 w 847787"/>
              <a:gd name="connsiteY4" fmla="*/ 4157651 h 4157651"/>
              <a:gd name="connsiteX0" fmla="*/ 441920 w 441920"/>
              <a:gd name="connsiteY0" fmla="*/ 0 h 4157651"/>
              <a:gd name="connsiteX1" fmla="*/ 384770 w 441920"/>
              <a:gd name="connsiteY1" fmla="*/ 2457450 h 4157651"/>
              <a:gd name="connsiteX2" fmla="*/ 343272 w 441920"/>
              <a:gd name="connsiteY2" fmla="*/ 2580110 h 4157651"/>
              <a:gd name="connsiteX3" fmla="*/ 0 w 441920"/>
              <a:gd name="connsiteY3" fmla="*/ 4157651 h 4157651"/>
              <a:gd name="connsiteX0" fmla="*/ 441920 w 441920"/>
              <a:gd name="connsiteY0" fmla="*/ 0 h 4157651"/>
              <a:gd name="connsiteX1" fmla="*/ 384770 w 441920"/>
              <a:gd name="connsiteY1" fmla="*/ 2457450 h 4157651"/>
              <a:gd name="connsiteX2" fmla="*/ 304800 w 441920"/>
              <a:gd name="connsiteY2" fmla="*/ 3282483 h 4157651"/>
              <a:gd name="connsiteX3" fmla="*/ 0 w 441920"/>
              <a:gd name="connsiteY3" fmla="*/ 4157651 h 4157651"/>
              <a:gd name="connsiteX0" fmla="*/ 430882 w 430882"/>
              <a:gd name="connsiteY0" fmla="*/ 0 h 4118393"/>
              <a:gd name="connsiteX1" fmla="*/ 384770 w 430882"/>
              <a:gd name="connsiteY1" fmla="*/ 2418192 h 4118393"/>
              <a:gd name="connsiteX2" fmla="*/ 304800 w 430882"/>
              <a:gd name="connsiteY2" fmla="*/ 3243225 h 4118393"/>
              <a:gd name="connsiteX3" fmla="*/ 0 w 430882"/>
              <a:gd name="connsiteY3"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57 h 4118450"/>
              <a:gd name="connsiteX1" fmla="*/ 430883 w 445868"/>
              <a:gd name="connsiteY1" fmla="*/ 1012154 h 4118450"/>
              <a:gd name="connsiteX2" fmla="*/ 340965 w 445868"/>
              <a:gd name="connsiteY2" fmla="*/ 2428276 h 4118450"/>
              <a:gd name="connsiteX3" fmla="*/ 304800 w 445868"/>
              <a:gd name="connsiteY3" fmla="*/ 3243282 h 4118450"/>
              <a:gd name="connsiteX4" fmla="*/ 0 w 445868"/>
              <a:gd name="connsiteY4" fmla="*/ 4118450 h 4118450"/>
              <a:gd name="connsiteX0" fmla="*/ 430882 w 445869"/>
              <a:gd name="connsiteY0" fmla="*/ 0 h 4118393"/>
              <a:gd name="connsiteX1" fmla="*/ 430885 w 445869"/>
              <a:gd name="connsiteY1" fmla="*/ 576126 h 4118393"/>
              <a:gd name="connsiteX2" fmla="*/ 430883 w 445869"/>
              <a:gd name="connsiteY2" fmla="*/ 1012097 h 4118393"/>
              <a:gd name="connsiteX3" fmla="*/ 340965 w 445869"/>
              <a:gd name="connsiteY3" fmla="*/ 2428219 h 4118393"/>
              <a:gd name="connsiteX4" fmla="*/ 304800 w 445869"/>
              <a:gd name="connsiteY4" fmla="*/ 3243225 h 4118393"/>
              <a:gd name="connsiteX5" fmla="*/ 0 w 445869"/>
              <a:gd name="connsiteY5" fmla="*/ 4118393 h 4118393"/>
              <a:gd name="connsiteX0" fmla="*/ 430882 w 445872"/>
              <a:gd name="connsiteY0" fmla="*/ 0 h 4118393"/>
              <a:gd name="connsiteX1" fmla="*/ 430885 w 445872"/>
              <a:gd name="connsiteY1" fmla="*/ 576126 h 4118393"/>
              <a:gd name="connsiteX2" fmla="*/ 430885 w 445872"/>
              <a:gd name="connsiteY2" fmla="*/ 1393572 h 4118393"/>
              <a:gd name="connsiteX3" fmla="*/ 340965 w 445872"/>
              <a:gd name="connsiteY3" fmla="*/ 2428219 h 4118393"/>
              <a:gd name="connsiteX4" fmla="*/ 304800 w 445872"/>
              <a:gd name="connsiteY4" fmla="*/ 3243225 h 4118393"/>
              <a:gd name="connsiteX5" fmla="*/ 0 w 445872"/>
              <a:gd name="connsiteY5" fmla="*/ 4118393 h 4118393"/>
              <a:gd name="connsiteX0" fmla="*/ 430882 w 430886"/>
              <a:gd name="connsiteY0" fmla="*/ 0 h 4118393"/>
              <a:gd name="connsiteX1" fmla="*/ 430885 w 430886"/>
              <a:gd name="connsiteY1" fmla="*/ 576126 h 4118393"/>
              <a:gd name="connsiteX2" fmla="*/ 340965 w 430886"/>
              <a:gd name="connsiteY2" fmla="*/ 2428219 h 4118393"/>
              <a:gd name="connsiteX3" fmla="*/ 304800 w 430886"/>
              <a:gd name="connsiteY3" fmla="*/ 3243225 h 4118393"/>
              <a:gd name="connsiteX4" fmla="*/ 0 w 430886"/>
              <a:gd name="connsiteY4"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0 h 4118393"/>
              <a:gd name="connsiteX1" fmla="*/ 430883 w 445868"/>
              <a:gd name="connsiteY1" fmla="*/ 1012097 h 4118393"/>
              <a:gd name="connsiteX2" fmla="*/ 340965 w 445868"/>
              <a:gd name="connsiteY2" fmla="*/ 2428219 h 4118393"/>
              <a:gd name="connsiteX3" fmla="*/ 304800 w 445868"/>
              <a:gd name="connsiteY3" fmla="*/ 3243225 h 4118393"/>
              <a:gd name="connsiteX4" fmla="*/ 0 w 445868"/>
              <a:gd name="connsiteY4" fmla="*/ 4118393 h 4118393"/>
              <a:gd name="connsiteX0" fmla="*/ 430883 w 430883"/>
              <a:gd name="connsiteY0" fmla="*/ 0 h 3106296"/>
              <a:gd name="connsiteX1" fmla="*/ 340965 w 430883"/>
              <a:gd name="connsiteY1" fmla="*/ 1416122 h 3106296"/>
              <a:gd name="connsiteX2" fmla="*/ 304800 w 430883"/>
              <a:gd name="connsiteY2" fmla="*/ 2231128 h 3106296"/>
              <a:gd name="connsiteX3" fmla="*/ 0 w 430883"/>
              <a:gd name="connsiteY3" fmla="*/ 3106296 h 3106296"/>
            </a:gdLst>
            <a:ahLst/>
            <a:cxnLst>
              <a:cxn ang="0">
                <a:pos x="connsiteX0" y="connsiteY0"/>
              </a:cxn>
              <a:cxn ang="0">
                <a:pos x="connsiteX1" y="connsiteY1"/>
              </a:cxn>
              <a:cxn ang="0">
                <a:pos x="connsiteX2" y="connsiteY2"/>
              </a:cxn>
              <a:cxn ang="0">
                <a:pos x="connsiteX3" y="connsiteY3"/>
              </a:cxn>
            </a:cxnLst>
            <a:rect l="l" t="t" r="r" b="b"/>
            <a:pathLst>
              <a:path w="430883" h="3106296">
                <a:moveTo>
                  <a:pt x="430883" y="0"/>
                </a:moveTo>
                <a:cubicBezTo>
                  <a:pt x="415897" y="404703"/>
                  <a:pt x="358949" y="880022"/>
                  <a:pt x="340965" y="1416122"/>
                </a:cubicBezTo>
                <a:lnTo>
                  <a:pt x="304800" y="2231128"/>
                </a:lnTo>
                <a:cubicBezTo>
                  <a:pt x="240672" y="2514495"/>
                  <a:pt x="71515" y="2777642"/>
                  <a:pt x="0" y="3106296"/>
                </a:cubicBez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38" name="フリーフォーム 37"/>
          <p:cNvSpPr/>
          <p:nvPr/>
        </p:nvSpPr>
        <p:spPr>
          <a:xfrm rot="5400000">
            <a:off x="7641384" y="-3341"/>
            <a:ext cx="95931" cy="4032446"/>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307884 w 838580"/>
              <a:gd name="connsiteY3" fmla="*/ 3156174 h 4164286"/>
              <a:gd name="connsiteX4" fmla="*/ 48005 w 838580"/>
              <a:gd name="connsiteY4" fmla="*/ 3514726 h 4164286"/>
              <a:gd name="connsiteX5" fmla="*/ 19853 w 838580"/>
              <a:gd name="connsiteY5" fmla="*/ 3876254 h 4164286"/>
              <a:gd name="connsiteX6" fmla="*/ 19852 w 838580"/>
              <a:gd name="connsiteY6" fmla="*/ 4164286 h 4164286"/>
              <a:gd name="connsiteX0" fmla="*/ 910588 w 910588"/>
              <a:gd name="connsiteY0" fmla="*/ 0 h 4164286"/>
              <a:gd name="connsiteX1" fmla="*/ 853438 w 910588"/>
              <a:gd name="connsiteY1" fmla="*/ 2457450 h 4164286"/>
              <a:gd name="connsiteX2" fmla="*/ 811940 w 910588"/>
              <a:gd name="connsiteY2" fmla="*/ 2580110 h 4164286"/>
              <a:gd name="connsiteX3" fmla="*/ 120013 w 910588"/>
              <a:gd name="connsiteY3" fmla="*/ 3514726 h 4164286"/>
              <a:gd name="connsiteX4" fmla="*/ 91861 w 910588"/>
              <a:gd name="connsiteY4" fmla="*/ 3876254 h 4164286"/>
              <a:gd name="connsiteX5" fmla="*/ 91860 w 910588"/>
              <a:gd name="connsiteY5" fmla="*/ 4164286 h 4164286"/>
              <a:gd name="connsiteX0" fmla="*/ 910588 w 910588"/>
              <a:gd name="connsiteY0" fmla="*/ 0 h 4157651"/>
              <a:gd name="connsiteX1" fmla="*/ 853438 w 910588"/>
              <a:gd name="connsiteY1" fmla="*/ 2457450 h 4157651"/>
              <a:gd name="connsiteX2" fmla="*/ 811940 w 910588"/>
              <a:gd name="connsiteY2" fmla="*/ 2580110 h 4157651"/>
              <a:gd name="connsiteX3" fmla="*/ 120013 w 910588"/>
              <a:gd name="connsiteY3" fmla="*/ 3514726 h 4157651"/>
              <a:gd name="connsiteX4" fmla="*/ 91861 w 910588"/>
              <a:gd name="connsiteY4" fmla="*/ 3876254 h 4157651"/>
              <a:gd name="connsiteX5" fmla="*/ 468668 w 910588"/>
              <a:gd name="connsiteY5" fmla="*/ 4157651 h 4157651"/>
              <a:gd name="connsiteX0" fmla="*/ 847787 w 847787"/>
              <a:gd name="connsiteY0" fmla="*/ 0 h 4157651"/>
              <a:gd name="connsiteX1" fmla="*/ 790637 w 847787"/>
              <a:gd name="connsiteY1" fmla="*/ 2457450 h 4157651"/>
              <a:gd name="connsiteX2" fmla="*/ 749139 w 847787"/>
              <a:gd name="connsiteY2" fmla="*/ 2580110 h 4157651"/>
              <a:gd name="connsiteX3" fmla="*/ 57212 w 847787"/>
              <a:gd name="connsiteY3" fmla="*/ 3514726 h 4157651"/>
              <a:gd name="connsiteX4" fmla="*/ 405867 w 847787"/>
              <a:gd name="connsiteY4" fmla="*/ 4157651 h 4157651"/>
              <a:gd name="connsiteX0" fmla="*/ 441920 w 441920"/>
              <a:gd name="connsiteY0" fmla="*/ 0 h 4157651"/>
              <a:gd name="connsiteX1" fmla="*/ 384770 w 441920"/>
              <a:gd name="connsiteY1" fmla="*/ 2457450 h 4157651"/>
              <a:gd name="connsiteX2" fmla="*/ 343272 w 441920"/>
              <a:gd name="connsiteY2" fmla="*/ 2580110 h 4157651"/>
              <a:gd name="connsiteX3" fmla="*/ 0 w 441920"/>
              <a:gd name="connsiteY3" fmla="*/ 4157651 h 4157651"/>
              <a:gd name="connsiteX0" fmla="*/ 441920 w 441920"/>
              <a:gd name="connsiteY0" fmla="*/ 0 h 4157651"/>
              <a:gd name="connsiteX1" fmla="*/ 384770 w 441920"/>
              <a:gd name="connsiteY1" fmla="*/ 2457450 h 4157651"/>
              <a:gd name="connsiteX2" fmla="*/ 304800 w 441920"/>
              <a:gd name="connsiteY2" fmla="*/ 3282483 h 4157651"/>
              <a:gd name="connsiteX3" fmla="*/ 0 w 441920"/>
              <a:gd name="connsiteY3" fmla="*/ 4157651 h 4157651"/>
              <a:gd name="connsiteX0" fmla="*/ 430882 w 430882"/>
              <a:gd name="connsiteY0" fmla="*/ 0 h 4118393"/>
              <a:gd name="connsiteX1" fmla="*/ 384770 w 430882"/>
              <a:gd name="connsiteY1" fmla="*/ 2418192 h 4118393"/>
              <a:gd name="connsiteX2" fmla="*/ 304800 w 430882"/>
              <a:gd name="connsiteY2" fmla="*/ 3243225 h 4118393"/>
              <a:gd name="connsiteX3" fmla="*/ 0 w 430882"/>
              <a:gd name="connsiteY3"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57 h 4118450"/>
              <a:gd name="connsiteX1" fmla="*/ 430883 w 445868"/>
              <a:gd name="connsiteY1" fmla="*/ 1012154 h 4118450"/>
              <a:gd name="connsiteX2" fmla="*/ 340965 w 445868"/>
              <a:gd name="connsiteY2" fmla="*/ 2428276 h 4118450"/>
              <a:gd name="connsiteX3" fmla="*/ 304800 w 445868"/>
              <a:gd name="connsiteY3" fmla="*/ 3243282 h 4118450"/>
              <a:gd name="connsiteX4" fmla="*/ 0 w 445868"/>
              <a:gd name="connsiteY4" fmla="*/ 4118450 h 4118450"/>
              <a:gd name="connsiteX0" fmla="*/ 430882 w 445869"/>
              <a:gd name="connsiteY0" fmla="*/ 0 h 4118393"/>
              <a:gd name="connsiteX1" fmla="*/ 430885 w 445869"/>
              <a:gd name="connsiteY1" fmla="*/ 576126 h 4118393"/>
              <a:gd name="connsiteX2" fmla="*/ 430883 w 445869"/>
              <a:gd name="connsiteY2" fmla="*/ 1012097 h 4118393"/>
              <a:gd name="connsiteX3" fmla="*/ 340965 w 445869"/>
              <a:gd name="connsiteY3" fmla="*/ 2428219 h 4118393"/>
              <a:gd name="connsiteX4" fmla="*/ 304800 w 445869"/>
              <a:gd name="connsiteY4" fmla="*/ 3243225 h 4118393"/>
              <a:gd name="connsiteX5" fmla="*/ 0 w 445869"/>
              <a:gd name="connsiteY5" fmla="*/ 4118393 h 4118393"/>
              <a:gd name="connsiteX0" fmla="*/ 430882 w 445872"/>
              <a:gd name="connsiteY0" fmla="*/ 0 h 4118393"/>
              <a:gd name="connsiteX1" fmla="*/ 430885 w 445872"/>
              <a:gd name="connsiteY1" fmla="*/ 576126 h 4118393"/>
              <a:gd name="connsiteX2" fmla="*/ 430885 w 445872"/>
              <a:gd name="connsiteY2" fmla="*/ 1393572 h 4118393"/>
              <a:gd name="connsiteX3" fmla="*/ 340965 w 445872"/>
              <a:gd name="connsiteY3" fmla="*/ 2428219 h 4118393"/>
              <a:gd name="connsiteX4" fmla="*/ 304800 w 445872"/>
              <a:gd name="connsiteY4" fmla="*/ 3243225 h 4118393"/>
              <a:gd name="connsiteX5" fmla="*/ 0 w 445872"/>
              <a:gd name="connsiteY5" fmla="*/ 4118393 h 4118393"/>
              <a:gd name="connsiteX0" fmla="*/ 430882 w 430886"/>
              <a:gd name="connsiteY0" fmla="*/ 0 h 4118393"/>
              <a:gd name="connsiteX1" fmla="*/ 430885 w 430886"/>
              <a:gd name="connsiteY1" fmla="*/ 576126 h 4118393"/>
              <a:gd name="connsiteX2" fmla="*/ 340965 w 430886"/>
              <a:gd name="connsiteY2" fmla="*/ 2428219 h 4118393"/>
              <a:gd name="connsiteX3" fmla="*/ 304800 w 430886"/>
              <a:gd name="connsiteY3" fmla="*/ 3243225 h 4118393"/>
              <a:gd name="connsiteX4" fmla="*/ 0 w 430886"/>
              <a:gd name="connsiteY4"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0 h 4118393"/>
              <a:gd name="connsiteX1" fmla="*/ 430883 w 445868"/>
              <a:gd name="connsiteY1" fmla="*/ 1012097 h 4118393"/>
              <a:gd name="connsiteX2" fmla="*/ 340965 w 445868"/>
              <a:gd name="connsiteY2" fmla="*/ 2428219 h 4118393"/>
              <a:gd name="connsiteX3" fmla="*/ 304800 w 445868"/>
              <a:gd name="connsiteY3" fmla="*/ 3243225 h 4118393"/>
              <a:gd name="connsiteX4" fmla="*/ 0 w 445868"/>
              <a:gd name="connsiteY4" fmla="*/ 4118393 h 4118393"/>
              <a:gd name="connsiteX0" fmla="*/ 430883 w 430883"/>
              <a:gd name="connsiteY0" fmla="*/ 0 h 3106296"/>
              <a:gd name="connsiteX1" fmla="*/ 340965 w 430883"/>
              <a:gd name="connsiteY1" fmla="*/ 1416122 h 3106296"/>
              <a:gd name="connsiteX2" fmla="*/ 304800 w 430883"/>
              <a:gd name="connsiteY2" fmla="*/ 2231128 h 3106296"/>
              <a:gd name="connsiteX3" fmla="*/ 0 w 430883"/>
              <a:gd name="connsiteY3" fmla="*/ 3106296 h 3106296"/>
              <a:gd name="connsiteX0" fmla="*/ 430883 w 430883"/>
              <a:gd name="connsiteY0" fmla="*/ 0 h 3378778"/>
              <a:gd name="connsiteX1" fmla="*/ 340965 w 430883"/>
              <a:gd name="connsiteY1" fmla="*/ 1688604 h 3378778"/>
              <a:gd name="connsiteX2" fmla="*/ 304800 w 430883"/>
              <a:gd name="connsiteY2" fmla="*/ 2503610 h 3378778"/>
              <a:gd name="connsiteX3" fmla="*/ 0 w 430883"/>
              <a:gd name="connsiteY3" fmla="*/ 3378778 h 3378778"/>
              <a:gd name="connsiteX0" fmla="*/ 323162 w 358948"/>
              <a:gd name="connsiteY0" fmla="*/ 0 h 3378778"/>
              <a:gd name="connsiteX1" fmla="*/ 340965 w 358948"/>
              <a:gd name="connsiteY1" fmla="*/ 1688604 h 3378778"/>
              <a:gd name="connsiteX2" fmla="*/ 304800 w 358948"/>
              <a:gd name="connsiteY2" fmla="*/ 2503610 h 3378778"/>
              <a:gd name="connsiteX3" fmla="*/ 0 w 358948"/>
              <a:gd name="connsiteY3" fmla="*/ 3378778 h 3378778"/>
              <a:gd name="connsiteX0" fmla="*/ 323162 w 358949"/>
              <a:gd name="connsiteY0" fmla="*/ 0 h 3378778"/>
              <a:gd name="connsiteX1" fmla="*/ 340965 w 358949"/>
              <a:gd name="connsiteY1" fmla="*/ 1688604 h 3378778"/>
              <a:gd name="connsiteX2" fmla="*/ 215441 w 358949"/>
              <a:gd name="connsiteY2" fmla="*/ 2942807 h 3378778"/>
              <a:gd name="connsiteX3" fmla="*/ 0 w 358949"/>
              <a:gd name="connsiteY3" fmla="*/ 3378778 h 3378778"/>
              <a:gd name="connsiteX0" fmla="*/ 107721 w 143508"/>
              <a:gd name="connsiteY0" fmla="*/ 0 h 2942807"/>
              <a:gd name="connsiteX1" fmla="*/ 125524 w 143508"/>
              <a:gd name="connsiteY1" fmla="*/ 1688604 h 2942807"/>
              <a:gd name="connsiteX2" fmla="*/ 0 w 143508"/>
              <a:gd name="connsiteY2" fmla="*/ 2942807 h 2942807"/>
              <a:gd name="connsiteX0" fmla="*/ 215438 w 251225"/>
              <a:gd name="connsiteY0" fmla="*/ 0 h 2997303"/>
              <a:gd name="connsiteX1" fmla="*/ 233241 w 251225"/>
              <a:gd name="connsiteY1" fmla="*/ 1688604 h 2997303"/>
              <a:gd name="connsiteX2" fmla="*/ -1 w 251225"/>
              <a:gd name="connsiteY2" fmla="*/ 2997303 h 2997303"/>
              <a:gd name="connsiteX0" fmla="*/ 107721 w 143508"/>
              <a:gd name="connsiteY0" fmla="*/ 0 h 3051799"/>
              <a:gd name="connsiteX1" fmla="*/ 125524 w 143508"/>
              <a:gd name="connsiteY1" fmla="*/ 1688604 h 3051799"/>
              <a:gd name="connsiteX2" fmla="*/ 0 w 143508"/>
              <a:gd name="connsiteY2" fmla="*/ 3051799 h 3051799"/>
            </a:gdLst>
            <a:ahLst/>
            <a:cxnLst>
              <a:cxn ang="0">
                <a:pos x="connsiteX0" y="connsiteY0"/>
              </a:cxn>
              <a:cxn ang="0">
                <a:pos x="connsiteX1" y="connsiteY1"/>
              </a:cxn>
              <a:cxn ang="0">
                <a:pos x="connsiteX2" y="connsiteY2"/>
              </a:cxn>
            </a:cxnLst>
            <a:rect l="l" t="t" r="r" b="b"/>
            <a:pathLst>
              <a:path w="143508" h="3051799">
                <a:moveTo>
                  <a:pt x="107721" y="0"/>
                </a:moveTo>
                <a:cubicBezTo>
                  <a:pt x="92735" y="404703"/>
                  <a:pt x="143508" y="1152504"/>
                  <a:pt x="125524" y="1688604"/>
                </a:cubicBezTo>
                <a:lnTo>
                  <a:pt x="0" y="3051799"/>
                </a:ln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31" name="正方形/長方形 30"/>
          <p:cNvSpPr/>
          <p:nvPr/>
        </p:nvSpPr>
        <p:spPr>
          <a:xfrm rot="16200000">
            <a:off x="7077235" y="1592797"/>
            <a:ext cx="144016" cy="936105"/>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正方形/長方形 38"/>
          <p:cNvSpPr/>
          <p:nvPr/>
        </p:nvSpPr>
        <p:spPr>
          <a:xfrm rot="16200000">
            <a:off x="9129464" y="1772818"/>
            <a:ext cx="144016" cy="576064"/>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フリーフォーム 39"/>
          <p:cNvSpPr/>
          <p:nvPr/>
        </p:nvSpPr>
        <p:spPr>
          <a:xfrm rot="5400000">
            <a:off x="7653300" y="2888947"/>
            <a:ext cx="288032" cy="4104456"/>
          </a:xfrm>
          <a:custGeom>
            <a:avLst/>
            <a:gdLst>
              <a:gd name="connsiteX0" fmla="*/ 876300 w 1050925"/>
              <a:gd name="connsiteY0" fmla="*/ 0 h 4230688"/>
              <a:gd name="connsiteX1" fmla="*/ 876300 w 1050925"/>
              <a:gd name="connsiteY1" fmla="*/ 2457450 h 4230688"/>
              <a:gd name="connsiteX2" fmla="*/ 904875 w 1050925"/>
              <a:gd name="connsiteY2" fmla="*/ 3952875 h 4230688"/>
              <a:gd name="connsiteX3" fmla="*/ 0 w 1050925"/>
              <a:gd name="connsiteY3" fmla="*/ 4124325 h 4230688"/>
              <a:gd name="connsiteX4" fmla="*/ 0 w 1050925"/>
              <a:gd name="connsiteY4" fmla="*/ 4124325 h 4230688"/>
              <a:gd name="connsiteX0" fmla="*/ 876300 w 938473"/>
              <a:gd name="connsiteY0" fmla="*/ 0 h 4124325"/>
              <a:gd name="connsiteX1" fmla="*/ 876300 w 938473"/>
              <a:gd name="connsiteY1" fmla="*/ 2457450 h 4124325"/>
              <a:gd name="connsiteX2" fmla="*/ 201588 w 938473"/>
              <a:gd name="connsiteY2" fmla="*/ 3300189 h 4124325"/>
              <a:gd name="connsiteX3" fmla="*/ 904875 w 938473"/>
              <a:gd name="connsiteY3" fmla="*/ 3952875 h 4124325"/>
              <a:gd name="connsiteX4" fmla="*/ 0 w 938473"/>
              <a:gd name="connsiteY4" fmla="*/ 4124325 h 4124325"/>
              <a:gd name="connsiteX5" fmla="*/ 0 w 938473"/>
              <a:gd name="connsiteY5" fmla="*/ 4124325 h 4124325"/>
              <a:gd name="connsiteX0" fmla="*/ 876300 w 938473"/>
              <a:gd name="connsiteY0" fmla="*/ 0 h 4124325"/>
              <a:gd name="connsiteX1" fmla="*/ 876300 w 938473"/>
              <a:gd name="connsiteY1" fmla="*/ 2457450 h 4124325"/>
              <a:gd name="connsiteX2" fmla="*/ 704850 w 938473"/>
              <a:gd name="connsiteY2" fmla="*/ 2847976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561628 w 938473"/>
              <a:gd name="connsiteY2" fmla="*/ 2868142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76300 w 938473"/>
              <a:gd name="connsiteY0" fmla="*/ 0 h 4124325"/>
              <a:gd name="connsiteX1" fmla="*/ 876300 w 938473"/>
              <a:gd name="connsiteY1" fmla="*/ 2457450 h 4124325"/>
              <a:gd name="connsiteX2" fmla="*/ 866775 w 938473"/>
              <a:gd name="connsiteY2" fmla="*/ 2647951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561628 w 938473"/>
              <a:gd name="connsiteY3" fmla="*/ 2868142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741015 w 938473"/>
              <a:gd name="connsiteY2" fmla="*/ 266283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993395 w 1055568"/>
              <a:gd name="connsiteY0" fmla="*/ 0 h 4124325"/>
              <a:gd name="connsiteX1" fmla="*/ 993395 w 1055568"/>
              <a:gd name="connsiteY1" fmla="*/ 2457450 h 4124325"/>
              <a:gd name="connsiteX2" fmla="*/ 534707 w 1055568"/>
              <a:gd name="connsiteY2" fmla="*/ 3156174 h 4124325"/>
              <a:gd name="connsiteX3" fmla="*/ 431420 w 1055568"/>
              <a:gd name="connsiteY3" fmla="*/ 3181351 h 4124325"/>
              <a:gd name="connsiteX4" fmla="*/ 318683 w 1055568"/>
              <a:gd name="connsiteY4" fmla="*/ 3300189 h 4124325"/>
              <a:gd name="connsiteX5" fmla="*/ 1021970 w 1055568"/>
              <a:gd name="connsiteY5" fmla="*/ 3952875 h 4124325"/>
              <a:gd name="connsiteX6" fmla="*/ 117095 w 1055568"/>
              <a:gd name="connsiteY6" fmla="*/ 4124325 h 4124325"/>
              <a:gd name="connsiteX7" fmla="*/ 117095 w 1055568"/>
              <a:gd name="connsiteY7" fmla="*/ 4124325 h 4124325"/>
              <a:gd name="connsiteX0" fmla="*/ 876300 w 938473"/>
              <a:gd name="connsiteY0" fmla="*/ 0 h 4124325"/>
              <a:gd name="connsiteX1" fmla="*/ 876300 w 938473"/>
              <a:gd name="connsiteY1" fmla="*/ 2457450 h 4124325"/>
              <a:gd name="connsiteX2" fmla="*/ 609600 w 938473"/>
              <a:gd name="connsiteY2" fmla="*/ 2762251 h 4124325"/>
              <a:gd name="connsiteX3" fmla="*/ 417612 w 938473"/>
              <a:gd name="connsiteY3" fmla="*/ 3156174 h 4124325"/>
              <a:gd name="connsiteX4" fmla="*/ 314325 w 938473"/>
              <a:gd name="connsiteY4" fmla="*/ 3181351 h 4124325"/>
              <a:gd name="connsiteX5" fmla="*/ 201588 w 938473"/>
              <a:gd name="connsiteY5" fmla="*/ 3300189 h 4124325"/>
              <a:gd name="connsiteX6" fmla="*/ 904875 w 938473"/>
              <a:gd name="connsiteY6" fmla="*/ 3952875 h 4124325"/>
              <a:gd name="connsiteX7" fmla="*/ 0 w 938473"/>
              <a:gd name="connsiteY7" fmla="*/ 4124325 h 4124325"/>
              <a:gd name="connsiteX8" fmla="*/ 0 w 938473"/>
              <a:gd name="connsiteY8"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314325 w 938473"/>
              <a:gd name="connsiteY3" fmla="*/ 3181351 h 4124325"/>
              <a:gd name="connsiteX4" fmla="*/ 201588 w 938473"/>
              <a:gd name="connsiteY4" fmla="*/ 3300189 h 4124325"/>
              <a:gd name="connsiteX5" fmla="*/ 904875 w 938473"/>
              <a:gd name="connsiteY5" fmla="*/ 3952875 h 4124325"/>
              <a:gd name="connsiteX6" fmla="*/ 0 w 938473"/>
              <a:gd name="connsiteY6" fmla="*/ 4124325 h 4124325"/>
              <a:gd name="connsiteX7" fmla="*/ 0 w 938473"/>
              <a:gd name="connsiteY7" fmla="*/ 4124325 h 4124325"/>
              <a:gd name="connsiteX0" fmla="*/ 876300 w 938473"/>
              <a:gd name="connsiteY0" fmla="*/ 0 h 4124325"/>
              <a:gd name="connsiteX1" fmla="*/ 876300 w 938473"/>
              <a:gd name="connsiteY1" fmla="*/ 2457450 h 4124325"/>
              <a:gd name="connsiteX2" fmla="*/ 417612 w 938473"/>
              <a:gd name="connsiteY2" fmla="*/ 3156174 h 4124325"/>
              <a:gd name="connsiteX3" fmla="*/ 201588 w 938473"/>
              <a:gd name="connsiteY3" fmla="*/ 3300189 h 4124325"/>
              <a:gd name="connsiteX4" fmla="*/ 904875 w 938473"/>
              <a:gd name="connsiteY4" fmla="*/ 3952875 h 4124325"/>
              <a:gd name="connsiteX5" fmla="*/ 0 w 938473"/>
              <a:gd name="connsiteY5" fmla="*/ 4124325 h 4124325"/>
              <a:gd name="connsiteX6" fmla="*/ 0 w 938473"/>
              <a:gd name="connsiteY6" fmla="*/ 4124325 h 4124325"/>
              <a:gd name="connsiteX0" fmla="*/ 899938 w 938108"/>
              <a:gd name="connsiteY0" fmla="*/ 0 h 4124325"/>
              <a:gd name="connsiteX1" fmla="*/ 899938 w 938108"/>
              <a:gd name="connsiteY1" fmla="*/ 2457450 h 4124325"/>
              <a:gd name="connsiteX2" fmla="*/ 441250 w 938108"/>
              <a:gd name="connsiteY2" fmla="*/ 3156174 h 4124325"/>
              <a:gd name="connsiteX3" fmla="*/ 81210 w 938108"/>
              <a:gd name="connsiteY3" fmla="*/ 3516214 h 4124325"/>
              <a:gd name="connsiteX4" fmla="*/ 928513 w 938108"/>
              <a:gd name="connsiteY4" fmla="*/ 3952875 h 4124325"/>
              <a:gd name="connsiteX5" fmla="*/ 23638 w 938108"/>
              <a:gd name="connsiteY5" fmla="*/ 4124325 h 4124325"/>
              <a:gd name="connsiteX6" fmla="*/ 23638 w 938108"/>
              <a:gd name="connsiteY6" fmla="*/ 4124325 h 4124325"/>
              <a:gd name="connsiteX0" fmla="*/ 899938 w 938108"/>
              <a:gd name="connsiteY0" fmla="*/ 0 h 4124325"/>
              <a:gd name="connsiteX1" fmla="*/ 899938 w 938108"/>
              <a:gd name="connsiteY1" fmla="*/ 2457450 h 4124325"/>
              <a:gd name="connsiteX2" fmla="*/ 585266 w 938108"/>
              <a:gd name="connsiteY2" fmla="*/ 2868142 h 4124325"/>
              <a:gd name="connsiteX3" fmla="*/ 441250 w 938108"/>
              <a:gd name="connsiteY3" fmla="*/ 3156174 h 4124325"/>
              <a:gd name="connsiteX4" fmla="*/ 81210 w 938108"/>
              <a:gd name="connsiteY4" fmla="*/ 3516214 h 4124325"/>
              <a:gd name="connsiteX5" fmla="*/ 928513 w 938108"/>
              <a:gd name="connsiteY5" fmla="*/ 3952875 h 4124325"/>
              <a:gd name="connsiteX6" fmla="*/ 23638 w 938108"/>
              <a:gd name="connsiteY6" fmla="*/ 4124325 h 4124325"/>
              <a:gd name="connsiteX7" fmla="*/ 23638 w 938108"/>
              <a:gd name="connsiteY7"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899938 w 938108"/>
              <a:gd name="connsiteY0" fmla="*/ 0 h 4124325"/>
              <a:gd name="connsiteX1" fmla="*/ 899938 w 938108"/>
              <a:gd name="connsiteY1" fmla="*/ 2457450 h 4124325"/>
              <a:gd name="connsiteX2" fmla="*/ 801290 w 938108"/>
              <a:gd name="connsiteY2" fmla="*/ 2580110 h 4124325"/>
              <a:gd name="connsiteX3" fmla="*/ 585266 w 938108"/>
              <a:gd name="connsiteY3" fmla="*/ 2868142 h 4124325"/>
              <a:gd name="connsiteX4" fmla="*/ 441250 w 938108"/>
              <a:gd name="connsiteY4" fmla="*/ 3156174 h 4124325"/>
              <a:gd name="connsiteX5" fmla="*/ 81210 w 938108"/>
              <a:gd name="connsiteY5" fmla="*/ 3516214 h 4124325"/>
              <a:gd name="connsiteX6" fmla="*/ 928513 w 938108"/>
              <a:gd name="connsiteY6" fmla="*/ 3952875 h 4124325"/>
              <a:gd name="connsiteX7" fmla="*/ 23638 w 938108"/>
              <a:gd name="connsiteY7" fmla="*/ 4124325 h 4124325"/>
              <a:gd name="connsiteX8" fmla="*/ 23638 w 938108"/>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911940 w 950110"/>
              <a:gd name="connsiteY0" fmla="*/ 0 h 4124325"/>
              <a:gd name="connsiteX1" fmla="*/ 911940 w 950110"/>
              <a:gd name="connsiteY1" fmla="*/ 2457450 h 4124325"/>
              <a:gd name="connsiteX2" fmla="*/ 813292 w 950110"/>
              <a:gd name="connsiteY2" fmla="*/ 2580110 h 4124325"/>
              <a:gd name="connsiteX3" fmla="*/ 597268 w 950110"/>
              <a:gd name="connsiteY3" fmla="*/ 2868142 h 4124325"/>
              <a:gd name="connsiteX4" fmla="*/ 381244 w 950110"/>
              <a:gd name="connsiteY4" fmla="*/ 3156174 h 4124325"/>
              <a:gd name="connsiteX5" fmla="*/ 93212 w 950110"/>
              <a:gd name="connsiteY5" fmla="*/ 3516214 h 4124325"/>
              <a:gd name="connsiteX6" fmla="*/ 940515 w 950110"/>
              <a:gd name="connsiteY6" fmla="*/ 3952875 h 4124325"/>
              <a:gd name="connsiteX7" fmla="*/ 35640 w 950110"/>
              <a:gd name="connsiteY7" fmla="*/ 4124325 h 4124325"/>
              <a:gd name="connsiteX8" fmla="*/ 35640 w 95011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2 w 876300"/>
              <a:gd name="connsiteY6" fmla="*/ 3948262 h 4124325"/>
              <a:gd name="connsiteX7" fmla="*/ 0 w 876300"/>
              <a:gd name="connsiteY7" fmla="*/ 4124325 h 4124325"/>
              <a:gd name="connsiteX8" fmla="*/ 0 w 876300"/>
              <a:gd name="connsiteY8" fmla="*/ 4124325 h 4124325"/>
              <a:gd name="connsiteX0" fmla="*/ 876300 w 876300"/>
              <a:gd name="connsiteY0" fmla="*/ 0 h 4164286"/>
              <a:gd name="connsiteX1" fmla="*/ 876300 w 876300"/>
              <a:gd name="connsiteY1" fmla="*/ 2457450 h 4164286"/>
              <a:gd name="connsiteX2" fmla="*/ 777652 w 876300"/>
              <a:gd name="connsiteY2" fmla="*/ 2580110 h 4164286"/>
              <a:gd name="connsiteX3" fmla="*/ 561628 w 876300"/>
              <a:gd name="connsiteY3" fmla="*/ 2868142 h 4164286"/>
              <a:gd name="connsiteX4" fmla="*/ 345604 w 876300"/>
              <a:gd name="connsiteY4" fmla="*/ 3156174 h 4164286"/>
              <a:gd name="connsiteX5" fmla="*/ 57572 w 876300"/>
              <a:gd name="connsiteY5" fmla="*/ 3516214 h 4164286"/>
              <a:gd name="connsiteX6" fmla="*/ 57572 w 876300"/>
              <a:gd name="connsiteY6" fmla="*/ 3948262 h 4164286"/>
              <a:gd name="connsiteX7" fmla="*/ 0 w 876300"/>
              <a:gd name="connsiteY7" fmla="*/ 4124325 h 4164286"/>
              <a:gd name="connsiteX8" fmla="*/ 57572 w 876300"/>
              <a:gd name="connsiteY8" fmla="*/ 4164286 h 4164286"/>
              <a:gd name="connsiteX0" fmla="*/ 876329 w 876329"/>
              <a:gd name="connsiteY0" fmla="*/ 0 h 4164286"/>
              <a:gd name="connsiteX1" fmla="*/ 876329 w 876329"/>
              <a:gd name="connsiteY1" fmla="*/ 2457450 h 4164286"/>
              <a:gd name="connsiteX2" fmla="*/ 777681 w 876329"/>
              <a:gd name="connsiteY2" fmla="*/ 2580110 h 4164286"/>
              <a:gd name="connsiteX3" fmla="*/ 561657 w 876329"/>
              <a:gd name="connsiteY3" fmla="*/ 2868142 h 4164286"/>
              <a:gd name="connsiteX4" fmla="*/ 345633 w 876329"/>
              <a:gd name="connsiteY4" fmla="*/ 3156174 h 4164286"/>
              <a:gd name="connsiteX5" fmla="*/ 57601 w 876329"/>
              <a:gd name="connsiteY5" fmla="*/ 3516214 h 4164286"/>
              <a:gd name="connsiteX6" fmla="*/ 29 w 876329"/>
              <a:gd name="connsiteY6" fmla="*/ 4124325 h 4164286"/>
              <a:gd name="connsiteX7" fmla="*/ 57601 w 876329"/>
              <a:gd name="connsiteY7" fmla="*/ 4164286 h 4164286"/>
              <a:gd name="connsiteX0" fmla="*/ 879545 w 879545"/>
              <a:gd name="connsiteY0" fmla="*/ 0 h 4164286"/>
              <a:gd name="connsiteX1" fmla="*/ 879545 w 879545"/>
              <a:gd name="connsiteY1" fmla="*/ 2457450 h 4164286"/>
              <a:gd name="connsiteX2" fmla="*/ 780897 w 879545"/>
              <a:gd name="connsiteY2" fmla="*/ 2580110 h 4164286"/>
              <a:gd name="connsiteX3" fmla="*/ 564873 w 879545"/>
              <a:gd name="connsiteY3" fmla="*/ 2868142 h 4164286"/>
              <a:gd name="connsiteX4" fmla="*/ 348849 w 879545"/>
              <a:gd name="connsiteY4" fmla="*/ 3156174 h 4164286"/>
              <a:gd name="connsiteX5" fmla="*/ 60817 w 879545"/>
              <a:gd name="connsiteY5" fmla="*/ 3516214 h 4164286"/>
              <a:gd name="connsiteX6" fmla="*/ 60818 w 879545"/>
              <a:gd name="connsiteY6" fmla="*/ 3804245 h 4164286"/>
              <a:gd name="connsiteX7" fmla="*/ 3245 w 879545"/>
              <a:gd name="connsiteY7" fmla="*/ 4124325 h 4164286"/>
              <a:gd name="connsiteX8" fmla="*/ 60817 w 879545"/>
              <a:gd name="connsiteY8" fmla="*/ 4164286 h 4164286"/>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8" fmla="*/ 132826 w 879545"/>
              <a:gd name="connsiteY8" fmla="*/ 4092277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9545 w 879545"/>
              <a:gd name="connsiteY0" fmla="*/ 0 h 4124325"/>
              <a:gd name="connsiteX1" fmla="*/ 879545 w 879545"/>
              <a:gd name="connsiteY1" fmla="*/ 2457450 h 4124325"/>
              <a:gd name="connsiteX2" fmla="*/ 780897 w 879545"/>
              <a:gd name="connsiteY2" fmla="*/ 2580110 h 4124325"/>
              <a:gd name="connsiteX3" fmla="*/ 564873 w 879545"/>
              <a:gd name="connsiteY3" fmla="*/ 2868142 h 4124325"/>
              <a:gd name="connsiteX4" fmla="*/ 348849 w 879545"/>
              <a:gd name="connsiteY4" fmla="*/ 3156174 h 4124325"/>
              <a:gd name="connsiteX5" fmla="*/ 60817 w 879545"/>
              <a:gd name="connsiteY5" fmla="*/ 3516214 h 4124325"/>
              <a:gd name="connsiteX6" fmla="*/ 60818 w 879545"/>
              <a:gd name="connsiteY6" fmla="*/ 3804245 h 4124325"/>
              <a:gd name="connsiteX7" fmla="*/ 3245 w 879545"/>
              <a:gd name="connsiteY7" fmla="*/ 4124325 h 4124325"/>
              <a:gd name="connsiteX0" fmla="*/ 876329 w 876329"/>
              <a:gd name="connsiteY0" fmla="*/ 0 h 4124325"/>
              <a:gd name="connsiteX1" fmla="*/ 876329 w 876329"/>
              <a:gd name="connsiteY1" fmla="*/ 2457450 h 4124325"/>
              <a:gd name="connsiteX2" fmla="*/ 777681 w 876329"/>
              <a:gd name="connsiteY2" fmla="*/ 2580110 h 4124325"/>
              <a:gd name="connsiteX3" fmla="*/ 561657 w 876329"/>
              <a:gd name="connsiteY3" fmla="*/ 2868142 h 4124325"/>
              <a:gd name="connsiteX4" fmla="*/ 345633 w 876329"/>
              <a:gd name="connsiteY4" fmla="*/ 3156174 h 4124325"/>
              <a:gd name="connsiteX5" fmla="*/ 57601 w 876329"/>
              <a:gd name="connsiteY5" fmla="*/ 3516214 h 4124325"/>
              <a:gd name="connsiteX6" fmla="*/ 29 w 876329"/>
              <a:gd name="connsiteY6" fmla="*/ 4124325 h 4124325"/>
              <a:gd name="connsiteX0" fmla="*/ 876300 w 876300"/>
              <a:gd name="connsiteY0" fmla="*/ 0 h 4124325"/>
              <a:gd name="connsiteX1" fmla="*/ 876300 w 876300"/>
              <a:gd name="connsiteY1" fmla="*/ 2457450 h 4124325"/>
              <a:gd name="connsiteX2" fmla="*/ 777652 w 876300"/>
              <a:gd name="connsiteY2" fmla="*/ 2580110 h 4124325"/>
              <a:gd name="connsiteX3" fmla="*/ 561628 w 876300"/>
              <a:gd name="connsiteY3" fmla="*/ 2868142 h 4124325"/>
              <a:gd name="connsiteX4" fmla="*/ 345604 w 876300"/>
              <a:gd name="connsiteY4" fmla="*/ 3156174 h 4124325"/>
              <a:gd name="connsiteX5" fmla="*/ 57572 w 876300"/>
              <a:gd name="connsiteY5" fmla="*/ 3516214 h 4124325"/>
              <a:gd name="connsiteX6" fmla="*/ 57573 w 876300"/>
              <a:gd name="connsiteY6" fmla="*/ 3876254 h 4124325"/>
              <a:gd name="connsiteX7" fmla="*/ 0 w 876300"/>
              <a:gd name="connsiteY7" fmla="*/ 4124325 h 4124325"/>
              <a:gd name="connsiteX0" fmla="*/ 890736 w 890736"/>
              <a:gd name="connsiteY0" fmla="*/ 0 h 4092278"/>
              <a:gd name="connsiteX1" fmla="*/ 890736 w 890736"/>
              <a:gd name="connsiteY1" fmla="*/ 2457450 h 4092278"/>
              <a:gd name="connsiteX2" fmla="*/ 792088 w 890736"/>
              <a:gd name="connsiteY2" fmla="*/ 2580110 h 4092278"/>
              <a:gd name="connsiteX3" fmla="*/ 576064 w 890736"/>
              <a:gd name="connsiteY3" fmla="*/ 2868142 h 4092278"/>
              <a:gd name="connsiteX4" fmla="*/ 360040 w 890736"/>
              <a:gd name="connsiteY4" fmla="*/ 3156174 h 4092278"/>
              <a:gd name="connsiteX5" fmla="*/ 72008 w 890736"/>
              <a:gd name="connsiteY5" fmla="*/ 3516214 h 4092278"/>
              <a:gd name="connsiteX6" fmla="*/ 72009 w 890736"/>
              <a:gd name="connsiteY6" fmla="*/ 3876254 h 4092278"/>
              <a:gd name="connsiteX7" fmla="*/ 0 w 890736"/>
              <a:gd name="connsiteY7" fmla="*/ 4092278 h 4092278"/>
              <a:gd name="connsiteX0" fmla="*/ 866733 w 866733"/>
              <a:gd name="connsiteY0" fmla="*/ 0 h 4164286"/>
              <a:gd name="connsiteX1" fmla="*/ 866733 w 866733"/>
              <a:gd name="connsiteY1" fmla="*/ 2457450 h 4164286"/>
              <a:gd name="connsiteX2" fmla="*/ 768085 w 866733"/>
              <a:gd name="connsiteY2" fmla="*/ 2580110 h 4164286"/>
              <a:gd name="connsiteX3" fmla="*/ 552061 w 866733"/>
              <a:gd name="connsiteY3" fmla="*/ 2868142 h 4164286"/>
              <a:gd name="connsiteX4" fmla="*/ 336037 w 866733"/>
              <a:gd name="connsiteY4" fmla="*/ 3156174 h 4164286"/>
              <a:gd name="connsiteX5" fmla="*/ 48005 w 866733"/>
              <a:gd name="connsiteY5" fmla="*/ 3516214 h 4164286"/>
              <a:gd name="connsiteX6" fmla="*/ 48006 w 866733"/>
              <a:gd name="connsiteY6" fmla="*/ 3876254 h 4164286"/>
              <a:gd name="connsiteX7" fmla="*/ 48005 w 866733"/>
              <a:gd name="connsiteY7" fmla="*/ 4164286 h 4164286"/>
              <a:gd name="connsiteX0" fmla="*/ 838580 w 838580"/>
              <a:gd name="connsiteY0" fmla="*/ 0 h 4164286"/>
              <a:gd name="connsiteX1" fmla="*/ 83858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523908 w 838580"/>
              <a:gd name="connsiteY3" fmla="*/ 2868142 h 4164286"/>
              <a:gd name="connsiteX4" fmla="*/ 307884 w 838580"/>
              <a:gd name="connsiteY4" fmla="*/ 3156174 h 4164286"/>
              <a:gd name="connsiteX5" fmla="*/ 48005 w 838580"/>
              <a:gd name="connsiteY5" fmla="*/ 3514726 h 4164286"/>
              <a:gd name="connsiteX6" fmla="*/ 19853 w 838580"/>
              <a:gd name="connsiteY6" fmla="*/ 3876254 h 4164286"/>
              <a:gd name="connsiteX7" fmla="*/ 19852 w 838580"/>
              <a:gd name="connsiteY7" fmla="*/ 4164286 h 4164286"/>
              <a:gd name="connsiteX0" fmla="*/ 838580 w 838580"/>
              <a:gd name="connsiteY0" fmla="*/ 0 h 4164286"/>
              <a:gd name="connsiteX1" fmla="*/ 781430 w 838580"/>
              <a:gd name="connsiteY1" fmla="*/ 2457450 h 4164286"/>
              <a:gd name="connsiteX2" fmla="*/ 739932 w 838580"/>
              <a:gd name="connsiteY2" fmla="*/ 2580110 h 4164286"/>
              <a:gd name="connsiteX3" fmla="*/ 307884 w 838580"/>
              <a:gd name="connsiteY3" fmla="*/ 3156174 h 4164286"/>
              <a:gd name="connsiteX4" fmla="*/ 48005 w 838580"/>
              <a:gd name="connsiteY4" fmla="*/ 3514726 h 4164286"/>
              <a:gd name="connsiteX5" fmla="*/ 19853 w 838580"/>
              <a:gd name="connsiteY5" fmla="*/ 3876254 h 4164286"/>
              <a:gd name="connsiteX6" fmla="*/ 19852 w 838580"/>
              <a:gd name="connsiteY6" fmla="*/ 4164286 h 4164286"/>
              <a:gd name="connsiteX0" fmla="*/ 910588 w 910588"/>
              <a:gd name="connsiteY0" fmla="*/ 0 h 4164286"/>
              <a:gd name="connsiteX1" fmla="*/ 853438 w 910588"/>
              <a:gd name="connsiteY1" fmla="*/ 2457450 h 4164286"/>
              <a:gd name="connsiteX2" fmla="*/ 811940 w 910588"/>
              <a:gd name="connsiteY2" fmla="*/ 2580110 h 4164286"/>
              <a:gd name="connsiteX3" fmla="*/ 120013 w 910588"/>
              <a:gd name="connsiteY3" fmla="*/ 3514726 h 4164286"/>
              <a:gd name="connsiteX4" fmla="*/ 91861 w 910588"/>
              <a:gd name="connsiteY4" fmla="*/ 3876254 h 4164286"/>
              <a:gd name="connsiteX5" fmla="*/ 91860 w 910588"/>
              <a:gd name="connsiteY5" fmla="*/ 4164286 h 4164286"/>
              <a:gd name="connsiteX0" fmla="*/ 910588 w 910588"/>
              <a:gd name="connsiteY0" fmla="*/ 0 h 4157651"/>
              <a:gd name="connsiteX1" fmla="*/ 853438 w 910588"/>
              <a:gd name="connsiteY1" fmla="*/ 2457450 h 4157651"/>
              <a:gd name="connsiteX2" fmla="*/ 811940 w 910588"/>
              <a:gd name="connsiteY2" fmla="*/ 2580110 h 4157651"/>
              <a:gd name="connsiteX3" fmla="*/ 120013 w 910588"/>
              <a:gd name="connsiteY3" fmla="*/ 3514726 h 4157651"/>
              <a:gd name="connsiteX4" fmla="*/ 91861 w 910588"/>
              <a:gd name="connsiteY4" fmla="*/ 3876254 h 4157651"/>
              <a:gd name="connsiteX5" fmla="*/ 468668 w 910588"/>
              <a:gd name="connsiteY5" fmla="*/ 4157651 h 4157651"/>
              <a:gd name="connsiteX0" fmla="*/ 847787 w 847787"/>
              <a:gd name="connsiteY0" fmla="*/ 0 h 4157651"/>
              <a:gd name="connsiteX1" fmla="*/ 790637 w 847787"/>
              <a:gd name="connsiteY1" fmla="*/ 2457450 h 4157651"/>
              <a:gd name="connsiteX2" fmla="*/ 749139 w 847787"/>
              <a:gd name="connsiteY2" fmla="*/ 2580110 h 4157651"/>
              <a:gd name="connsiteX3" fmla="*/ 57212 w 847787"/>
              <a:gd name="connsiteY3" fmla="*/ 3514726 h 4157651"/>
              <a:gd name="connsiteX4" fmla="*/ 405867 w 847787"/>
              <a:gd name="connsiteY4" fmla="*/ 4157651 h 4157651"/>
              <a:gd name="connsiteX0" fmla="*/ 441920 w 441920"/>
              <a:gd name="connsiteY0" fmla="*/ 0 h 4157651"/>
              <a:gd name="connsiteX1" fmla="*/ 384770 w 441920"/>
              <a:gd name="connsiteY1" fmla="*/ 2457450 h 4157651"/>
              <a:gd name="connsiteX2" fmla="*/ 343272 w 441920"/>
              <a:gd name="connsiteY2" fmla="*/ 2580110 h 4157651"/>
              <a:gd name="connsiteX3" fmla="*/ 0 w 441920"/>
              <a:gd name="connsiteY3" fmla="*/ 4157651 h 4157651"/>
              <a:gd name="connsiteX0" fmla="*/ 441920 w 441920"/>
              <a:gd name="connsiteY0" fmla="*/ 0 h 4157651"/>
              <a:gd name="connsiteX1" fmla="*/ 384770 w 441920"/>
              <a:gd name="connsiteY1" fmla="*/ 2457450 h 4157651"/>
              <a:gd name="connsiteX2" fmla="*/ 304800 w 441920"/>
              <a:gd name="connsiteY2" fmla="*/ 3282483 h 4157651"/>
              <a:gd name="connsiteX3" fmla="*/ 0 w 441920"/>
              <a:gd name="connsiteY3" fmla="*/ 4157651 h 4157651"/>
              <a:gd name="connsiteX0" fmla="*/ 430882 w 430882"/>
              <a:gd name="connsiteY0" fmla="*/ 0 h 4118393"/>
              <a:gd name="connsiteX1" fmla="*/ 384770 w 430882"/>
              <a:gd name="connsiteY1" fmla="*/ 2418192 h 4118393"/>
              <a:gd name="connsiteX2" fmla="*/ 304800 w 430882"/>
              <a:gd name="connsiteY2" fmla="*/ 3243225 h 4118393"/>
              <a:gd name="connsiteX3" fmla="*/ 0 w 430882"/>
              <a:gd name="connsiteY3"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57 h 4118450"/>
              <a:gd name="connsiteX1" fmla="*/ 430883 w 445868"/>
              <a:gd name="connsiteY1" fmla="*/ 1012154 h 4118450"/>
              <a:gd name="connsiteX2" fmla="*/ 340965 w 445868"/>
              <a:gd name="connsiteY2" fmla="*/ 2428276 h 4118450"/>
              <a:gd name="connsiteX3" fmla="*/ 304800 w 445868"/>
              <a:gd name="connsiteY3" fmla="*/ 3243282 h 4118450"/>
              <a:gd name="connsiteX4" fmla="*/ 0 w 445868"/>
              <a:gd name="connsiteY4" fmla="*/ 4118450 h 4118450"/>
              <a:gd name="connsiteX0" fmla="*/ 430882 w 445869"/>
              <a:gd name="connsiteY0" fmla="*/ 0 h 4118393"/>
              <a:gd name="connsiteX1" fmla="*/ 430885 w 445869"/>
              <a:gd name="connsiteY1" fmla="*/ 576126 h 4118393"/>
              <a:gd name="connsiteX2" fmla="*/ 430883 w 445869"/>
              <a:gd name="connsiteY2" fmla="*/ 1012097 h 4118393"/>
              <a:gd name="connsiteX3" fmla="*/ 340965 w 445869"/>
              <a:gd name="connsiteY3" fmla="*/ 2428219 h 4118393"/>
              <a:gd name="connsiteX4" fmla="*/ 304800 w 445869"/>
              <a:gd name="connsiteY4" fmla="*/ 3243225 h 4118393"/>
              <a:gd name="connsiteX5" fmla="*/ 0 w 445869"/>
              <a:gd name="connsiteY5" fmla="*/ 4118393 h 4118393"/>
              <a:gd name="connsiteX0" fmla="*/ 430882 w 445872"/>
              <a:gd name="connsiteY0" fmla="*/ 0 h 4118393"/>
              <a:gd name="connsiteX1" fmla="*/ 430885 w 445872"/>
              <a:gd name="connsiteY1" fmla="*/ 576126 h 4118393"/>
              <a:gd name="connsiteX2" fmla="*/ 430885 w 445872"/>
              <a:gd name="connsiteY2" fmla="*/ 1393572 h 4118393"/>
              <a:gd name="connsiteX3" fmla="*/ 340965 w 445872"/>
              <a:gd name="connsiteY3" fmla="*/ 2428219 h 4118393"/>
              <a:gd name="connsiteX4" fmla="*/ 304800 w 445872"/>
              <a:gd name="connsiteY4" fmla="*/ 3243225 h 4118393"/>
              <a:gd name="connsiteX5" fmla="*/ 0 w 445872"/>
              <a:gd name="connsiteY5" fmla="*/ 4118393 h 4118393"/>
              <a:gd name="connsiteX0" fmla="*/ 430882 w 430886"/>
              <a:gd name="connsiteY0" fmla="*/ 0 h 4118393"/>
              <a:gd name="connsiteX1" fmla="*/ 430885 w 430886"/>
              <a:gd name="connsiteY1" fmla="*/ 576126 h 4118393"/>
              <a:gd name="connsiteX2" fmla="*/ 340965 w 430886"/>
              <a:gd name="connsiteY2" fmla="*/ 2428219 h 4118393"/>
              <a:gd name="connsiteX3" fmla="*/ 304800 w 430886"/>
              <a:gd name="connsiteY3" fmla="*/ 3243225 h 4118393"/>
              <a:gd name="connsiteX4" fmla="*/ 0 w 430886"/>
              <a:gd name="connsiteY4" fmla="*/ 4118393 h 4118393"/>
              <a:gd name="connsiteX0" fmla="*/ 430882 w 430882"/>
              <a:gd name="connsiteY0" fmla="*/ 0 h 4118393"/>
              <a:gd name="connsiteX1" fmla="*/ 340965 w 430882"/>
              <a:gd name="connsiteY1" fmla="*/ 2428219 h 4118393"/>
              <a:gd name="connsiteX2" fmla="*/ 304800 w 430882"/>
              <a:gd name="connsiteY2" fmla="*/ 3243225 h 4118393"/>
              <a:gd name="connsiteX3" fmla="*/ 0 w 430882"/>
              <a:gd name="connsiteY3" fmla="*/ 4118393 h 4118393"/>
              <a:gd name="connsiteX0" fmla="*/ 430882 w 445868"/>
              <a:gd name="connsiteY0" fmla="*/ 0 h 4118393"/>
              <a:gd name="connsiteX1" fmla="*/ 430883 w 445868"/>
              <a:gd name="connsiteY1" fmla="*/ 1012097 h 4118393"/>
              <a:gd name="connsiteX2" fmla="*/ 340965 w 445868"/>
              <a:gd name="connsiteY2" fmla="*/ 2428219 h 4118393"/>
              <a:gd name="connsiteX3" fmla="*/ 304800 w 445868"/>
              <a:gd name="connsiteY3" fmla="*/ 3243225 h 4118393"/>
              <a:gd name="connsiteX4" fmla="*/ 0 w 445868"/>
              <a:gd name="connsiteY4" fmla="*/ 4118393 h 4118393"/>
              <a:gd name="connsiteX0" fmla="*/ 430883 w 430883"/>
              <a:gd name="connsiteY0" fmla="*/ 0 h 3106296"/>
              <a:gd name="connsiteX1" fmla="*/ 340965 w 430883"/>
              <a:gd name="connsiteY1" fmla="*/ 1416122 h 3106296"/>
              <a:gd name="connsiteX2" fmla="*/ 304800 w 430883"/>
              <a:gd name="connsiteY2" fmla="*/ 2231128 h 3106296"/>
              <a:gd name="connsiteX3" fmla="*/ 0 w 430883"/>
              <a:gd name="connsiteY3" fmla="*/ 3106296 h 3106296"/>
            </a:gdLst>
            <a:ahLst/>
            <a:cxnLst>
              <a:cxn ang="0">
                <a:pos x="connsiteX0" y="connsiteY0"/>
              </a:cxn>
              <a:cxn ang="0">
                <a:pos x="connsiteX1" y="connsiteY1"/>
              </a:cxn>
              <a:cxn ang="0">
                <a:pos x="connsiteX2" y="connsiteY2"/>
              </a:cxn>
              <a:cxn ang="0">
                <a:pos x="connsiteX3" y="connsiteY3"/>
              </a:cxn>
            </a:cxnLst>
            <a:rect l="l" t="t" r="r" b="b"/>
            <a:pathLst>
              <a:path w="430883" h="3106296">
                <a:moveTo>
                  <a:pt x="430883" y="0"/>
                </a:moveTo>
                <a:cubicBezTo>
                  <a:pt x="415897" y="404703"/>
                  <a:pt x="358949" y="880022"/>
                  <a:pt x="340965" y="1416122"/>
                </a:cubicBezTo>
                <a:lnTo>
                  <a:pt x="304800" y="2231128"/>
                </a:lnTo>
                <a:cubicBezTo>
                  <a:pt x="240672" y="2514495"/>
                  <a:pt x="71515" y="2777642"/>
                  <a:pt x="0" y="3106296"/>
                </a:cubicBezTo>
              </a:path>
            </a:pathLst>
          </a:cu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8" name="正方形/長方形 27"/>
          <p:cNvSpPr/>
          <p:nvPr/>
        </p:nvSpPr>
        <p:spPr>
          <a:xfrm rot="16200000">
            <a:off x="9266912" y="4736532"/>
            <a:ext cx="139241" cy="702078"/>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rot="16200000">
            <a:off x="7138439" y="4606327"/>
            <a:ext cx="111620" cy="702078"/>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正方形/長方形 40"/>
          <p:cNvSpPr/>
          <p:nvPr/>
        </p:nvSpPr>
        <p:spPr>
          <a:xfrm>
            <a:off x="200472" y="476672"/>
            <a:ext cx="3096344" cy="6316014"/>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42" name="テキスト ボックス 41"/>
          <p:cNvSpPr txBox="1"/>
          <p:nvPr/>
        </p:nvSpPr>
        <p:spPr>
          <a:xfrm>
            <a:off x="6897216" y="4673346"/>
            <a:ext cx="576064" cy="195814"/>
          </a:xfrm>
          <a:prstGeom prst="rect">
            <a:avLst/>
          </a:prstGeom>
          <a:solidFill>
            <a:schemeClr val="bg1">
              <a:alpha val="50000"/>
            </a:schemeClr>
          </a:solidFill>
        </p:spPr>
        <p:txBody>
          <a:bodyPr wrap="square" lIns="36000" tIns="36000" rIns="36000" bIns="36000" rtlCol="0">
            <a:spAutoFit/>
          </a:bodyPr>
          <a:lstStyle/>
          <a:p>
            <a:r>
              <a:rPr kumimoji="1" lang="ja-JP" altLang="en-US" sz="800" dirty="0" smtClean="0">
                <a:latin typeface="Meiryo UI" pitchFamily="50" charset="-128"/>
                <a:ea typeface="Meiryo UI" pitchFamily="50" charset="-128"/>
                <a:cs typeface="Meiryo UI" pitchFamily="50" charset="-128"/>
              </a:rPr>
              <a:t>なんば駅</a:t>
            </a:r>
            <a:endParaRPr kumimoji="1" lang="ja-JP" altLang="en-US" sz="800" dirty="0">
              <a:latin typeface="Meiryo UI" pitchFamily="50" charset="-128"/>
              <a:ea typeface="Meiryo UI" pitchFamily="50" charset="-128"/>
              <a:cs typeface="Meiryo UI" pitchFamily="50" charset="-128"/>
            </a:endParaRPr>
          </a:p>
        </p:txBody>
      </p:sp>
      <p:sp>
        <p:nvSpPr>
          <p:cNvPr id="43" name="テキスト ボックス 42"/>
          <p:cNvSpPr txBox="1"/>
          <p:nvPr/>
        </p:nvSpPr>
        <p:spPr>
          <a:xfrm>
            <a:off x="6897216" y="1772816"/>
            <a:ext cx="576064" cy="195814"/>
          </a:xfrm>
          <a:prstGeom prst="rect">
            <a:avLst/>
          </a:prstGeom>
          <a:solidFill>
            <a:schemeClr val="bg1">
              <a:alpha val="50000"/>
            </a:schemeClr>
          </a:solidFill>
        </p:spPr>
        <p:txBody>
          <a:bodyPr wrap="square" lIns="36000" tIns="36000" rIns="36000" bIns="36000" rtlCol="0">
            <a:spAutoFit/>
          </a:bodyPr>
          <a:lstStyle/>
          <a:p>
            <a:r>
              <a:rPr lang="ja-JP" altLang="en-US" sz="800" dirty="0" smtClean="0">
                <a:latin typeface="Meiryo UI" pitchFamily="50" charset="-128"/>
                <a:ea typeface="Meiryo UI" pitchFamily="50" charset="-128"/>
                <a:cs typeface="Meiryo UI" pitchFamily="50" charset="-128"/>
              </a:rPr>
              <a:t>心斎橋</a:t>
            </a:r>
            <a:r>
              <a:rPr kumimoji="1" lang="ja-JP" altLang="en-US" sz="800" dirty="0" smtClean="0">
                <a:latin typeface="Meiryo UI" pitchFamily="50" charset="-128"/>
                <a:ea typeface="Meiryo UI" pitchFamily="50" charset="-128"/>
                <a:cs typeface="Meiryo UI" pitchFamily="50" charset="-128"/>
              </a:rPr>
              <a:t>駅</a:t>
            </a:r>
            <a:endParaRPr kumimoji="1" lang="ja-JP" altLang="en-US" sz="800" dirty="0">
              <a:latin typeface="Meiryo UI" pitchFamily="50" charset="-128"/>
              <a:ea typeface="Meiryo UI" pitchFamily="50" charset="-128"/>
              <a:cs typeface="Meiryo UI" pitchFamily="50" charset="-128"/>
            </a:endParaRPr>
          </a:p>
        </p:txBody>
      </p:sp>
      <p:sp>
        <p:nvSpPr>
          <p:cNvPr id="44" name="テキスト ボックス 43"/>
          <p:cNvSpPr txBox="1"/>
          <p:nvPr/>
        </p:nvSpPr>
        <p:spPr>
          <a:xfrm>
            <a:off x="7622165" y="2132856"/>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smtClean="0">
                <a:latin typeface="Meiryo UI" pitchFamily="50" charset="-128"/>
                <a:ea typeface="Meiryo UI" pitchFamily="50" charset="-128"/>
                <a:cs typeface="Meiryo UI" pitchFamily="50" charset="-128"/>
              </a:rPr>
              <a:t>心斎橋駅</a:t>
            </a:r>
            <a:endParaRPr kumimoji="1" lang="ja-JP" altLang="en-US" sz="900" dirty="0">
              <a:latin typeface="Meiryo UI" pitchFamily="50" charset="-128"/>
              <a:ea typeface="Meiryo UI" pitchFamily="50" charset="-128"/>
              <a:cs typeface="Meiryo UI" pitchFamily="50" charset="-128"/>
            </a:endParaRPr>
          </a:p>
        </p:txBody>
      </p:sp>
      <p:sp>
        <p:nvSpPr>
          <p:cNvPr id="45" name="テキスト ボックス 44"/>
          <p:cNvSpPr txBox="1"/>
          <p:nvPr/>
        </p:nvSpPr>
        <p:spPr>
          <a:xfrm>
            <a:off x="6105178" y="2132856"/>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smtClean="0">
                <a:latin typeface="Meiryo UI" pitchFamily="50" charset="-128"/>
                <a:ea typeface="Meiryo UI" pitchFamily="50" charset="-128"/>
                <a:cs typeface="Meiryo UI" pitchFamily="50" charset="-128"/>
              </a:rPr>
              <a:t>四ツ橋駅</a:t>
            </a:r>
            <a:endParaRPr kumimoji="1" lang="ja-JP" altLang="en-US" sz="900" dirty="0">
              <a:latin typeface="Meiryo UI" pitchFamily="50" charset="-128"/>
              <a:ea typeface="Meiryo UI" pitchFamily="50" charset="-128"/>
              <a:cs typeface="Meiryo UI" pitchFamily="50" charset="-128"/>
            </a:endParaRPr>
          </a:p>
        </p:txBody>
      </p:sp>
      <p:sp>
        <p:nvSpPr>
          <p:cNvPr id="46" name="テキスト ボックス 45"/>
          <p:cNvSpPr txBox="1"/>
          <p:nvPr/>
        </p:nvSpPr>
        <p:spPr>
          <a:xfrm>
            <a:off x="8841440" y="1772816"/>
            <a:ext cx="576064" cy="195814"/>
          </a:xfrm>
          <a:prstGeom prst="rect">
            <a:avLst/>
          </a:prstGeom>
          <a:solidFill>
            <a:schemeClr val="bg1">
              <a:alpha val="50000"/>
            </a:schemeClr>
          </a:solidFill>
        </p:spPr>
        <p:txBody>
          <a:bodyPr wrap="square" lIns="36000" tIns="36000" rIns="36000" bIns="36000" rtlCol="0">
            <a:spAutoFit/>
          </a:bodyPr>
          <a:lstStyle/>
          <a:p>
            <a:r>
              <a:rPr lang="ja-JP" altLang="en-US" sz="800" dirty="0" smtClean="0">
                <a:latin typeface="Meiryo UI" pitchFamily="50" charset="-128"/>
                <a:ea typeface="Meiryo UI" pitchFamily="50" charset="-128"/>
                <a:cs typeface="Meiryo UI" pitchFamily="50" charset="-128"/>
              </a:rPr>
              <a:t>長堀橋</a:t>
            </a:r>
            <a:r>
              <a:rPr kumimoji="1" lang="ja-JP" altLang="en-US" sz="800" dirty="0" smtClean="0">
                <a:latin typeface="Meiryo UI" pitchFamily="50" charset="-128"/>
                <a:ea typeface="Meiryo UI" pitchFamily="50" charset="-128"/>
                <a:cs typeface="Meiryo UI" pitchFamily="50" charset="-128"/>
              </a:rPr>
              <a:t>駅</a:t>
            </a:r>
            <a:endParaRPr kumimoji="1" lang="ja-JP" altLang="en-US" sz="800" dirty="0">
              <a:latin typeface="Meiryo UI" pitchFamily="50" charset="-128"/>
              <a:ea typeface="Meiryo UI" pitchFamily="50" charset="-128"/>
              <a:cs typeface="Meiryo UI" pitchFamily="50" charset="-128"/>
            </a:endParaRPr>
          </a:p>
        </p:txBody>
      </p:sp>
      <p:sp>
        <p:nvSpPr>
          <p:cNvPr id="47" name="テキスト ボックス 46"/>
          <p:cNvSpPr txBox="1"/>
          <p:nvPr/>
        </p:nvSpPr>
        <p:spPr>
          <a:xfrm>
            <a:off x="8697416" y="5177402"/>
            <a:ext cx="576064" cy="195814"/>
          </a:xfrm>
          <a:prstGeom prst="rect">
            <a:avLst/>
          </a:prstGeom>
          <a:solidFill>
            <a:schemeClr val="bg1">
              <a:alpha val="50000"/>
            </a:schemeClr>
          </a:solidFill>
        </p:spPr>
        <p:txBody>
          <a:bodyPr wrap="square" lIns="36000" tIns="36000" rIns="36000" bIns="36000" rtlCol="0">
            <a:spAutoFit/>
          </a:bodyPr>
          <a:lstStyle/>
          <a:p>
            <a:r>
              <a:rPr lang="ja-JP" altLang="en-US" sz="800" dirty="0" smtClean="0">
                <a:latin typeface="Meiryo UI" pitchFamily="50" charset="-128"/>
                <a:ea typeface="Meiryo UI" pitchFamily="50" charset="-128"/>
                <a:cs typeface="Meiryo UI" pitchFamily="50" charset="-128"/>
              </a:rPr>
              <a:t>日本橋</a:t>
            </a:r>
            <a:r>
              <a:rPr kumimoji="1" lang="ja-JP" altLang="en-US" sz="800" dirty="0" smtClean="0">
                <a:latin typeface="Meiryo UI" pitchFamily="50" charset="-128"/>
                <a:ea typeface="Meiryo UI" pitchFamily="50" charset="-128"/>
                <a:cs typeface="Meiryo UI" pitchFamily="50" charset="-128"/>
              </a:rPr>
              <a:t>駅</a:t>
            </a:r>
            <a:endParaRPr kumimoji="1" lang="ja-JP" altLang="en-US" sz="800" dirty="0">
              <a:latin typeface="Meiryo UI" pitchFamily="50" charset="-128"/>
              <a:ea typeface="Meiryo UI" pitchFamily="50" charset="-128"/>
              <a:cs typeface="Meiryo UI" pitchFamily="50" charset="-128"/>
            </a:endParaRPr>
          </a:p>
        </p:txBody>
      </p:sp>
      <p:sp>
        <p:nvSpPr>
          <p:cNvPr id="48" name="テキスト ボックス 47"/>
          <p:cNvSpPr txBox="1"/>
          <p:nvPr/>
        </p:nvSpPr>
        <p:spPr>
          <a:xfrm>
            <a:off x="7977385" y="5517232"/>
            <a:ext cx="211203" cy="792088"/>
          </a:xfrm>
          <a:prstGeom prst="rect">
            <a:avLst/>
          </a:prstGeom>
          <a:solidFill>
            <a:schemeClr val="bg1">
              <a:alpha val="50000"/>
            </a:schemeClr>
          </a:solidFill>
        </p:spPr>
        <p:txBody>
          <a:bodyPr vert="eaVert" wrap="square" lIns="36000" tIns="36000" rIns="36000" bIns="36000" rtlCol="0">
            <a:spAutoFit/>
          </a:bodyPr>
          <a:lstStyle/>
          <a:p>
            <a:r>
              <a:rPr lang="ja-JP" altLang="en-US" sz="900" dirty="0" smtClean="0">
                <a:latin typeface="Meiryo UI" pitchFamily="50" charset="-128"/>
                <a:ea typeface="Meiryo UI" pitchFamily="50" charset="-128"/>
                <a:cs typeface="Meiryo UI" pitchFamily="50" charset="-128"/>
              </a:rPr>
              <a:t>南海なんば駅</a:t>
            </a:r>
            <a:endParaRPr kumimoji="1" lang="ja-JP" altLang="en-US" sz="900" dirty="0">
              <a:latin typeface="Meiryo UI" pitchFamily="50" charset="-128"/>
              <a:ea typeface="Meiryo UI" pitchFamily="50" charset="-128"/>
              <a:cs typeface="Meiryo UI" pitchFamily="50" charset="-128"/>
            </a:endParaRPr>
          </a:p>
        </p:txBody>
      </p:sp>
      <p:sp>
        <p:nvSpPr>
          <p:cNvPr id="54" name="テキスト ボックス 53"/>
          <p:cNvSpPr txBox="1"/>
          <p:nvPr/>
        </p:nvSpPr>
        <p:spPr>
          <a:xfrm>
            <a:off x="7694174" y="5085184"/>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smtClean="0">
                <a:latin typeface="Meiryo UI" pitchFamily="50" charset="-128"/>
                <a:ea typeface="Meiryo UI" pitchFamily="50" charset="-128"/>
                <a:cs typeface="Meiryo UI" pitchFamily="50" charset="-128"/>
              </a:rPr>
              <a:t>なんば駅</a:t>
            </a:r>
            <a:endParaRPr kumimoji="1" lang="ja-JP" altLang="en-US" sz="900" dirty="0">
              <a:latin typeface="Meiryo UI" pitchFamily="50" charset="-128"/>
              <a:ea typeface="Meiryo UI" pitchFamily="50" charset="-128"/>
              <a:cs typeface="Meiryo UI" pitchFamily="50" charset="-128"/>
            </a:endParaRPr>
          </a:p>
        </p:txBody>
      </p:sp>
      <p:sp>
        <p:nvSpPr>
          <p:cNvPr id="55" name="テキスト ボックス 54"/>
          <p:cNvSpPr txBox="1"/>
          <p:nvPr/>
        </p:nvSpPr>
        <p:spPr>
          <a:xfrm>
            <a:off x="6897224" y="5033386"/>
            <a:ext cx="720080" cy="195814"/>
          </a:xfrm>
          <a:prstGeom prst="rect">
            <a:avLst/>
          </a:prstGeom>
          <a:solidFill>
            <a:schemeClr val="bg1">
              <a:alpha val="50000"/>
            </a:schemeClr>
          </a:solidFill>
        </p:spPr>
        <p:txBody>
          <a:bodyPr wrap="square" lIns="36000" tIns="36000" rIns="36000" bIns="36000" rtlCol="0">
            <a:spAutoFit/>
          </a:bodyPr>
          <a:lstStyle/>
          <a:p>
            <a:r>
              <a:rPr lang="ja-JP" altLang="en-US" sz="800" dirty="0" smtClean="0">
                <a:latin typeface="Meiryo UI" pitchFamily="50" charset="-128"/>
                <a:ea typeface="Meiryo UI" pitchFamily="50" charset="-128"/>
                <a:cs typeface="Meiryo UI" pitchFamily="50" charset="-128"/>
              </a:rPr>
              <a:t>大阪難波</a:t>
            </a:r>
            <a:r>
              <a:rPr kumimoji="1" lang="ja-JP" altLang="en-US" sz="800" dirty="0" smtClean="0">
                <a:latin typeface="Meiryo UI" pitchFamily="50" charset="-128"/>
                <a:ea typeface="Meiryo UI" pitchFamily="50" charset="-128"/>
                <a:cs typeface="Meiryo UI" pitchFamily="50" charset="-128"/>
              </a:rPr>
              <a:t>駅</a:t>
            </a:r>
            <a:endParaRPr kumimoji="1" lang="ja-JP" altLang="en-US" sz="800" dirty="0">
              <a:latin typeface="Meiryo UI" pitchFamily="50" charset="-128"/>
              <a:ea typeface="Meiryo UI" pitchFamily="50" charset="-128"/>
              <a:cs typeface="Meiryo UI" pitchFamily="50" charset="-128"/>
            </a:endParaRPr>
          </a:p>
        </p:txBody>
      </p:sp>
      <p:sp>
        <p:nvSpPr>
          <p:cNvPr id="56" name="テキスト ボックス 55"/>
          <p:cNvSpPr txBox="1"/>
          <p:nvPr/>
        </p:nvSpPr>
        <p:spPr>
          <a:xfrm rot="20768210">
            <a:off x="6395761" y="5101048"/>
            <a:ext cx="211203" cy="648072"/>
          </a:xfrm>
          <a:prstGeom prst="rect">
            <a:avLst/>
          </a:prstGeom>
          <a:solidFill>
            <a:schemeClr val="bg1">
              <a:alpha val="50000"/>
            </a:schemeClr>
          </a:solidFill>
        </p:spPr>
        <p:txBody>
          <a:bodyPr vert="eaVert" wrap="square" lIns="36000" tIns="36000" rIns="36000" bIns="36000" rtlCol="0">
            <a:spAutoFit/>
          </a:bodyPr>
          <a:lstStyle/>
          <a:p>
            <a:r>
              <a:rPr lang="ja-JP" altLang="en-US" sz="900" dirty="0" smtClean="0">
                <a:latin typeface="Meiryo UI" pitchFamily="50" charset="-128"/>
                <a:ea typeface="Meiryo UI" pitchFamily="50" charset="-128"/>
                <a:cs typeface="Meiryo UI" pitchFamily="50" charset="-128"/>
              </a:rPr>
              <a:t>なんば駅</a:t>
            </a:r>
            <a:endParaRPr kumimoji="1" lang="ja-JP" altLang="en-US" sz="900" dirty="0">
              <a:latin typeface="Meiryo UI" pitchFamily="50" charset="-128"/>
              <a:ea typeface="Meiryo UI" pitchFamily="50" charset="-128"/>
              <a:cs typeface="Meiryo UI" pitchFamily="50" charset="-128"/>
            </a:endParaRPr>
          </a:p>
        </p:txBody>
      </p:sp>
      <p:sp>
        <p:nvSpPr>
          <p:cNvPr id="57" name="フリーフォーム 56"/>
          <p:cNvSpPr/>
          <p:nvPr/>
        </p:nvSpPr>
        <p:spPr>
          <a:xfrm>
            <a:off x="6492591" y="922865"/>
            <a:ext cx="2900857" cy="5561489"/>
          </a:xfrm>
          <a:custGeom>
            <a:avLst/>
            <a:gdLst>
              <a:gd name="connsiteX0" fmla="*/ 1163782 w 3182587"/>
              <a:gd name="connsiteY0" fmla="*/ 11875 h 5735782"/>
              <a:gd name="connsiteX1" fmla="*/ 1175658 w 3182587"/>
              <a:gd name="connsiteY1" fmla="*/ 807522 h 5735782"/>
              <a:gd name="connsiteX2" fmla="*/ 249382 w 3182587"/>
              <a:gd name="connsiteY2" fmla="*/ 795647 h 5735782"/>
              <a:gd name="connsiteX3" fmla="*/ 0 w 3182587"/>
              <a:gd name="connsiteY3" fmla="*/ 3479470 h 5735782"/>
              <a:gd name="connsiteX4" fmla="*/ 1294411 w 3182587"/>
              <a:gd name="connsiteY4" fmla="*/ 5735782 h 5735782"/>
              <a:gd name="connsiteX5" fmla="*/ 1923803 w 3182587"/>
              <a:gd name="connsiteY5" fmla="*/ 5498275 h 5735782"/>
              <a:gd name="connsiteX6" fmla="*/ 2054432 w 3182587"/>
              <a:gd name="connsiteY6" fmla="*/ 5676405 h 5735782"/>
              <a:gd name="connsiteX7" fmla="*/ 3063834 w 3182587"/>
              <a:gd name="connsiteY7" fmla="*/ 5712031 h 5735782"/>
              <a:gd name="connsiteX8" fmla="*/ 3182587 w 3182587"/>
              <a:gd name="connsiteY8" fmla="*/ 819397 h 5735782"/>
              <a:gd name="connsiteX9" fmla="*/ 2125683 w 3182587"/>
              <a:gd name="connsiteY9" fmla="*/ 807522 h 5735782"/>
              <a:gd name="connsiteX10" fmla="*/ 2137559 w 3182587"/>
              <a:gd name="connsiteY10" fmla="*/ 0 h 5735782"/>
              <a:gd name="connsiteX11" fmla="*/ 1163782 w 3182587"/>
              <a:gd name="connsiteY11" fmla="*/ 11875 h 5735782"/>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923803 w 3182587"/>
              <a:gd name="connsiteY5" fmla="*/ 5498275 h 5712031"/>
              <a:gd name="connsiteX6" fmla="*/ 2054432 w 3182587"/>
              <a:gd name="connsiteY6" fmla="*/ 5676405 h 5712031"/>
              <a:gd name="connsiteX7" fmla="*/ 3063834 w 3182587"/>
              <a:gd name="connsiteY7" fmla="*/ 5712031 h 5712031"/>
              <a:gd name="connsiteX8" fmla="*/ 3182587 w 3182587"/>
              <a:gd name="connsiteY8" fmla="*/ 819397 h 5712031"/>
              <a:gd name="connsiteX9" fmla="*/ 2125683 w 3182587"/>
              <a:gd name="connsiteY9" fmla="*/ 807522 h 5712031"/>
              <a:gd name="connsiteX10" fmla="*/ 2137559 w 3182587"/>
              <a:gd name="connsiteY10" fmla="*/ 0 h 5712031"/>
              <a:gd name="connsiteX11" fmla="*/ 1163782 w 3182587"/>
              <a:gd name="connsiteY11"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43793 w 3182587"/>
              <a:gd name="connsiteY5" fmla="*/ 5557653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781299 w 3182587"/>
              <a:gd name="connsiteY6" fmla="*/ 5462650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0165 w 3182587"/>
              <a:gd name="connsiteY6" fmla="*/ 5601631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3048 w 3182587"/>
              <a:gd name="connsiteY6" fmla="*/ 5549851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900053 w 3182587"/>
              <a:gd name="connsiteY7" fmla="*/ 5403272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852552 w 3182587"/>
              <a:gd name="connsiteY7" fmla="*/ 5427023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49382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3751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203232 w 3182587"/>
              <a:gd name="connsiteY11" fmla="*/ 1062986 h 5985163"/>
              <a:gd name="connsiteX12" fmla="*/ 2137559 w 3182587"/>
              <a:gd name="connsiteY12" fmla="*/ 23751 h 5985163"/>
              <a:gd name="connsiteX13" fmla="*/ 1140031 w 3182587"/>
              <a:gd name="connsiteY13" fmla="*/ 0 h 5985163"/>
              <a:gd name="connsiteX0" fmla="*/ 1140031 w 3182587"/>
              <a:gd name="connsiteY0" fmla="*/ 161497 h 6146660"/>
              <a:gd name="connsiteX1" fmla="*/ 1175658 w 3182587"/>
              <a:gd name="connsiteY1" fmla="*/ 1218401 h 6146660"/>
              <a:gd name="connsiteX2" fmla="*/ 249382 w 3182587"/>
              <a:gd name="connsiteY2" fmla="*/ 1206526 h 6146660"/>
              <a:gd name="connsiteX3" fmla="*/ 0 w 3182587"/>
              <a:gd name="connsiteY3" fmla="*/ 3890349 h 6146660"/>
              <a:gd name="connsiteX4" fmla="*/ 1229821 w 3182587"/>
              <a:gd name="connsiteY4" fmla="*/ 6033992 h 6146660"/>
              <a:gd name="connsiteX5" fmla="*/ 1571182 w 3182587"/>
              <a:gd name="connsiteY5" fmla="*/ 5869251 h 6146660"/>
              <a:gd name="connsiteX6" fmla="*/ 1643048 w 3182587"/>
              <a:gd name="connsiteY6" fmla="*/ 5960730 h 6146660"/>
              <a:gd name="connsiteX7" fmla="*/ 1852552 w 3182587"/>
              <a:gd name="connsiteY7" fmla="*/ 5837902 h 6146660"/>
              <a:gd name="connsiteX8" fmla="*/ 1971304 w 3182587"/>
              <a:gd name="connsiteY8" fmla="*/ 6146660 h 6146660"/>
              <a:gd name="connsiteX9" fmla="*/ 3063834 w 3182587"/>
              <a:gd name="connsiteY9" fmla="*/ 6122910 h 6146660"/>
              <a:gd name="connsiteX10" fmla="*/ 3182587 w 3182587"/>
              <a:gd name="connsiteY10" fmla="*/ 1230276 h 6146660"/>
              <a:gd name="connsiteX11" fmla="*/ 2203232 w 3182587"/>
              <a:gd name="connsiteY11" fmla="*/ 1224483 h 6146660"/>
              <a:gd name="connsiteX12" fmla="*/ 2216951 w 3182587"/>
              <a:gd name="connsiteY12" fmla="*/ 0 h 6146660"/>
              <a:gd name="connsiteX13" fmla="*/ 1140031 w 3182587"/>
              <a:gd name="connsiteY13" fmla="*/ 161497 h 6146660"/>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16951 w 3182587"/>
              <a:gd name="connsiteY12" fmla="*/ 63449 h 6210109"/>
              <a:gd name="connsiteX13" fmla="*/ 1245888 w 3182587"/>
              <a:gd name="connsiteY13" fmla="*/ 0 h 6210109"/>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380558 h 6210109"/>
              <a:gd name="connsiteX12" fmla="*/ 2203718 w 3182587"/>
              <a:gd name="connsiteY12" fmla="*/ 36984 h 6210109"/>
              <a:gd name="connsiteX13" fmla="*/ 1245888 w 3182587"/>
              <a:gd name="connsiteY13" fmla="*/ 0 h 6210109"/>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852552 w 3182587"/>
              <a:gd name="connsiteY7" fmla="*/ 5901351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918711 w 3182587"/>
              <a:gd name="connsiteY7" fmla="*/ 5888120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19425 w 3156124"/>
              <a:gd name="connsiteY0" fmla="*/ 0 h 6196877"/>
              <a:gd name="connsiteX1" fmla="*/ 1215356 w 3156124"/>
              <a:gd name="connsiteY1" fmla="*/ 1400938 h 6196877"/>
              <a:gd name="connsiteX2" fmla="*/ 156758 w 3156124"/>
              <a:gd name="connsiteY2" fmla="*/ 1389064 h 6196877"/>
              <a:gd name="connsiteX3" fmla="*/ 0 w 3156124"/>
              <a:gd name="connsiteY3" fmla="*/ 3914102 h 6196877"/>
              <a:gd name="connsiteX4" fmla="*/ 1203358 w 3156124"/>
              <a:gd name="connsiteY4" fmla="*/ 6097441 h 6196877"/>
              <a:gd name="connsiteX5" fmla="*/ 1544719 w 3156124"/>
              <a:gd name="connsiteY5" fmla="*/ 5932700 h 6196877"/>
              <a:gd name="connsiteX6" fmla="*/ 1616585 w 3156124"/>
              <a:gd name="connsiteY6" fmla="*/ 6024179 h 6196877"/>
              <a:gd name="connsiteX7" fmla="*/ 1892248 w 3156124"/>
              <a:gd name="connsiteY7" fmla="*/ 5888120 h 6196877"/>
              <a:gd name="connsiteX8" fmla="*/ 2024233 w 3156124"/>
              <a:gd name="connsiteY8" fmla="*/ 6196877 h 6196877"/>
              <a:gd name="connsiteX9" fmla="*/ 3037371 w 3156124"/>
              <a:gd name="connsiteY9" fmla="*/ 6186359 h 6196877"/>
              <a:gd name="connsiteX10" fmla="*/ 3156124 w 3156124"/>
              <a:gd name="connsiteY10" fmla="*/ 1373118 h 6196877"/>
              <a:gd name="connsiteX11" fmla="*/ 2176769 w 3156124"/>
              <a:gd name="connsiteY11" fmla="*/ 1380558 h 6196877"/>
              <a:gd name="connsiteX12" fmla="*/ 2177255 w 3156124"/>
              <a:gd name="connsiteY12" fmla="*/ 36984 h 6196877"/>
              <a:gd name="connsiteX13" fmla="*/ 1219425 w 3156124"/>
              <a:gd name="connsiteY13"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1281550 w 3234316"/>
              <a:gd name="connsiteY4" fmla="*/ 6097441 h 6196877"/>
              <a:gd name="connsiteX5" fmla="*/ 1622911 w 3234316"/>
              <a:gd name="connsiteY5" fmla="*/ 5932700 h 6196877"/>
              <a:gd name="connsiteX6" fmla="*/ 1694777 w 3234316"/>
              <a:gd name="connsiteY6" fmla="*/ 6024179 h 6196877"/>
              <a:gd name="connsiteX7" fmla="*/ 1970440 w 3234316"/>
              <a:gd name="connsiteY7" fmla="*/ 5888120 h 6196877"/>
              <a:gd name="connsiteX8" fmla="*/ 2102425 w 3234316"/>
              <a:gd name="connsiteY8" fmla="*/ 6196877 h 6196877"/>
              <a:gd name="connsiteX9" fmla="*/ 3115563 w 3234316"/>
              <a:gd name="connsiteY9" fmla="*/ 6186359 h 6196877"/>
              <a:gd name="connsiteX10" fmla="*/ 3234316 w 3234316"/>
              <a:gd name="connsiteY10" fmla="*/ 1373118 h 6196877"/>
              <a:gd name="connsiteX11" fmla="*/ 2254961 w 3234316"/>
              <a:gd name="connsiteY11" fmla="*/ 1380558 h 6196877"/>
              <a:gd name="connsiteX12" fmla="*/ 2255447 w 3234316"/>
              <a:gd name="connsiteY12" fmla="*/ 36984 h 6196877"/>
              <a:gd name="connsiteX13" fmla="*/ 1297617 w 3234316"/>
              <a:gd name="connsiteY13" fmla="*/ 0 h 6196877"/>
              <a:gd name="connsiteX0" fmla="*/ 1298693 w 3235392"/>
              <a:gd name="connsiteY0" fmla="*/ 0 h 6196877"/>
              <a:gd name="connsiteX1" fmla="*/ 1294624 w 3235392"/>
              <a:gd name="connsiteY1" fmla="*/ 1400938 h 6196877"/>
              <a:gd name="connsiteX2" fmla="*/ 236026 w 3235392"/>
              <a:gd name="connsiteY2" fmla="*/ 1389064 h 6196877"/>
              <a:gd name="connsiteX3" fmla="*/ 1076 w 3235392"/>
              <a:gd name="connsiteY3" fmla="*/ 3723241 h 6196877"/>
              <a:gd name="connsiteX4" fmla="*/ 0 w 3235392"/>
              <a:gd name="connsiteY4" fmla="*/ 3724142 h 6196877"/>
              <a:gd name="connsiteX5" fmla="*/ 1282626 w 3235392"/>
              <a:gd name="connsiteY5" fmla="*/ 6097441 h 6196877"/>
              <a:gd name="connsiteX6" fmla="*/ 1623987 w 3235392"/>
              <a:gd name="connsiteY6" fmla="*/ 5932700 h 6196877"/>
              <a:gd name="connsiteX7" fmla="*/ 1695853 w 3235392"/>
              <a:gd name="connsiteY7" fmla="*/ 6024179 h 6196877"/>
              <a:gd name="connsiteX8" fmla="*/ 1971516 w 3235392"/>
              <a:gd name="connsiteY8" fmla="*/ 5888120 h 6196877"/>
              <a:gd name="connsiteX9" fmla="*/ 2103501 w 3235392"/>
              <a:gd name="connsiteY9" fmla="*/ 6196877 h 6196877"/>
              <a:gd name="connsiteX10" fmla="*/ 3116639 w 3235392"/>
              <a:gd name="connsiteY10" fmla="*/ 6186359 h 6196877"/>
              <a:gd name="connsiteX11" fmla="*/ 3235392 w 3235392"/>
              <a:gd name="connsiteY11" fmla="*/ 1373118 h 6196877"/>
              <a:gd name="connsiteX12" fmla="*/ 2256037 w 3235392"/>
              <a:gd name="connsiteY12" fmla="*/ 1380558 h 6196877"/>
              <a:gd name="connsiteX13" fmla="*/ 2256523 w 3235392"/>
              <a:gd name="connsiteY13" fmla="*/ 36984 h 6196877"/>
              <a:gd name="connsiteX14" fmla="*/ 1298693 w 3235392"/>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51729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0237 w 3234316"/>
              <a:gd name="connsiteY4" fmla="*/ 3971069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9458 w 3234316"/>
              <a:gd name="connsiteY4" fmla="*/ 3906526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57948 w 3234316"/>
              <a:gd name="connsiteY4" fmla="*/ 390007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55906 w 3232274"/>
              <a:gd name="connsiteY4" fmla="*/ 390007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34586 w 3232274"/>
              <a:gd name="connsiteY4" fmla="*/ 393128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232274" h="6196877">
                <a:moveTo>
                  <a:pt x="1295575" y="0"/>
                </a:moveTo>
                <a:cubicBezTo>
                  <a:pt x="1294219" y="466979"/>
                  <a:pt x="1292862" y="933959"/>
                  <a:pt x="1291506" y="1400938"/>
                </a:cubicBezTo>
                <a:lnTo>
                  <a:pt x="232908" y="1389064"/>
                </a:lnTo>
                <a:lnTo>
                  <a:pt x="0" y="3657005"/>
                </a:lnTo>
                <a:lnTo>
                  <a:pt x="134586" y="3931285"/>
                </a:lnTo>
                <a:lnTo>
                  <a:pt x="1333443" y="6082084"/>
                </a:lnTo>
                <a:lnTo>
                  <a:pt x="1620869" y="5932700"/>
                </a:lnTo>
                <a:lnTo>
                  <a:pt x="1692735" y="6024179"/>
                </a:lnTo>
                <a:lnTo>
                  <a:pt x="1968398" y="5888120"/>
                </a:lnTo>
                <a:lnTo>
                  <a:pt x="2100383" y="6196877"/>
                </a:lnTo>
                <a:lnTo>
                  <a:pt x="3113521" y="6186359"/>
                </a:lnTo>
                <a:lnTo>
                  <a:pt x="3232274" y="1373118"/>
                </a:lnTo>
                <a:lnTo>
                  <a:pt x="2252919" y="1380558"/>
                </a:lnTo>
                <a:lnTo>
                  <a:pt x="2253405" y="36984"/>
                </a:lnTo>
                <a:lnTo>
                  <a:pt x="1295575" y="0"/>
                </a:lnTo>
                <a:close/>
              </a:path>
            </a:pathLst>
          </a:custGeom>
          <a:noFill/>
          <a:ln w="28575">
            <a:solidFill>
              <a:schemeClr val="tx1"/>
            </a:solidFill>
          </a:ln>
          <a:effectLst>
            <a:glow rad="101600">
              <a:schemeClr val="accent2">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cxnSp>
        <p:nvCxnSpPr>
          <p:cNvPr id="63" name="直線コネクタ 62"/>
          <p:cNvCxnSpPr>
            <a:stCxn id="36" idx="2"/>
          </p:cNvCxnSpPr>
          <p:nvPr/>
        </p:nvCxnSpPr>
        <p:spPr>
          <a:xfrm>
            <a:off x="8029523" y="6588849"/>
            <a:ext cx="91830" cy="269235"/>
          </a:xfrm>
          <a:prstGeom prst="line">
            <a:avLst/>
          </a:prstGeom>
          <a:ln w="1905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35" name="正方形/長方形 34"/>
          <p:cNvSpPr/>
          <p:nvPr/>
        </p:nvSpPr>
        <p:spPr>
          <a:xfrm rot="20426384">
            <a:off x="6661083" y="4940532"/>
            <a:ext cx="127531" cy="761900"/>
          </a:xfrm>
          <a:prstGeom prst="rect">
            <a:avLst/>
          </a:prstGeom>
          <a:solidFill>
            <a:schemeClr val="bg1">
              <a:lumMod val="7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フリーフォーム 49"/>
          <p:cNvSpPr/>
          <p:nvPr/>
        </p:nvSpPr>
        <p:spPr>
          <a:xfrm>
            <a:off x="5817381" y="4257971"/>
            <a:ext cx="645129" cy="521592"/>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89302 w 645129"/>
              <a:gd name="connsiteY0" fmla="*/ 0 h 521592"/>
              <a:gd name="connsiteX1" fmla="*/ 0 w 645129"/>
              <a:gd name="connsiteY1" fmla="*/ 386957 h 521592"/>
              <a:gd name="connsiteX2" fmla="*/ 617080 w 645129"/>
              <a:gd name="connsiteY2" fmla="*/ 521592 h 521592"/>
              <a:gd name="connsiteX3" fmla="*/ 645129 w 645129"/>
              <a:gd name="connsiteY3" fmla="*/ 465494 h 521592"/>
              <a:gd name="connsiteX4" fmla="*/ 504884 w 645129"/>
              <a:gd name="connsiteY4" fmla="*/ 100856 h 521592"/>
              <a:gd name="connsiteX5" fmla="*/ 89302 w 645129"/>
              <a:gd name="connsiteY5" fmla="*/ 0 h 521592"/>
              <a:gd name="connsiteX0" fmla="*/ 89302 w 645129"/>
              <a:gd name="connsiteY0" fmla="*/ 0 h 521592"/>
              <a:gd name="connsiteX1" fmla="*/ 0 w 645129"/>
              <a:gd name="connsiteY1" fmla="*/ 386957 h 521592"/>
              <a:gd name="connsiteX2" fmla="*/ 617080 w 645129"/>
              <a:gd name="connsiteY2" fmla="*/ 521592 h 521592"/>
              <a:gd name="connsiteX3" fmla="*/ 645129 w 645129"/>
              <a:gd name="connsiteY3" fmla="*/ 465494 h 521592"/>
              <a:gd name="connsiteX4" fmla="*/ 536690 w 645129"/>
              <a:gd name="connsiteY4" fmla="*/ 69051 h 521592"/>
              <a:gd name="connsiteX5" fmla="*/ 89302 w 645129"/>
              <a:gd name="connsiteY5" fmla="*/ 0 h 5215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645129" h="521592">
                <a:moveTo>
                  <a:pt x="89302" y="0"/>
                </a:moveTo>
                <a:lnTo>
                  <a:pt x="0" y="386957"/>
                </a:lnTo>
                <a:lnTo>
                  <a:pt x="617080" y="521592"/>
                </a:lnTo>
                <a:lnTo>
                  <a:pt x="645129" y="465494"/>
                </a:lnTo>
                <a:lnTo>
                  <a:pt x="536690" y="69051"/>
                </a:lnTo>
                <a:lnTo>
                  <a:pt x="89302" y="0"/>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51" name="テキスト ボックス 50"/>
          <p:cNvSpPr txBox="1"/>
          <p:nvPr/>
        </p:nvSpPr>
        <p:spPr>
          <a:xfrm>
            <a:off x="5961112" y="4365104"/>
            <a:ext cx="576064" cy="318924"/>
          </a:xfrm>
          <a:prstGeom prst="rect">
            <a:avLst/>
          </a:prstGeom>
          <a:solidFill>
            <a:schemeClr val="bg1">
              <a:alpha val="50000"/>
            </a:schemeClr>
          </a:solidFill>
        </p:spPr>
        <p:txBody>
          <a:bodyPr wrap="square" lIns="36000" tIns="36000" rIns="36000" bIns="36000" rtlCol="0">
            <a:spAutoFit/>
          </a:bodyPr>
          <a:lstStyle/>
          <a:p>
            <a:r>
              <a:rPr kumimoji="1" lang="ja-JP" altLang="en-US" sz="800" dirty="0" smtClean="0">
                <a:latin typeface="Meiryo UI" pitchFamily="50" charset="-128"/>
                <a:ea typeface="Meiryo UI" pitchFamily="50" charset="-128"/>
                <a:cs typeface="Meiryo UI" pitchFamily="50" charset="-128"/>
              </a:rPr>
              <a:t>なんば</a:t>
            </a:r>
            <a:endParaRPr lang="en-US" altLang="ja-JP" sz="800" dirty="0" smtClean="0">
              <a:latin typeface="Meiryo UI" pitchFamily="50" charset="-128"/>
              <a:ea typeface="Meiryo UI" pitchFamily="50" charset="-128"/>
              <a:cs typeface="Meiryo UI" pitchFamily="50" charset="-128"/>
            </a:endParaRPr>
          </a:p>
          <a:p>
            <a:r>
              <a:rPr kumimoji="1" lang="en-US" altLang="ja-JP" sz="800" dirty="0" smtClean="0">
                <a:latin typeface="Meiryo UI" pitchFamily="50" charset="-128"/>
                <a:ea typeface="Meiryo UI" pitchFamily="50" charset="-128"/>
                <a:cs typeface="Meiryo UI" pitchFamily="50" charset="-128"/>
              </a:rPr>
              <a:t>Hatch</a:t>
            </a:r>
          </a:p>
        </p:txBody>
      </p:sp>
      <p:sp>
        <p:nvSpPr>
          <p:cNvPr id="52" name="フリーフォーム 51"/>
          <p:cNvSpPr/>
          <p:nvPr/>
        </p:nvSpPr>
        <p:spPr>
          <a:xfrm>
            <a:off x="8489594" y="5731395"/>
            <a:ext cx="235846" cy="200376"/>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0 w 671366"/>
              <a:gd name="connsiteY0" fmla="*/ 100217 h 420736"/>
              <a:gd name="connsiteX1" fmla="*/ 26237 w 671366"/>
              <a:gd name="connsiteY1" fmla="*/ 286101 h 420736"/>
              <a:gd name="connsiteX2" fmla="*/ 643317 w 671366"/>
              <a:gd name="connsiteY2" fmla="*/ 420736 h 420736"/>
              <a:gd name="connsiteX3" fmla="*/ 671366 w 671366"/>
              <a:gd name="connsiteY3" fmla="*/ 364638 h 420736"/>
              <a:gd name="connsiteX4" fmla="*/ 531121 w 671366"/>
              <a:gd name="connsiteY4" fmla="*/ 0 h 420736"/>
              <a:gd name="connsiteX5" fmla="*/ 0 w 671366"/>
              <a:gd name="connsiteY5" fmla="*/ 100217 h 420736"/>
              <a:gd name="connsiteX0" fmla="*/ 0 w 671366"/>
              <a:gd name="connsiteY0" fmla="*/ 14492 h 335011"/>
              <a:gd name="connsiteX1" fmla="*/ 26237 w 671366"/>
              <a:gd name="connsiteY1" fmla="*/ 200376 h 335011"/>
              <a:gd name="connsiteX2" fmla="*/ 643317 w 671366"/>
              <a:gd name="connsiteY2" fmla="*/ 335011 h 335011"/>
              <a:gd name="connsiteX3" fmla="*/ 671366 w 671366"/>
              <a:gd name="connsiteY3" fmla="*/ 278913 h 335011"/>
              <a:gd name="connsiteX4" fmla="*/ 235846 w 671366"/>
              <a:gd name="connsiteY4" fmla="*/ 0 h 335011"/>
              <a:gd name="connsiteX5" fmla="*/ 0 w 671366"/>
              <a:gd name="connsiteY5" fmla="*/ 14492 h 335011"/>
              <a:gd name="connsiteX0" fmla="*/ 0 w 643317"/>
              <a:gd name="connsiteY0" fmla="*/ 14492 h 335011"/>
              <a:gd name="connsiteX1" fmla="*/ 26237 w 643317"/>
              <a:gd name="connsiteY1" fmla="*/ 200376 h 335011"/>
              <a:gd name="connsiteX2" fmla="*/ 643317 w 643317"/>
              <a:gd name="connsiteY2" fmla="*/ 335011 h 335011"/>
              <a:gd name="connsiteX3" fmla="*/ 235846 w 643317"/>
              <a:gd name="connsiteY3" fmla="*/ 0 h 335011"/>
              <a:gd name="connsiteX4" fmla="*/ 0 w 643317"/>
              <a:gd name="connsiteY4" fmla="*/ 14492 h 335011"/>
              <a:gd name="connsiteX0" fmla="*/ 0 w 235846"/>
              <a:gd name="connsiteY0" fmla="*/ 14492 h 200376"/>
              <a:gd name="connsiteX1" fmla="*/ 26237 w 235846"/>
              <a:gd name="connsiteY1" fmla="*/ 200376 h 200376"/>
              <a:gd name="connsiteX2" fmla="*/ 209929 w 235846"/>
              <a:gd name="connsiteY2" fmla="*/ 182611 h 200376"/>
              <a:gd name="connsiteX3" fmla="*/ 235846 w 235846"/>
              <a:gd name="connsiteY3" fmla="*/ 0 h 200376"/>
              <a:gd name="connsiteX4" fmla="*/ 0 w 235846"/>
              <a:gd name="connsiteY4" fmla="*/ 14492 h 20037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35846" h="200376">
                <a:moveTo>
                  <a:pt x="0" y="14492"/>
                </a:moveTo>
                <a:lnTo>
                  <a:pt x="26237" y="200376"/>
                </a:lnTo>
                <a:lnTo>
                  <a:pt x="209929" y="182611"/>
                </a:lnTo>
                <a:lnTo>
                  <a:pt x="235846" y="0"/>
                </a:lnTo>
                <a:lnTo>
                  <a:pt x="0" y="14492"/>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53" name="テキスト ボックス 52"/>
          <p:cNvSpPr txBox="1"/>
          <p:nvPr/>
        </p:nvSpPr>
        <p:spPr>
          <a:xfrm>
            <a:off x="8481392" y="5414374"/>
            <a:ext cx="576064" cy="318924"/>
          </a:xfrm>
          <a:prstGeom prst="rect">
            <a:avLst/>
          </a:prstGeom>
          <a:solidFill>
            <a:schemeClr val="bg1">
              <a:alpha val="50000"/>
            </a:schemeClr>
          </a:solidFill>
        </p:spPr>
        <p:txBody>
          <a:bodyPr wrap="square" lIns="36000" tIns="36000" rIns="36000" bIns="36000" rtlCol="0">
            <a:spAutoFit/>
          </a:bodyPr>
          <a:lstStyle/>
          <a:p>
            <a:r>
              <a:rPr kumimoji="1" lang="ja-JP" altLang="en-US" sz="800" dirty="0" smtClean="0">
                <a:latin typeface="Meiryo UI" pitchFamily="50" charset="-128"/>
                <a:ea typeface="Meiryo UI" pitchFamily="50" charset="-128"/>
                <a:cs typeface="Meiryo UI" pitchFamily="50" charset="-128"/>
              </a:rPr>
              <a:t>なんば</a:t>
            </a:r>
            <a:endParaRPr kumimoji="1" lang="en-US" altLang="ja-JP" sz="800" dirty="0" smtClean="0">
              <a:latin typeface="Meiryo UI" pitchFamily="50" charset="-128"/>
              <a:ea typeface="Meiryo UI" pitchFamily="50" charset="-128"/>
              <a:cs typeface="Meiryo UI" pitchFamily="50" charset="-128"/>
            </a:endParaRPr>
          </a:p>
          <a:p>
            <a:r>
              <a:rPr lang="ja-JP" altLang="en-US" sz="800" dirty="0" smtClean="0">
                <a:latin typeface="Meiryo UI" pitchFamily="50" charset="-128"/>
                <a:ea typeface="Meiryo UI" pitchFamily="50" charset="-128"/>
                <a:cs typeface="Meiryo UI" pitchFamily="50" charset="-128"/>
              </a:rPr>
              <a:t>グランド花月</a:t>
            </a:r>
            <a:endParaRPr kumimoji="1" lang="ja-JP" altLang="en-US" sz="800" dirty="0">
              <a:latin typeface="Meiryo UI" pitchFamily="50" charset="-128"/>
              <a:ea typeface="Meiryo UI" pitchFamily="50" charset="-128"/>
              <a:cs typeface="Meiryo UI" pitchFamily="50" charset="-128"/>
            </a:endParaRPr>
          </a:p>
        </p:txBody>
      </p:sp>
      <p:sp>
        <p:nvSpPr>
          <p:cNvPr id="58" name="フリーフォーム 57"/>
          <p:cNvSpPr/>
          <p:nvPr/>
        </p:nvSpPr>
        <p:spPr>
          <a:xfrm>
            <a:off x="7694066" y="4433888"/>
            <a:ext cx="121253" cy="190874"/>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13426 w 645129"/>
              <a:gd name="connsiteY0" fmla="*/ 7076 h 420736"/>
              <a:gd name="connsiteX1" fmla="*/ 0 w 645129"/>
              <a:gd name="connsiteY1" fmla="*/ 286101 h 420736"/>
              <a:gd name="connsiteX2" fmla="*/ 617080 w 645129"/>
              <a:gd name="connsiteY2" fmla="*/ 420736 h 420736"/>
              <a:gd name="connsiteX3" fmla="*/ 645129 w 645129"/>
              <a:gd name="connsiteY3" fmla="*/ 364638 h 420736"/>
              <a:gd name="connsiteX4" fmla="*/ 504884 w 645129"/>
              <a:gd name="connsiteY4" fmla="*/ 0 h 420736"/>
              <a:gd name="connsiteX5" fmla="*/ 13426 w 645129"/>
              <a:gd name="connsiteY5" fmla="*/ 7076 h 420736"/>
              <a:gd name="connsiteX0" fmla="*/ 8663 w 640366"/>
              <a:gd name="connsiteY0" fmla="*/ 7076 h 420736"/>
              <a:gd name="connsiteX1" fmla="*/ 0 w 640366"/>
              <a:gd name="connsiteY1" fmla="*/ 195613 h 420736"/>
              <a:gd name="connsiteX2" fmla="*/ 612317 w 640366"/>
              <a:gd name="connsiteY2" fmla="*/ 420736 h 420736"/>
              <a:gd name="connsiteX3" fmla="*/ 640366 w 640366"/>
              <a:gd name="connsiteY3" fmla="*/ 364638 h 420736"/>
              <a:gd name="connsiteX4" fmla="*/ 500121 w 640366"/>
              <a:gd name="connsiteY4" fmla="*/ 0 h 420736"/>
              <a:gd name="connsiteX5" fmla="*/ 8663 w 640366"/>
              <a:gd name="connsiteY5" fmla="*/ 7076 h 420736"/>
              <a:gd name="connsiteX0" fmla="*/ 8663 w 640366"/>
              <a:gd name="connsiteY0" fmla="*/ 7076 h 364638"/>
              <a:gd name="connsiteX1" fmla="*/ 0 w 640366"/>
              <a:gd name="connsiteY1" fmla="*/ 195613 h 364638"/>
              <a:gd name="connsiteX2" fmla="*/ 640366 w 640366"/>
              <a:gd name="connsiteY2" fmla="*/ 364638 h 364638"/>
              <a:gd name="connsiteX3" fmla="*/ 500121 w 640366"/>
              <a:gd name="connsiteY3" fmla="*/ 0 h 364638"/>
              <a:gd name="connsiteX4" fmla="*/ 8663 w 640366"/>
              <a:gd name="connsiteY4" fmla="*/ 7076 h 364638"/>
              <a:gd name="connsiteX0" fmla="*/ 8663 w 500121"/>
              <a:gd name="connsiteY0" fmla="*/ 7076 h 197950"/>
              <a:gd name="connsiteX1" fmla="*/ 0 w 500121"/>
              <a:gd name="connsiteY1" fmla="*/ 195613 h 197950"/>
              <a:gd name="connsiteX2" fmla="*/ 121253 w 500121"/>
              <a:gd name="connsiteY2" fmla="*/ 197950 h 197950"/>
              <a:gd name="connsiteX3" fmla="*/ 500121 w 500121"/>
              <a:gd name="connsiteY3" fmla="*/ 0 h 197950"/>
              <a:gd name="connsiteX4" fmla="*/ 8663 w 500121"/>
              <a:gd name="connsiteY4" fmla="*/ 7076 h 197950"/>
              <a:gd name="connsiteX0" fmla="*/ 8663 w 128646"/>
              <a:gd name="connsiteY0" fmla="*/ 7076 h 197950"/>
              <a:gd name="connsiteX1" fmla="*/ 0 w 128646"/>
              <a:gd name="connsiteY1" fmla="*/ 195613 h 197950"/>
              <a:gd name="connsiteX2" fmla="*/ 121253 w 128646"/>
              <a:gd name="connsiteY2" fmla="*/ 197950 h 197950"/>
              <a:gd name="connsiteX3" fmla="*/ 128646 w 128646"/>
              <a:gd name="connsiteY3" fmla="*/ 0 h 197950"/>
              <a:gd name="connsiteX4" fmla="*/ 8663 w 128646"/>
              <a:gd name="connsiteY4" fmla="*/ 7076 h 197950"/>
              <a:gd name="connsiteX0" fmla="*/ 8663 w 121253"/>
              <a:gd name="connsiteY0" fmla="*/ 0 h 190874"/>
              <a:gd name="connsiteX1" fmla="*/ 0 w 121253"/>
              <a:gd name="connsiteY1" fmla="*/ 188537 h 190874"/>
              <a:gd name="connsiteX2" fmla="*/ 121253 w 121253"/>
              <a:gd name="connsiteY2" fmla="*/ 190874 h 190874"/>
              <a:gd name="connsiteX3" fmla="*/ 114359 w 121253"/>
              <a:gd name="connsiteY3" fmla="*/ 7212 h 190874"/>
              <a:gd name="connsiteX4" fmla="*/ 8663 w 121253"/>
              <a:gd name="connsiteY4" fmla="*/ 0 h 19087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21253" h="190874">
                <a:moveTo>
                  <a:pt x="8663" y="0"/>
                </a:moveTo>
                <a:lnTo>
                  <a:pt x="0" y="188537"/>
                </a:lnTo>
                <a:lnTo>
                  <a:pt x="121253" y="190874"/>
                </a:lnTo>
                <a:lnTo>
                  <a:pt x="114359" y="7212"/>
                </a:lnTo>
                <a:lnTo>
                  <a:pt x="8663" y="0"/>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59" name="テキスト ボックス 58"/>
          <p:cNvSpPr txBox="1"/>
          <p:nvPr/>
        </p:nvSpPr>
        <p:spPr>
          <a:xfrm>
            <a:off x="7833322" y="4437112"/>
            <a:ext cx="432049" cy="195814"/>
          </a:xfrm>
          <a:prstGeom prst="rect">
            <a:avLst/>
          </a:prstGeom>
          <a:solidFill>
            <a:schemeClr val="bg1">
              <a:alpha val="50000"/>
            </a:schemeClr>
          </a:solidFill>
        </p:spPr>
        <p:txBody>
          <a:bodyPr wrap="square" lIns="36000" tIns="36000" rIns="36000" bIns="36000" rtlCol="0">
            <a:spAutoFit/>
          </a:bodyPr>
          <a:lstStyle/>
          <a:p>
            <a:r>
              <a:rPr kumimoji="1" lang="ja-JP" altLang="en-US" sz="800" dirty="0" smtClean="0">
                <a:latin typeface="Meiryo UI" pitchFamily="50" charset="-128"/>
                <a:ea typeface="Meiryo UI" pitchFamily="50" charset="-128"/>
                <a:cs typeface="Meiryo UI" pitchFamily="50" charset="-128"/>
              </a:rPr>
              <a:t>松竹座</a:t>
            </a:r>
            <a:endParaRPr kumimoji="1" lang="ja-JP" altLang="en-US" sz="800" dirty="0">
              <a:latin typeface="Meiryo UI" pitchFamily="50" charset="-128"/>
              <a:ea typeface="Meiryo UI" pitchFamily="50" charset="-128"/>
              <a:cs typeface="Meiryo UI" pitchFamily="50" charset="-128"/>
            </a:endParaRPr>
          </a:p>
        </p:txBody>
      </p:sp>
      <p:sp>
        <p:nvSpPr>
          <p:cNvPr id="60" name="フリーフォーム 59"/>
          <p:cNvSpPr/>
          <p:nvPr/>
        </p:nvSpPr>
        <p:spPr>
          <a:xfrm>
            <a:off x="5988923" y="4156120"/>
            <a:ext cx="3337014" cy="201990"/>
          </a:xfrm>
          <a:custGeom>
            <a:avLst/>
            <a:gdLst>
              <a:gd name="connsiteX0" fmla="*/ 78538 w 645129"/>
              <a:gd name="connsiteY0" fmla="*/ 0 h 482444"/>
              <a:gd name="connsiteX1" fmla="*/ 0 w 645129"/>
              <a:gd name="connsiteY1" fmla="*/ 347809 h 482444"/>
              <a:gd name="connsiteX2" fmla="*/ 617080 w 645129"/>
              <a:gd name="connsiteY2" fmla="*/ 482444 h 482444"/>
              <a:gd name="connsiteX3" fmla="*/ 645129 w 645129"/>
              <a:gd name="connsiteY3" fmla="*/ 426346 h 482444"/>
              <a:gd name="connsiteX4" fmla="*/ 504884 w 645129"/>
              <a:gd name="connsiteY4" fmla="*/ 61708 h 482444"/>
              <a:gd name="connsiteX5" fmla="*/ 78538 w 645129"/>
              <a:gd name="connsiteY5" fmla="*/ 0 h 482444"/>
              <a:gd name="connsiteX0" fmla="*/ 78538 w 979894"/>
              <a:gd name="connsiteY0" fmla="*/ 0 h 482444"/>
              <a:gd name="connsiteX1" fmla="*/ 0 w 979894"/>
              <a:gd name="connsiteY1" fmla="*/ 347809 h 482444"/>
              <a:gd name="connsiteX2" fmla="*/ 617080 w 979894"/>
              <a:gd name="connsiteY2" fmla="*/ 482444 h 482444"/>
              <a:gd name="connsiteX3" fmla="*/ 979894 w 979894"/>
              <a:gd name="connsiteY3" fmla="*/ 405213 h 482444"/>
              <a:gd name="connsiteX4" fmla="*/ 504884 w 979894"/>
              <a:gd name="connsiteY4" fmla="*/ 61708 h 482444"/>
              <a:gd name="connsiteX5" fmla="*/ 78538 w 979894"/>
              <a:gd name="connsiteY5" fmla="*/ 0 h 482444"/>
              <a:gd name="connsiteX0" fmla="*/ 78538 w 988555"/>
              <a:gd name="connsiteY0" fmla="*/ 0 h 482444"/>
              <a:gd name="connsiteX1" fmla="*/ 0 w 988555"/>
              <a:gd name="connsiteY1" fmla="*/ 347809 h 482444"/>
              <a:gd name="connsiteX2" fmla="*/ 988555 w 988555"/>
              <a:gd name="connsiteY2" fmla="*/ 482444 h 482444"/>
              <a:gd name="connsiteX3" fmla="*/ 979894 w 988555"/>
              <a:gd name="connsiteY3" fmla="*/ 405213 h 482444"/>
              <a:gd name="connsiteX4" fmla="*/ 504884 w 988555"/>
              <a:gd name="connsiteY4" fmla="*/ 61708 h 482444"/>
              <a:gd name="connsiteX5" fmla="*/ 78538 w 988555"/>
              <a:gd name="connsiteY5" fmla="*/ 0 h 482444"/>
              <a:gd name="connsiteX0" fmla="*/ 1602538 w 2512555"/>
              <a:gd name="connsiteY0" fmla="*/ 0 h 482444"/>
              <a:gd name="connsiteX1" fmla="*/ 0 w 2512555"/>
              <a:gd name="connsiteY1" fmla="*/ 481159 h 482444"/>
              <a:gd name="connsiteX2" fmla="*/ 2512555 w 2512555"/>
              <a:gd name="connsiteY2" fmla="*/ 482444 h 482444"/>
              <a:gd name="connsiteX3" fmla="*/ 2503894 w 2512555"/>
              <a:gd name="connsiteY3" fmla="*/ 405213 h 482444"/>
              <a:gd name="connsiteX4" fmla="*/ 2028884 w 2512555"/>
              <a:gd name="connsiteY4" fmla="*/ 61708 h 482444"/>
              <a:gd name="connsiteX5" fmla="*/ 1602538 w 2512555"/>
              <a:gd name="connsiteY5" fmla="*/ 0 h 482444"/>
              <a:gd name="connsiteX0" fmla="*/ 0 w 3367467"/>
              <a:gd name="connsiteY0" fmla="*/ 305005 h 420736"/>
              <a:gd name="connsiteX1" fmla="*/ 854912 w 3367467"/>
              <a:gd name="connsiteY1" fmla="*/ 419451 h 420736"/>
              <a:gd name="connsiteX2" fmla="*/ 3367467 w 3367467"/>
              <a:gd name="connsiteY2" fmla="*/ 420736 h 420736"/>
              <a:gd name="connsiteX3" fmla="*/ 3358806 w 3367467"/>
              <a:gd name="connsiteY3" fmla="*/ 343505 h 420736"/>
              <a:gd name="connsiteX4" fmla="*/ 2883796 w 3367467"/>
              <a:gd name="connsiteY4" fmla="*/ 0 h 420736"/>
              <a:gd name="connsiteX5" fmla="*/ 0 w 3367467"/>
              <a:gd name="connsiteY5" fmla="*/ 305005 h 420736"/>
              <a:gd name="connsiteX0" fmla="*/ 0 w 3367467"/>
              <a:gd name="connsiteY0" fmla="*/ 0 h 115731"/>
              <a:gd name="connsiteX1" fmla="*/ 854912 w 3367467"/>
              <a:gd name="connsiteY1" fmla="*/ 114446 h 115731"/>
              <a:gd name="connsiteX2" fmla="*/ 3367467 w 3367467"/>
              <a:gd name="connsiteY2" fmla="*/ 115731 h 115731"/>
              <a:gd name="connsiteX3" fmla="*/ 3358806 w 3367467"/>
              <a:gd name="connsiteY3" fmla="*/ 38500 h 115731"/>
              <a:gd name="connsiteX4" fmla="*/ 769246 w 3367467"/>
              <a:gd name="connsiteY4" fmla="*/ 33132 h 115731"/>
              <a:gd name="connsiteX5" fmla="*/ 0 w 3367467"/>
              <a:gd name="connsiteY5" fmla="*/ 0 h 115731"/>
              <a:gd name="connsiteX0" fmla="*/ 0 w 3367467"/>
              <a:gd name="connsiteY0" fmla="*/ 0 h 115731"/>
              <a:gd name="connsiteX1" fmla="*/ 854912 w 3367467"/>
              <a:gd name="connsiteY1" fmla="*/ 114446 h 115731"/>
              <a:gd name="connsiteX2" fmla="*/ 3367467 w 3367467"/>
              <a:gd name="connsiteY2" fmla="*/ 115731 h 115731"/>
              <a:gd name="connsiteX3" fmla="*/ 3358806 w 3367467"/>
              <a:gd name="connsiteY3" fmla="*/ 38500 h 115731"/>
              <a:gd name="connsiteX4" fmla="*/ 1299585 w 3367467"/>
              <a:gd name="connsiteY4" fmla="*/ 39439 h 115731"/>
              <a:gd name="connsiteX5" fmla="*/ 769246 w 3367467"/>
              <a:gd name="connsiteY5" fmla="*/ 33132 h 115731"/>
              <a:gd name="connsiteX6" fmla="*/ 0 w 3367467"/>
              <a:gd name="connsiteY6" fmla="*/ 0 h 115731"/>
              <a:gd name="connsiteX0" fmla="*/ 0 w 3367467"/>
              <a:gd name="connsiteY0" fmla="*/ 66880 h 182611"/>
              <a:gd name="connsiteX1" fmla="*/ 854912 w 3367467"/>
              <a:gd name="connsiteY1" fmla="*/ 181326 h 182611"/>
              <a:gd name="connsiteX2" fmla="*/ 3367467 w 3367467"/>
              <a:gd name="connsiteY2" fmla="*/ 182611 h 182611"/>
              <a:gd name="connsiteX3" fmla="*/ 3358806 w 3367467"/>
              <a:gd name="connsiteY3" fmla="*/ 105380 h 182611"/>
              <a:gd name="connsiteX4" fmla="*/ 1299585 w 3367467"/>
              <a:gd name="connsiteY4" fmla="*/ 106319 h 182611"/>
              <a:gd name="connsiteX5" fmla="*/ 12009 w 3367467"/>
              <a:gd name="connsiteY5" fmla="*/ 0 h 182611"/>
              <a:gd name="connsiteX6" fmla="*/ 0 w 3367467"/>
              <a:gd name="connsiteY6" fmla="*/ 66880 h 182611"/>
              <a:gd name="connsiteX0" fmla="*/ 0 w 3367467"/>
              <a:gd name="connsiteY0" fmla="*/ 66880 h 182611"/>
              <a:gd name="connsiteX1" fmla="*/ 854912 w 3367467"/>
              <a:gd name="connsiteY1" fmla="*/ 181326 h 182611"/>
              <a:gd name="connsiteX2" fmla="*/ 3367467 w 3367467"/>
              <a:gd name="connsiteY2" fmla="*/ 182611 h 182611"/>
              <a:gd name="connsiteX3" fmla="*/ 3358806 w 3367467"/>
              <a:gd name="connsiteY3" fmla="*/ 105380 h 182611"/>
              <a:gd name="connsiteX4" fmla="*/ 737610 w 3367467"/>
              <a:gd name="connsiteY4" fmla="*/ 101557 h 182611"/>
              <a:gd name="connsiteX5" fmla="*/ 12009 w 3367467"/>
              <a:gd name="connsiteY5" fmla="*/ 0 h 182611"/>
              <a:gd name="connsiteX6" fmla="*/ 0 w 3367467"/>
              <a:gd name="connsiteY6" fmla="*/ 66880 h 182611"/>
              <a:gd name="connsiteX0" fmla="*/ 0 w 3367467"/>
              <a:gd name="connsiteY0" fmla="*/ 62117 h 177848"/>
              <a:gd name="connsiteX1" fmla="*/ 854912 w 3367467"/>
              <a:gd name="connsiteY1" fmla="*/ 176563 h 177848"/>
              <a:gd name="connsiteX2" fmla="*/ 3367467 w 3367467"/>
              <a:gd name="connsiteY2" fmla="*/ 177848 h 177848"/>
              <a:gd name="connsiteX3" fmla="*/ 3358806 w 3367467"/>
              <a:gd name="connsiteY3" fmla="*/ 100617 h 177848"/>
              <a:gd name="connsiteX4" fmla="*/ 737610 w 3367467"/>
              <a:gd name="connsiteY4" fmla="*/ 96794 h 177848"/>
              <a:gd name="connsiteX5" fmla="*/ 88209 w 3367467"/>
              <a:gd name="connsiteY5" fmla="*/ 0 h 177848"/>
              <a:gd name="connsiteX6" fmla="*/ 0 w 3367467"/>
              <a:gd name="connsiteY6" fmla="*/ 62117 h 177848"/>
              <a:gd name="connsiteX0" fmla="*/ 0 w 3300792"/>
              <a:gd name="connsiteY0" fmla="*/ 71642 h 177848"/>
              <a:gd name="connsiteX1" fmla="*/ 788237 w 3300792"/>
              <a:gd name="connsiteY1" fmla="*/ 176563 h 177848"/>
              <a:gd name="connsiteX2" fmla="*/ 3300792 w 3300792"/>
              <a:gd name="connsiteY2" fmla="*/ 177848 h 177848"/>
              <a:gd name="connsiteX3" fmla="*/ 3292131 w 3300792"/>
              <a:gd name="connsiteY3" fmla="*/ 100617 h 177848"/>
              <a:gd name="connsiteX4" fmla="*/ 670935 w 3300792"/>
              <a:gd name="connsiteY4" fmla="*/ 96794 h 177848"/>
              <a:gd name="connsiteX5" fmla="*/ 21534 w 3300792"/>
              <a:gd name="connsiteY5" fmla="*/ 0 h 177848"/>
              <a:gd name="connsiteX6" fmla="*/ 0 w 3300792"/>
              <a:gd name="connsiteY6" fmla="*/ 71642 h 177848"/>
              <a:gd name="connsiteX0" fmla="*/ 0 w 3300792"/>
              <a:gd name="connsiteY0" fmla="*/ 81167 h 187373"/>
              <a:gd name="connsiteX1" fmla="*/ 788237 w 3300792"/>
              <a:gd name="connsiteY1" fmla="*/ 186088 h 187373"/>
              <a:gd name="connsiteX2" fmla="*/ 3300792 w 3300792"/>
              <a:gd name="connsiteY2" fmla="*/ 187373 h 187373"/>
              <a:gd name="connsiteX3" fmla="*/ 3292131 w 3300792"/>
              <a:gd name="connsiteY3" fmla="*/ 110142 h 187373"/>
              <a:gd name="connsiteX4" fmla="*/ 670935 w 3300792"/>
              <a:gd name="connsiteY4" fmla="*/ 106319 h 187373"/>
              <a:gd name="connsiteX5" fmla="*/ 7246 w 3300792"/>
              <a:gd name="connsiteY5" fmla="*/ 0 h 187373"/>
              <a:gd name="connsiteX6" fmla="*/ 0 w 3300792"/>
              <a:gd name="connsiteY6" fmla="*/ 81167 h 187373"/>
              <a:gd name="connsiteX0" fmla="*/ 0 w 3315080"/>
              <a:gd name="connsiteY0" fmla="*/ 81167 h 187373"/>
              <a:gd name="connsiteX1" fmla="*/ 802525 w 3315080"/>
              <a:gd name="connsiteY1" fmla="*/ 186088 h 187373"/>
              <a:gd name="connsiteX2" fmla="*/ 3315080 w 3315080"/>
              <a:gd name="connsiteY2" fmla="*/ 187373 h 187373"/>
              <a:gd name="connsiteX3" fmla="*/ 3306419 w 3315080"/>
              <a:gd name="connsiteY3" fmla="*/ 110142 h 187373"/>
              <a:gd name="connsiteX4" fmla="*/ 685223 w 3315080"/>
              <a:gd name="connsiteY4" fmla="*/ 106319 h 187373"/>
              <a:gd name="connsiteX5" fmla="*/ 21534 w 3315080"/>
              <a:gd name="connsiteY5" fmla="*/ 0 h 187373"/>
              <a:gd name="connsiteX6" fmla="*/ 0 w 3315080"/>
              <a:gd name="connsiteY6" fmla="*/ 81167 h 187373"/>
              <a:gd name="connsiteX0" fmla="*/ 0 w 3337014"/>
              <a:gd name="connsiteY0" fmla="*/ 137881 h 187373"/>
              <a:gd name="connsiteX1" fmla="*/ 824459 w 3337014"/>
              <a:gd name="connsiteY1" fmla="*/ 186088 h 187373"/>
              <a:gd name="connsiteX2" fmla="*/ 3337014 w 3337014"/>
              <a:gd name="connsiteY2" fmla="*/ 187373 h 187373"/>
              <a:gd name="connsiteX3" fmla="*/ 3328353 w 3337014"/>
              <a:gd name="connsiteY3" fmla="*/ 110142 h 187373"/>
              <a:gd name="connsiteX4" fmla="*/ 707157 w 3337014"/>
              <a:gd name="connsiteY4" fmla="*/ 106319 h 187373"/>
              <a:gd name="connsiteX5" fmla="*/ 43468 w 3337014"/>
              <a:gd name="connsiteY5" fmla="*/ 0 h 187373"/>
              <a:gd name="connsiteX6" fmla="*/ 0 w 3337014"/>
              <a:gd name="connsiteY6" fmla="*/ 137881 h 187373"/>
              <a:gd name="connsiteX0" fmla="*/ 0 w 3337014"/>
              <a:gd name="connsiteY0" fmla="*/ 137881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43468 w 3337014"/>
              <a:gd name="connsiteY5" fmla="*/ 0 h 201990"/>
              <a:gd name="connsiteX6" fmla="*/ 0 w 3337014"/>
              <a:gd name="connsiteY6" fmla="*/ 137881 h 201990"/>
              <a:gd name="connsiteX0" fmla="*/ 0 w 3337014"/>
              <a:gd name="connsiteY0" fmla="*/ 106076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43468 w 3337014"/>
              <a:gd name="connsiteY5" fmla="*/ 0 h 201990"/>
              <a:gd name="connsiteX6" fmla="*/ 0 w 3337014"/>
              <a:gd name="connsiteY6" fmla="*/ 106076 h 201990"/>
              <a:gd name="connsiteX0" fmla="*/ 0 w 3337014"/>
              <a:gd name="connsiteY0" fmla="*/ 106076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3711 w 3337014"/>
              <a:gd name="connsiteY5" fmla="*/ 0 h 201990"/>
              <a:gd name="connsiteX6" fmla="*/ 0 w 3337014"/>
              <a:gd name="connsiteY6" fmla="*/ 106076 h 201990"/>
              <a:gd name="connsiteX0" fmla="*/ 0 w 3337014"/>
              <a:gd name="connsiteY0" fmla="*/ 106076 h 201990"/>
              <a:gd name="connsiteX1" fmla="*/ 673385 w 3337014"/>
              <a:gd name="connsiteY1" fmla="*/ 201990 h 201990"/>
              <a:gd name="connsiteX2" fmla="*/ 3337014 w 3337014"/>
              <a:gd name="connsiteY2" fmla="*/ 187373 h 201990"/>
              <a:gd name="connsiteX3" fmla="*/ 3328353 w 3337014"/>
              <a:gd name="connsiteY3" fmla="*/ 110142 h 201990"/>
              <a:gd name="connsiteX4" fmla="*/ 707157 w 3337014"/>
              <a:gd name="connsiteY4" fmla="*/ 106319 h 201990"/>
              <a:gd name="connsiteX5" fmla="*/ 11662 w 3337014"/>
              <a:gd name="connsiteY5" fmla="*/ 0 h 201990"/>
              <a:gd name="connsiteX6" fmla="*/ 0 w 3337014"/>
              <a:gd name="connsiteY6" fmla="*/ 106076 h 20199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337014" h="201990">
                <a:moveTo>
                  <a:pt x="0" y="106076"/>
                </a:moveTo>
                <a:lnTo>
                  <a:pt x="673385" y="201990"/>
                </a:lnTo>
                <a:lnTo>
                  <a:pt x="3337014" y="187373"/>
                </a:lnTo>
                <a:lnTo>
                  <a:pt x="3328353" y="110142"/>
                </a:lnTo>
                <a:lnTo>
                  <a:pt x="707157" y="106319"/>
                </a:lnTo>
                <a:lnTo>
                  <a:pt x="11662" y="0"/>
                </a:lnTo>
                <a:lnTo>
                  <a:pt x="0" y="106076"/>
                </a:lnTo>
                <a:close/>
              </a:path>
            </a:pathLst>
          </a:custGeom>
          <a:solidFill>
            <a:srgbClr val="FFFF00">
              <a:alpha val="50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64" name="スライド番号プレースホルダ 63"/>
          <p:cNvSpPr>
            <a:spLocks noGrp="1"/>
          </p:cNvSpPr>
          <p:nvPr>
            <p:ph type="sldNum" sz="quarter" idx="12"/>
          </p:nvPr>
        </p:nvSpPr>
        <p:spPr/>
        <p:txBody>
          <a:bodyPr/>
          <a:lstStyle/>
          <a:p>
            <a:fld id="{37EF5067-3AB7-4642-9103-42CBD40CC6D9}" type="slidenum">
              <a:rPr kumimoji="1" lang="ja-JP" altLang="en-US" smtClean="0"/>
              <a:pPr/>
              <a:t>19</a:t>
            </a:fld>
            <a:endParaRPr kumimoji="1" lang="ja-JP" altLang="en-US"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63234" y="1039090"/>
            <a:ext cx="9434945" cy="5430983"/>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2" name="タイトル 1"/>
          <p:cNvSpPr>
            <a:spLocks noGrp="1"/>
          </p:cNvSpPr>
          <p:nvPr>
            <p:ph type="title"/>
          </p:nvPr>
        </p:nvSpPr>
        <p:spPr>
          <a:xfrm>
            <a:off x="495300" y="274638"/>
            <a:ext cx="8915400" cy="706090"/>
          </a:xfrm>
        </p:spPr>
        <p:txBody>
          <a:bodyPr>
            <a:normAutofit/>
          </a:bodyPr>
          <a:lstStyle/>
          <a:p>
            <a:pPr algn="l"/>
            <a:r>
              <a:rPr lang="ja-JP" altLang="en-US" sz="3600" dirty="0" smtClean="0">
                <a:latin typeface="+mn-ea"/>
                <a:ea typeface="+mn-ea"/>
              </a:rPr>
              <a:t>○</a:t>
            </a:r>
            <a:r>
              <a:rPr lang="ja-JP" altLang="en-US" sz="3600" smtClean="0">
                <a:latin typeface="+mn-ea"/>
                <a:ea typeface="+mn-ea"/>
              </a:rPr>
              <a:t>とりまとめの趣旨と構成について</a:t>
            </a:r>
            <a:endParaRPr kumimoji="1" lang="ja-JP" altLang="en-US" sz="3600" dirty="0">
              <a:latin typeface="+mn-ea"/>
              <a:ea typeface="+mn-ea"/>
            </a:endParaRPr>
          </a:p>
        </p:txBody>
      </p:sp>
      <p:sp>
        <p:nvSpPr>
          <p:cNvPr id="3" name="縦書きテキスト プレースホルダ 2"/>
          <p:cNvSpPr>
            <a:spLocks noGrp="1"/>
          </p:cNvSpPr>
          <p:nvPr>
            <p:ph type="body" orient="vert" idx="1"/>
          </p:nvPr>
        </p:nvSpPr>
        <p:spPr>
          <a:xfrm>
            <a:off x="495300" y="1279882"/>
            <a:ext cx="8778180" cy="4663721"/>
          </a:xfrm>
        </p:spPr>
        <p:txBody>
          <a:bodyPr vert="horz">
            <a:normAutofit/>
          </a:bodyPr>
          <a:lstStyle/>
          <a:p>
            <a:pPr lvl="0">
              <a:buNone/>
            </a:pPr>
            <a:r>
              <a:rPr lang="ja-JP" altLang="en-US" sz="1800" dirty="0" smtClean="0">
                <a:latin typeface="+mn-ea"/>
              </a:rPr>
              <a:t>・　　大阪</a:t>
            </a:r>
            <a:r>
              <a:rPr lang="ja-JP" altLang="ja-JP" sz="1800" dirty="0" smtClean="0">
                <a:latin typeface="+mn-ea"/>
              </a:rPr>
              <a:t>府</a:t>
            </a:r>
            <a:r>
              <a:rPr lang="ja-JP" altLang="en-US" sz="1800" dirty="0" smtClean="0">
                <a:latin typeface="+mn-ea"/>
              </a:rPr>
              <a:t>市では、大阪の再生に向けて連携して政策の実施と、行政改革に精力的に取り組んできました。これらの取り組みについては、その内容や成果を府民市民の皆様によりわかりやすくお伝えすべきとの指摘もいただいているところです。</a:t>
            </a:r>
            <a:endParaRPr lang="en-US" altLang="ja-JP" sz="1800" dirty="0" smtClean="0">
              <a:latin typeface="+mn-ea"/>
            </a:endParaRPr>
          </a:p>
          <a:p>
            <a:pPr lvl="0">
              <a:buNone/>
            </a:pPr>
            <a:r>
              <a:rPr lang="ja-JP" altLang="en-US" sz="1800" dirty="0" smtClean="0">
                <a:latin typeface="+mn-ea"/>
              </a:rPr>
              <a:t>・　　このため、</a:t>
            </a:r>
            <a:r>
              <a:rPr lang="ja-JP" altLang="ja-JP" sz="1800" dirty="0" smtClean="0">
                <a:latin typeface="+mn-ea"/>
              </a:rPr>
              <a:t>大阪が抱える諸課題</a:t>
            </a:r>
            <a:r>
              <a:rPr lang="ja-JP" altLang="en-US" sz="1800" dirty="0" smtClean="0">
                <a:latin typeface="+mn-ea"/>
              </a:rPr>
              <a:t>に対し取り組んできた主要な政策や改革の実施状況とその成果を整理するとともに、概ね</a:t>
            </a:r>
            <a:r>
              <a:rPr lang="en-US" altLang="ja-JP" sz="1800" dirty="0" smtClean="0">
                <a:latin typeface="+mn-ea"/>
              </a:rPr>
              <a:t>10</a:t>
            </a:r>
            <a:r>
              <a:rPr lang="ja-JP" altLang="en-US" sz="1800" dirty="0" smtClean="0">
                <a:latin typeface="+mn-ea"/>
              </a:rPr>
              <a:t>年後を想定した</a:t>
            </a:r>
            <a:r>
              <a:rPr lang="ja-JP" altLang="ja-JP" sz="1800" dirty="0" smtClean="0">
                <a:latin typeface="+mn-ea"/>
              </a:rPr>
              <a:t>大阪の</a:t>
            </a:r>
            <a:r>
              <a:rPr lang="ja-JP" altLang="en-US" sz="1800" dirty="0" smtClean="0">
                <a:latin typeface="+mn-ea"/>
              </a:rPr>
              <a:t>めざす</a:t>
            </a:r>
            <a:r>
              <a:rPr lang="ja-JP" altLang="ja-JP" sz="1800" dirty="0" smtClean="0">
                <a:latin typeface="+mn-ea"/>
              </a:rPr>
              <a:t>将来像を</a:t>
            </a:r>
            <a:r>
              <a:rPr lang="ja-JP" altLang="en-US" sz="1800" dirty="0" smtClean="0">
                <a:latin typeface="+mn-ea"/>
              </a:rPr>
              <a:t>、府民市民の皆様へお知らせすることを目的に大阪府市が連携してとりまとめました。</a:t>
            </a:r>
            <a:endParaRPr lang="en-US" altLang="ja-JP" sz="1800" dirty="0" smtClean="0">
              <a:latin typeface="+mn-ea"/>
            </a:endParaRPr>
          </a:p>
          <a:p>
            <a:pPr lvl="0">
              <a:buNone/>
            </a:pPr>
            <a:endParaRPr lang="en-US" altLang="ja-JP" sz="1800" dirty="0" smtClean="0">
              <a:latin typeface="+mn-ea"/>
            </a:endParaRPr>
          </a:p>
          <a:p>
            <a:pPr lvl="0">
              <a:buNone/>
            </a:pPr>
            <a:r>
              <a:rPr lang="ja-JP" altLang="en-US" sz="1800" dirty="0" smtClean="0">
                <a:latin typeface="+mn-ea"/>
              </a:rPr>
              <a:t>・　　とりまとめに際しては、わかりやすくお示しすることを念頭に作成しており、</a:t>
            </a:r>
            <a:r>
              <a:rPr lang="ja-JP" altLang="ja-JP" sz="1800" dirty="0" smtClean="0">
                <a:latin typeface="+mn-ea"/>
              </a:rPr>
              <a:t>改革評価プロジェクト</a:t>
            </a:r>
            <a:r>
              <a:rPr lang="ja-JP" altLang="en-US" sz="1800" dirty="0" smtClean="0">
                <a:latin typeface="+mn-ea"/>
              </a:rPr>
              <a:t>において、外部の専門家による評価に基づき</a:t>
            </a:r>
            <a:r>
              <a:rPr lang="ja-JP" altLang="ja-JP" sz="1800" dirty="0" smtClean="0">
                <a:latin typeface="+mn-ea"/>
              </a:rPr>
              <a:t>明らかになった、大阪低迷の要因である「大阪問題」の解決</a:t>
            </a:r>
            <a:r>
              <a:rPr lang="ja-JP" altLang="en-US" sz="1800" dirty="0" smtClean="0">
                <a:latin typeface="+mn-ea"/>
              </a:rPr>
              <a:t>にも着目し</a:t>
            </a:r>
            <a:r>
              <a:rPr lang="ja-JP" altLang="ja-JP" sz="1800" dirty="0" smtClean="0">
                <a:latin typeface="+mn-ea"/>
              </a:rPr>
              <a:t>、ハード施策とソフト施策の両面</a:t>
            </a:r>
            <a:r>
              <a:rPr lang="ja-JP" altLang="en-US" sz="1800" dirty="0" smtClean="0">
                <a:latin typeface="+mn-ea"/>
              </a:rPr>
              <a:t>からとらえた内容となっています</a:t>
            </a:r>
            <a:r>
              <a:rPr lang="ja-JP" altLang="ja-JP" sz="1800" dirty="0" smtClean="0">
                <a:latin typeface="+mn-ea"/>
              </a:rPr>
              <a:t>。</a:t>
            </a:r>
            <a:endParaRPr lang="en-US" altLang="ja-JP" sz="1800" dirty="0" smtClean="0">
              <a:latin typeface="+mn-ea"/>
            </a:endParaRPr>
          </a:p>
          <a:p>
            <a:pPr lvl="0">
              <a:buNone/>
            </a:pPr>
            <a:r>
              <a:rPr lang="ja-JP" altLang="en-US" sz="1800" dirty="0" smtClean="0">
                <a:latin typeface="+mn-ea"/>
              </a:rPr>
              <a:t>・　　ハード施策については、その実施により、大阪のまちが、将来どのように変わっていくのかがわかるよう、エリアを単位として整理した「エリア編」と、ソフト施策については、皆様に身近な政策分野を取り上げ、大阪府市で実施している施策や改革の成果を複合的・重層的に整理した「テーマ編」の２部構成としております。</a:t>
            </a:r>
            <a:endParaRPr lang="en-US" altLang="ja-JP" sz="1800" dirty="0" smtClean="0">
              <a:latin typeface="+mn-ea"/>
            </a:endParaRPr>
          </a:p>
        </p:txBody>
      </p:sp>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2</a:t>
            </a:fld>
            <a:endParaRPr kumimoji="1" lang="ja-JP" altLang="en-US"/>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2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mn-ea"/>
              </a:rPr>
              <a:t>４．難波周辺</a:t>
            </a:r>
            <a:endParaRPr lang="en-US" altLang="ja-JP" sz="2000" b="1" dirty="0" smtClean="0">
              <a:solidFill>
                <a:schemeClr val="bg1"/>
              </a:solidFill>
              <a:latin typeface="+mn-ea"/>
            </a:endParaRPr>
          </a:p>
        </p:txBody>
      </p:sp>
      <p:sp>
        <p:nvSpPr>
          <p:cNvPr id="8" name="テキスト ボックス 7"/>
          <p:cNvSpPr txBox="1"/>
          <p:nvPr/>
        </p:nvSpPr>
        <p:spPr>
          <a:xfrm>
            <a:off x="128464" y="431321"/>
            <a:ext cx="9649072" cy="6370975"/>
          </a:xfrm>
          <a:prstGeom prst="rect">
            <a:avLst/>
          </a:prstGeom>
          <a:noFill/>
          <a:ln>
            <a:noFill/>
            <a:prstDash val="sysDash"/>
          </a:ln>
        </p:spPr>
        <p:txBody>
          <a:bodyPr wrap="square" rtlCol="0">
            <a:spAutoFit/>
          </a:bodyPr>
          <a:lstStyle/>
          <a:p>
            <a:r>
              <a:rPr lang="ja-JP" altLang="en-US" sz="1400" dirty="0" smtClean="0">
                <a:latin typeface="+mn-ea"/>
              </a:rPr>
              <a:t>○課題と取組み</a:t>
            </a:r>
            <a:endParaRPr lang="en-US" altLang="ja-JP" sz="1400" dirty="0" smtClean="0">
              <a:latin typeface="+mn-ea"/>
            </a:endParaRPr>
          </a:p>
          <a:p>
            <a:endParaRPr lang="en-US" altLang="ja-JP" sz="1200" dirty="0" smtClean="0"/>
          </a:p>
          <a:p>
            <a:endParaRPr lang="en-US" altLang="ja-JP" sz="1200" dirty="0" smtClean="0"/>
          </a:p>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graphicFrame>
        <p:nvGraphicFramePr>
          <p:cNvPr id="5" name="表 4"/>
          <p:cNvGraphicFramePr>
            <a:graphicFrameLocks noGrp="1"/>
          </p:cNvGraphicFramePr>
          <p:nvPr>
            <p:extLst>
              <p:ext uri="{D42A27DB-BD31-4B8C-83A1-F6EECF244321}">
                <p14:modId xmlns:p14="http://schemas.microsoft.com/office/powerpoint/2010/main" val="133642495"/>
              </p:ext>
            </p:extLst>
          </p:nvPr>
        </p:nvGraphicFramePr>
        <p:xfrm>
          <a:off x="344488" y="764704"/>
          <a:ext cx="9289033" cy="5020800"/>
        </p:xfrm>
        <a:graphic>
          <a:graphicData uri="http://schemas.openxmlformats.org/drawingml/2006/table">
            <a:tbl>
              <a:tblPr firstRow="1" bandRow="1">
                <a:tableStyleId>{5C22544A-7EE6-4342-B048-85BDC9FD1C3A}</a:tableStyleId>
              </a:tblPr>
              <a:tblGrid>
                <a:gridCol w="936103"/>
                <a:gridCol w="1346495"/>
                <a:gridCol w="3831771"/>
                <a:gridCol w="3174664"/>
              </a:tblGrid>
              <a:tr h="216024">
                <a:tc>
                  <a:txBody>
                    <a:bodyPr/>
                    <a:lstStyle/>
                    <a:p>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事項</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397949">
                <a:tc>
                  <a:txBody>
                    <a:bodyPr/>
                    <a:lstStyle/>
                    <a:p>
                      <a:r>
                        <a:rPr kumimoji="1" lang="ja-JP" altLang="en-US" sz="1200" b="0" dirty="0" smtClean="0">
                          <a:solidFill>
                            <a:schemeClr val="tx1"/>
                          </a:solidFill>
                          <a:latin typeface="ＭＳ Ｐゴシック" pitchFamily="50" charset="-128"/>
                          <a:ea typeface="ＭＳ Ｐゴシック" pitchFamily="50" charset="-128"/>
                        </a:rPr>
                        <a:t>環境改善</a:t>
                      </a:r>
                      <a:endParaRPr kumimoji="1" lang="ja-JP" altLang="en-US" sz="1200" b="0" dirty="0">
                        <a:solidFill>
                          <a:schemeClr val="tx1"/>
                        </a:solidFill>
                        <a:latin typeface="ＭＳ Ｐゴシック" pitchFamily="50" charset="-128"/>
                        <a:ea typeface="ＭＳ Ｐゴシック" pitchFamily="50"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0975" indent="-180975"/>
                      <a:r>
                        <a:rPr kumimoji="1" lang="ja-JP" altLang="en-US" sz="1200" b="0" dirty="0" smtClean="0">
                          <a:solidFill>
                            <a:schemeClr val="tx1"/>
                          </a:solidFill>
                          <a:latin typeface="ＭＳ Ｐ明朝" pitchFamily="18" charset="-128"/>
                          <a:ea typeface="ＭＳ Ｐ明朝" pitchFamily="18" charset="-128"/>
                        </a:rPr>
                        <a:t>○大阪の観光拠点として、さらに楽しめるまちへの再生</a:t>
                      </a:r>
                      <a:endParaRPr kumimoji="1" lang="en-US" altLang="ja-JP"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難波駅前</a:t>
                      </a:r>
                      <a:r>
                        <a:rPr kumimoji="1" lang="en-US" altLang="ja-JP" sz="1200" b="0" dirty="0" smtClean="0">
                          <a:solidFill>
                            <a:schemeClr val="tx1"/>
                          </a:solidFill>
                          <a:latin typeface="+mn-ea"/>
                          <a:ea typeface="+mn-ea"/>
                        </a:rPr>
                        <a:t>】</a:t>
                      </a:r>
                    </a:p>
                    <a:p>
                      <a:pPr marL="177800" indent="-177800">
                        <a:lnSpc>
                          <a:spcPts val="1600"/>
                        </a:lnSpc>
                        <a:defRPr/>
                      </a:pPr>
                      <a:r>
                        <a:rPr kumimoji="1" lang="ja-JP" altLang="en-US" sz="1200" b="0" dirty="0" smtClean="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難波駅前広場は、南海難波駅から周辺の市街地への主要な動線となっているが、自動車中心の空間となっており、一体性に欠けている。</a:t>
                      </a:r>
                      <a:endParaRPr lang="en-US" altLang="ja-JP" sz="1200" dirty="0" smtClean="0">
                        <a:solidFill>
                          <a:schemeClr val="tx1"/>
                        </a:solidFill>
                        <a:latin typeface="ＭＳ Ｐ明朝" pitchFamily="18" charset="-128"/>
                        <a:ea typeface="ＭＳ Ｐ明朝" pitchFamily="18" charset="-128"/>
                      </a:endParaRPr>
                    </a:p>
                    <a:p>
                      <a:pPr marL="177800" indent="-177800">
                        <a:lnSpc>
                          <a:spcPts val="1600"/>
                        </a:lnSpc>
                        <a:defRPr/>
                      </a:pPr>
                      <a:r>
                        <a:rPr lang="ja-JP" altLang="en-US" sz="1200" dirty="0" smtClean="0">
                          <a:solidFill>
                            <a:schemeClr val="tx1"/>
                          </a:solidFill>
                          <a:latin typeface="ＭＳ Ｐ明朝" pitchFamily="18" charset="-128"/>
                          <a:ea typeface="ＭＳ Ｐ明朝" pitchFamily="18" charset="-128"/>
                        </a:rPr>
                        <a:t>　・また、関西国際空港からのミナミ地区への玄関口にも位置しているが、玄関口として風格のある広場にはなっていない。</a:t>
                      </a:r>
                      <a:endParaRPr lang="en-US" altLang="ja-JP" sz="120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心斎橋筋商店街</a:t>
                      </a:r>
                      <a:r>
                        <a:rPr kumimoji="1" lang="en-US" altLang="ja-JP" sz="1200" b="0" dirty="0" smtClean="0">
                          <a:solidFill>
                            <a:schemeClr val="tx1"/>
                          </a:solidFill>
                          <a:latin typeface="+mn-ea"/>
                          <a:ea typeface="+mn-ea"/>
                        </a:rPr>
                        <a:t>】</a:t>
                      </a:r>
                    </a:p>
                    <a:p>
                      <a:pPr marL="177800" indent="-177800"/>
                      <a:r>
                        <a:rPr lang="ja-JP" altLang="en-US" sz="1200" dirty="0" smtClean="0">
                          <a:solidFill>
                            <a:schemeClr val="tx1"/>
                          </a:solidFill>
                          <a:latin typeface="ＭＳ Ｐ明朝" pitchFamily="18" charset="-128"/>
                          <a:ea typeface="ＭＳ Ｐ明朝" pitchFamily="18" charset="-128"/>
                        </a:rPr>
                        <a:t>　・心斎橋筋商店街は百貨店やブランド店等が軒を連ね、全国でも有数の来訪者（年間</a:t>
                      </a:r>
                      <a:r>
                        <a:rPr lang="en-US" altLang="ja-JP" sz="1200" dirty="0" smtClean="0">
                          <a:solidFill>
                            <a:schemeClr val="tx1"/>
                          </a:solidFill>
                          <a:latin typeface="ＭＳ Ｐ明朝" pitchFamily="18" charset="-128"/>
                          <a:ea typeface="ＭＳ Ｐ明朝" pitchFamily="18" charset="-128"/>
                        </a:rPr>
                        <a:t>5,500</a:t>
                      </a:r>
                      <a:r>
                        <a:rPr lang="ja-JP" altLang="en-US" sz="1200" dirty="0" smtClean="0">
                          <a:solidFill>
                            <a:schemeClr val="tx1"/>
                          </a:solidFill>
                          <a:latin typeface="ＭＳ Ｐ明朝" pitchFamily="18" charset="-128"/>
                          <a:ea typeface="ＭＳ Ｐ明朝" pitchFamily="18" charset="-128"/>
                        </a:rPr>
                        <a:t>万人）のある商店街。</a:t>
                      </a:r>
                      <a:endParaRPr lang="en-US" altLang="ja-JP" sz="1200" dirty="0" smtClean="0">
                        <a:solidFill>
                          <a:schemeClr val="tx1"/>
                        </a:solidFill>
                        <a:latin typeface="ＭＳ Ｐ明朝" pitchFamily="18" charset="-128"/>
                        <a:ea typeface="ＭＳ Ｐ明朝" pitchFamily="18" charset="-128"/>
                      </a:endParaRPr>
                    </a:p>
                    <a:p>
                      <a:pPr marL="177800" indent="-177800" defTabSz="914400">
                        <a:defRPr/>
                      </a:pPr>
                      <a:r>
                        <a:rPr lang="ja-JP" altLang="en-US" sz="1200" dirty="0" smtClean="0">
                          <a:solidFill>
                            <a:schemeClr val="tx1"/>
                          </a:solidFill>
                          <a:latin typeface="ＭＳ Ｐ明朝" pitchFamily="18" charset="-128"/>
                          <a:ea typeface="ＭＳ Ｐ明朝" pitchFamily="18" charset="-128"/>
                        </a:rPr>
                        <a:t>　・近年、</a:t>
                      </a:r>
                      <a:r>
                        <a:rPr kumimoji="0" lang="ja-JP" altLang="en-US" sz="1200" dirty="0" smtClean="0">
                          <a:solidFill>
                            <a:schemeClr val="tx1"/>
                          </a:solidFill>
                          <a:latin typeface="ＭＳ Ｐ明朝" pitchFamily="18" charset="-128"/>
                          <a:ea typeface="ＭＳ Ｐ明朝" pitchFamily="18" charset="-128"/>
                        </a:rPr>
                        <a:t>街のブランド力低下や、風俗店・無料案内所等による環境悪化が懸念されていた。</a:t>
                      </a:r>
                      <a:endParaRPr kumimoji="0" lang="en-US" altLang="ja-JP" sz="1200" dirty="0" smtClean="0">
                        <a:solidFill>
                          <a:schemeClr val="tx1"/>
                        </a:solidFill>
                        <a:latin typeface="ＭＳ Ｐ明朝" pitchFamily="18" charset="-128"/>
                        <a:ea typeface="ＭＳ Ｐ明朝" pitchFamily="18" charset="-128"/>
                      </a:endParaRPr>
                    </a:p>
                    <a:p>
                      <a:pPr marL="180975" marR="0" indent="-180975" algn="l" defTabSz="957700" rtl="0" eaLnBrk="1" fontAlgn="auto" latinLnBrk="0" hangingPunct="1">
                        <a:lnSpc>
                          <a:spcPct val="100000"/>
                        </a:lnSpc>
                        <a:spcBef>
                          <a:spcPts val="0"/>
                        </a:spcBef>
                        <a:spcAft>
                          <a:spcPts val="0"/>
                        </a:spcAft>
                        <a:buClrTx/>
                        <a:buSzTx/>
                        <a:buFontTx/>
                        <a:buNone/>
                        <a:tabLst/>
                        <a:defRPr/>
                      </a:pPr>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宗右衛門町地区</a:t>
                      </a:r>
                      <a:r>
                        <a:rPr kumimoji="1" lang="en-US" altLang="ja-JP" sz="1200" b="0" dirty="0" smtClean="0">
                          <a:solidFill>
                            <a:schemeClr val="tx1"/>
                          </a:solidFill>
                          <a:latin typeface="+mn-ea"/>
                          <a:ea typeface="+mn-ea"/>
                        </a:rPr>
                        <a:t>】</a:t>
                      </a:r>
                    </a:p>
                    <a:p>
                      <a:pPr marL="180975" marR="0" indent="-180975" algn="l" defTabSz="957700" rtl="0" eaLnBrk="1" fontAlgn="auto" latinLnBrk="0" hangingPunct="1">
                        <a:lnSpc>
                          <a:spcPct val="100000"/>
                        </a:lnSpc>
                        <a:spcBef>
                          <a:spcPts val="0"/>
                        </a:spcBef>
                        <a:spcAft>
                          <a:spcPts val="0"/>
                        </a:spcAft>
                        <a:buClrTx/>
                        <a:buSzTx/>
                        <a:buFontTx/>
                        <a:buNone/>
                        <a:tabLst/>
                        <a:defRPr/>
                      </a:pPr>
                      <a:r>
                        <a:rPr lang="ja-JP" altLang="en-US" sz="1200" dirty="0" smtClean="0">
                          <a:latin typeface="ＭＳ Ｐ明朝" pitchFamily="18" charset="-128"/>
                          <a:ea typeface="ＭＳ Ｐ明朝" pitchFamily="18" charset="-128"/>
                        </a:rPr>
                        <a:t>　・宗右衛門町は</a:t>
                      </a:r>
                      <a:r>
                        <a:rPr lang="en-US" altLang="ja-JP" sz="1200" dirty="0" smtClean="0">
                          <a:latin typeface="ＭＳ Ｐ明朝" pitchFamily="18" charset="-128"/>
                          <a:ea typeface="ＭＳ Ｐ明朝" pitchFamily="18" charset="-128"/>
                        </a:rPr>
                        <a:t>400</a:t>
                      </a:r>
                      <a:r>
                        <a:rPr lang="ja-JP" altLang="en-US" sz="1200" dirty="0" smtClean="0">
                          <a:latin typeface="ＭＳ Ｐ明朝" pitchFamily="18" charset="-128"/>
                          <a:ea typeface="ＭＳ Ｐ明朝" pitchFamily="18" charset="-128"/>
                        </a:rPr>
                        <a:t>年の歴史を持つ大阪を代表する歓楽街で、洗練された「食文化」「酒文化」を誇ってきた街であったが、年月の経過にともない、老舗料亭の撤退や性風俗店の増加などにより、かつての街の風情などが喪失していた。</a:t>
                      </a:r>
                      <a:endParaRPr kumimoji="1" lang="en-US" altLang="ja-JP" sz="1200" b="0" dirty="0" smtClean="0">
                        <a:solidFill>
                          <a:schemeClr val="tx1"/>
                        </a:solidFill>
                        <a:latin typeface="ＭＳ Ｐ明朝" pitchFamily="18" charset="-128"/>
                        <a:ea typeface="ＭＳ Ｐ明朝" pitchFamily="18" charset="-128"/>
                      </a:endParaRPr>
                    </a:p>
                    <a:p>
                      <a:r>
                        <a:rPr kumimoji="1" lang="en-US" altLang="ja-JP" sz="1200" b="0" dirty="0" smtClean="0">
                          <a:solidFill>
                            <a:schemeClr val="tx1"/>
                          </a:solidFill>
                          <a:latin typeface="+mn-ea"/>
                          <a:ea typeface="+mn-ea"/>
                        </a:rPr>
                        <a:t>【</a:t>
                      </a:r>
                      <a:r>
                        <a:rPr kumimoji="1" lang="ja-JP" altLang="en-US" sz="1200" b="0" dirty="0" smtClean="0">
                          <a:solidFill>
                            <a:schemeClr val="tx1"/>
                          </a:solidFill>
                          <a:latin typeface="+mn-ea"/>
                          <a:ea typeface="+mn-ea"/>
                        </a:rPr>
                        <a:t>ミナミの繁華街</a:t>
                      </a:r>
                      <a:r>
                        <a:rPr kumimoji="1" lang="en-US" altLang="ja-JP" sz="1200" b="0" dirty="0" smtClean="0">
                          <a:solidFill>
                            <a:schemeClr val="tx1"/>
                          </a:solidFill>
                          <a:latin typeface="+mn-ea"/>
                          <a:ea typeface="+mn-ea"/>
                        </a:rPr>
                        <a:t>】</a:t>
                      </a:r>
                    </a:p>
                    <a:p>
                      <a:pPr marL="177800" indent="-177800"/>
                      <a:r>
                        <a:rPr kumimoji="1" lang="ja-JP" altLang="en-US" sz="1200" b="0" dirty="0" smtClean="0">
                          <a:solidFill>
                            <a:schemeClr val="tx1"/>
                          </a:solidFill>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近年、ミナミやキタをはじめとする市内の繁華街において、酒類提供飲食店等の客引き行為等悪質化が進み、繁華街を訪れる市民や観光客等に不安や不愉快な思いをさせるなど、大きな問題となっており、地域からは悪質な客引き行為の規制・取り締まりの強化に向けた声があがっている。</a:t>
                      </a:r>
                      <a:endParaRPr kumimoji="1" lang="ja-JP" altLang="en-US" sz="1200" b="0" dirty="0" smtClean="0">
                        <a:solidFill>
                          <a:schemeClr val="tx1"/>
                        </a:solidFill>
                        <a:latin typeface="ＭＳ Ｐ明朝" pitchFamily="18" charset="-128"/>
                        <a:ea typeface="ＭＳ Ｐ明朝" pitchFamily="18" charset="-128"/>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①難波駅前広場再生（歩行者中心の広場へ）</a:t>
                      </a:r>
                      <a:endParaRPr kumimoji="1" lang="en-US" altLang="ja-JP" sz="1200" b="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a:t>
                      </a:r>
                      <a:r>
                        <a:rPr lang="ja-JP" altLang="en-US" sz="1200" dirty="0" smtClean="0">
                          <a:latin typeface="ＭＳ Ｐ明朝" pitchFamily="18" charset="-128"/>
                          <a:ea typeface="ＭＳ Ｐ明朝" pitchFamily="18" charset="-128"/>
                        </a:rPr>
                        <a:t>・難波駅前広場を、ミナミの玄関口にふさわしい、歩行者中心の広場への、地元企業による再整備をめざす。（</a:t>
                      </a:r>
                      <a:r>
                        <a:rPr lang="en-US" altLang="ja-JP" sz="1200" dirty="0" smtClean="0">
                          <a:latin typeface="ＭＳ Ｐ明朝" pitchFamily="18" charset="-128"/>
                          <a:ea typeface="ＭＳ Ｐ明朝" pitchFamily="18" charset="-128"/>
                        </a:rPr>
                        <a:t>2015</a:t>
                      </a:r>
                      <a:r>
                        <a:rPr lang="ja-JP" altLang="en-US" sz="1200" dirty="0" smtClean="0">
                          <a:latin typeface="ＭＳ Ｐ明朝" pitchFamily="18" charset="-128"/>
                          <a:ea typeface="ＭＳ Ｐ明朝" pitchFamily="18" charset="-128"/>
                        </a:rPr>
                        <a:t>年を目標に構想作成）</a:t>
                      </a:r>
                      <a:endParaRPr lang="en-US" altLang="ja-JP" sz="1200" dirty="0" smtClean="0">
                        <a:latin typeface="ＭＳ Ｐ明朝" pitchFamily="18" charset="-128"/>
                        <a:ea typeface="ＭＳ Ｐ明朝" pitchFamily="18" charset="-128"/>
                      </a:endParaRPr>
                    </a:p>
                    <a:p>
                      <a:pPr marL="177800" indent="-177800" defTabSz="900113">
                        <a:lnSpc>
                          <a:spcPts val="1700"/>
                        </a:lnSpc>
                        <a:tabLst>
                          <a:tab pos="5195888" algn="l"/>
                        </a:tabLst>
                      </a:pPr>
                      <a:r>
                        <a:rPr lang="ja-JP" altLang="en-US" sz="1200" dirty="0" smtClean="0">
                          <a:latin typeface="ＭＳ Ｐ明朝" pitchFamily="18" charset="-128"/>
                          <a:ea typeface="ＭＳ Ｐ明朝" pitchFamily="18" charset="-128"/>
                        </a:rPr>
                        <a:t>　</a:t>
                      </a:r>
                      <a:endParaRPr lang="en-US" altLang="ja-JP" sz="1200" dirty="0" smtClean="0">
                        <a:latin typeface="ＭＳ Ｐ明朝" pitchFamily="18" charset="-128"/>
                        <a:ea typeface="ＭＳ Ｐ明朝" pitchFamily="18" charset="-128"/>
                      </a:endParaRPr>
                    </a:p>
                    <a:p>
                      <a:pPr marL="85725" marR="0" indent="-85725" algn="l" defTabSz="957700" rtl="0" eaLnBrk="1" fontAlgn="auto" latinLnBrk="0" hangingPunct="1">
                        <a:lnSpc>
                          <a:spcPct val="100000"/>
                        </a:lnSpc>
                        <a:spcBef>
                          <a:spcPts val="0"/>
                        </a:spcBef>
                        <a:spcAft>
                          <a:spcPts val="0"/>
                        </a:spcAft>
                        <a:buClrTx/>
                        <a:buSzTx/>
                        <a:buFontTx/>
                        <a:buNone/>
                        <a:tabLst/>
                        <a:defRPr/>
                      </a:pPr>
                      <a:endParaRPr kumimoji="1" lang="en-US" altLang="ja-JP" sz="1200" b="0" dirty="0" smtClean="0">
                        <a:solidFill>
                          <a:schemeClr val="tx1"/>
                        </a:solidFill>
                        <a:latin typeface="+mn-ea"/>
                        <a:ea typeface="+mn-ea"/>
                      </a:endParaRPr>
                    </a:p>
                    <a:p>
                      <a:pPr marL="85725" marR="0" indent="-85725" algn="l" defTabSz="957700" rtl="0" eaLnBrk="1" fontAlgn="auto" latinLnBrk="0" hangingPunct="1">
                        <a:lnSpc>
                          <a:spcPct val="100000"/>
                        </a:lnSpc>
                        <a:spcBef>
                          <a:spcPts val="0"/>
                        </a:spcBef>
                        <a:spcAft>
                          <a:spcPts val="0"/>
                        </a:spcAft>
                        <a:buClrTx/>
                        <a:buSzTx/>
                        <a:buFontTx/>
                        <a:buNone/>
                        <a:tabLst/>
                        <a:defRPr/>
                      </a:pPr>
                      <a:endParaRPr kumimoji="1" lang="en-US" altLang="ja-JP" sz="1200" b="0" dirty="0" smtClean="0">
                        <a:solidFill>
                          <a:schemeClr val="tx1"/>
                        </a:solidFill>
                        <a:latin typeface="+mn-ea"/>
                        <a:ea typeface="+mn-ea"/>
                      </a:endParaRPr>
                    </a:p>
                    <a:p>
                      <a:pPr marL="85725" marR="0" indent="-85725"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②心斎橋筋商店街での「心</a:t>
                      </a:r>
                      <a:r>
                        <a:rPr kumimoji="1" lang="ja-JP" altLang="en-US" sz="1200" b="0" dirty="0" err="1" smtClean="0">
                          <a:solidFill>
                            <a:schemeClr val="tx1"/>
                          </a:solidFill>
                          <a:latin typeface="+mn-ea"/>
                          <a:ea typeface="+mn-ea"/>
                        </a:rPr>
                        <a:t>ぶら</a:t>
                      </a:r>
                      <a:r>
                        <a:rPr kumimoji="1" lang="ja-JP" altLang="en-US" sz="1200" b="0" dirty="0" smtClean="0">
                          <a:solidFill>
                            <a:schemeClr val="tx1"/>
                          </a:solidFill>
                          <a:latin typeface="+mn-ea"/>
                          <a:ea typeface="+mn-ea"/>
                        </a:rPr>
                        <a:t>」の実現</a:t>
                      </a:r>
                      <a:endParaRPr kumimoji="1" lang="en-US" altLang="ja-JP" sz="1200" b="0" dirty="0" smtClean="0">
                        <a:solidFill>
                          <a:schemeClr val="tx1"/>
                        </a:solidFill>
                        <a:latin typeface="+mn-ea"/>
                        <a:ea typeface="+mn-ea"/>
                      </a:endParaRPr>
                    </a:p>
                    <a:p>
                      <a:pPr marL="177800" indent="-177800">
                        <a:lnSpc>
                          <a:spcPts val="1700"/>
                        </a:lnSpc>
                      </a:pPr>
                      <a:r>
                        <a:rPr lang="ja-JP" altLang="en-US" sz="1200" dirty="0" smtClean="0">
                          <a:solidFill>
                            <a:schemeClr val="tx1"/>
                          </a:solidFill>
                        </a:rPr>
                        <a:t>　・</a:t>
                      </a:r>
                      <a:r>
                        <a:rPr lang="ja-JP" altLang="en-US" sz="1200" dirty="0" smtClean="0">
                          <a:latin typeface="ＭＳ Ｐ明朝" pitchFamily="18" charset="-128"/>
                          <a:ea typeface="ＭＳ Ｐ明朝" pitchFamily="18" charset="-128"/>
                        </a:rPr>
                        <a:t>地域と事業者が景観協定に基づく協議を行うことにより、「心</a:t>
                      </a:r>
                      <a:r>
                        <a:rPr lang="ja-JP" altLang="en-US" sz="1200" dirty="0" err="1" smtClean="0">
                          <a:latin typeface="ＭＳ Ｐ明朝" pitchFamily="18" charset="-128"/>
                          <a:ea typeface="ＭＳ Ｐ明朝" pitchFamily="18" charset="-128"/>
                        </a:rPr>
                        <a:t>ぶら</a:t>
                      </a:r>
                      <a:r>
                        <a:rPr lang="ja-JP" altLang="en-US" sz="1200" dirty="0" smtClean="0">
                          <a:latin typeface="ＭＳ Ｐ明朝" pitchFamily="18" charset="-128"/>
                          <a:ea typeface="ＭＳ Ｐ明朝" pitchFamily="18" charset="-128"/>
                        </a:rPr>
                        <a:t>」の実現及び“調和”と“優雅さ”のある街を育むことをめざす。</a:t>
                      </a:r>
                      <a:endParaRPr lang="en-US" altLang="ja-JP" sz="1200" dirty="0" smtClean="0">
                        <a:solidFill>
                          <a:schemeClr val="tx1"/>
                        </a:solidFill>
                        <a:latin typeface="ＭＳ Ｐ明朝" pitchFamily="18" charset="-128"/>
                        <a:ea typeface="ＭＳ Ｐ明朝" pitchFamily="18" charset="-128"/>
                      </a:endParaRPr>
                    </a:p>
                    <a:p>
                      <a:pPr marL="177800" indent="-177800">
                        <a:lnSpc>
                          <a:spcPts val="1700"/>
                        </a:lnSpc>
                      </a:pPr>
                      <a:r>
                        <a:rPr lang="ja-JP" altLang="en-US" sz="1200" dirty="0" smtClean="0">
                          <a:solidFill>
                            <a:schemeClr val="tx1"/>
                          </a:solidFill>
                          <a:latin typeface="+mn-ea"/>
                          <a:ea typeface="+mn-ea"/>
                        </a:rPr>
                        <a:t>③宗右衛門町地区の格調高く魅力あるまちなみの再生・創造</a:t>
                      </a:r>
                      <a:endParaRPr lang="en-US" altLang="ja-JP" sz="1200" dirty="0" smtClean="0">
                        <a:solidFill>
                          <a:schemeClr val="tx1"/>
                        </a:solidFill>
                        <a:latin typeface="+mn-ea"/>
                        <a:ea typeface="+mn-ea"/>
                      </a:endParaRPr>
                    </a:p>
                    <a:p>
                      <a:pPr marL="177800" indent="-177800">
                        <a:lnSpc>
                          <a:spcPts val="1700"/>
                        </a:lnSpc>
                      </a:pPr>
                      <a:r>
                        <a:rPr lang="ja-JP" altLang="en-US" sz="1200" dirty="0" smtClean="0">
                          <a:solidFill>
                            <a:schemeClr val="tx1"/>
                          </a:solidFill>
                          <a:latin typeface="ＭＳ Ｐ明朝" pitchFamily="18" charset="-128"/>
                          <a:ea typeface="ＭＳ Ｐ明朝" pitchFamily="18" charset="-128"/>
                        </a:rPr>
                        <a:t>　・歴史や風情が息づく個性的で格調高い魅力的なまちなみを再生・創造し、大阪ミナミの環境浄化、活性化に寄与する。</a:t>
                      </a:r>
                      <a:endParaRPr lang="en-US" altLang="ja-JP" sz="1200" dirty="0" smtClean="0">
                        <a:solidFill>
                          <a:schemeClr val="tx1"/>
                        </a:solidFill>
                        <a:latin typeface="ＭＳ Ｐ明朝" pitchFamily="18" charset="-128"/>
                        <a:ea typeface="ＭＳ Ｐ明朝" pitchFamily="18" charset="-128"/>
                      </a:endParaRPr>
                    </a:p>
                    <a:p>
                      <a:pPr>
                        <a:lnSpc>
                          <a:spcPts val="1700"/>
                        </a:lnSpc>
                      </a:pPr>
                      <a:r>
                        <a:rPr lang="ja-JP" altLang="en-US" sz="1200" dirty="0" smtClean="0">
                          <a:solidFill>
                            <a:schemeClr val="tx1"/>
                          </a:solidFill>
                          <a:latin typeface="+mn-ea"/>
                          <a:ea typeface="+mn-ea"/>
                        </a:rPr>
                        <a:t>④ミナミ周辺での悪質な客引き行為等の適正化</a:t>
                      </a:r>
                      <a:endParaRPr lang="en-US" altLang="ja-JP" sz="1200" dirty="0" smtClean="0">
                        <a:solidFill>
                          <a:schemeClr val="tx1"/>
                        </a:solidFill>
                        <a:latin typeface="+mn-ea"/>
                        <a:ea typeface="+mn-ea"/>
                      </a:endParaRPr>
                    </a:p>
                    <a:p>
                      <a:pPr marL="177800" marR="0" indent="-177800" algn="l" defTabSz="957700" rtl="0" eaLnBrk="1" fontAlgn="auto" latinLnBrk="0" hangingPunct="1">
                        <a:lnSpc>
                          <a:spcPts val="1700"/>
                        </a:lnSpc>
                        <a:spcBef>
                          <a:spcPts val="0"/>
                        </a:spcBef>
                        <a:spcAft>
                          <a:spcPts val="0"/>
                        </a:spcAft>
                        <a:buClrTx/>
                        <a:buSzTx/>
                        <a:buFontTx/>
                        <a:buNone/>
                        <a:tabLst/>
                        <a:defRPr/>
                      </a:pPr>
                      <a:r>
                        <a:rPr lang="ja-JP" altLang="en-US" sz="1200" dirty="0" smtClean="0">
                          <a:latin typeface="ＭＳ Ｐ明朝" pitchFamily="18" charset="-128"/>
                          <a:ea typeface="ＭＳ Ｐ明朝" pitchFamily="18" charset="-128"/>
                        </a:rPr>
                        <a:t>　・悪質な客引き行為者等が減少し、安心して繁華街を訪れ、楽しむことのできるまちをめざす。</a:t>
                      </a:r>
                    </a:p>
                    <a:p>
                      <a:pPr>
                        <a:lnSpc>
                          <a:spcPts val="1700"/>
                        </a:lnSpc>
                      </a:pPr>
                      <a:endParaRPr lang="en-US" altLang="ja-JP" sz="1200" dirty="0" smtClean="0">
                        <a:solidFill>
                          <a:schemeClr val="tx1"/>
                        </a:solidFill>
                        <a:latin typeface="ＭＳ Ｐ明朝" pitchFamily="18" charset="-128"/>
                        <a:ea typeface="ＭＳ Ｐ明朝" pitchFamily="18" charset="-128"/>
                      </a:endParaRPr>
                    </a:p>
                    <a:p>
                      <a:endParaRPr kumimoji="1" lang="ja-JP" altLang="en-US" sz="1200" b="0" dirty="0">
                        <a:solidFill>
                          <a:schemeClr val="tx1"/>
                        </a:solidFill>
                        <a:latin typeface="+mn-ea"/>
                        <a:ea typeface="+mn-ea"/>
                      </a:endParaRPr>
                    </a:p>
                  </a:txBody>
                  <a:tcPr marL="36000" marR="36000" marT="36000" marB="3600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20</a:t>
            </a:fld>
            <a:endParaRPr kumimoji="1" lang="ja-JP" altLang="en-US" dirty="0"/>
          </a:p>
        </p:txBody>
      </p:sp>
      <p:grpSp>
        <p:nvGrpSpPr>
          <p:cNvPr id="6" name="グループ化 5"/>
          <p:cNvGrpSpPr/>
          <p:nvPr/>
        </p:nvGrpSpPr>
        <p:grpSpPr>
          <a:xfrm>
            <a:off x="236109" y="5862330"/>
            <a:ext cx="9325403" cy="865044"/>
            <a:chOff x="236109" y="5905872"/>
            <a:chExt cx="9325403" cy="865044"/>
          </a:xfrm>
        </p:grpSpPr>
        <p:sp>
          <p:nvSpPr>
            <p:cNvPr id="9" name="角丸四角形 8"/>
            <p:cNvSpPr/>
            <p:nvPr/>
          </p:nvSpPr>
          <p:spPr>
            <a:xfrm>
              <a:off x="288032" y="6194852"/>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10" name="テキスト ボックス 9"/>
            <p:cNvSpPr txBox="1"/>
            <p:nvPr/>
          </p:nvSpPr>
          <p:spPr>
            <a:xfrm>
              <a:off x="236109" y="5905872"/>
              <a:ext cx="3374642" cy="338554"/>
            </a:xfrm>
            <a:prstGeom prst="rect">
              <a:avLst/>
            </a:prstGeom>
            <a:noFill/>
          </p:spPr>
          <p:txBody>
            <a:bodyPr wrap="none" rtlCol="0">
              <a:spAutoFit/>
            </a:bodyPr>
            <a:lstStyle/>
            <a:p>
              <a:pPr lvl="0"/>
              <a:r>
                <a:rPr lang="ja-JP" altLang="en-US" sz="1600" dirty="0" smtClean="0"/>
                <a:t>○</a:t>
              </a:r>
              <a:r>
                <a:rPr lang="en-US" altLang="ja-JP" sz="1600" dirty="0" smtClean="0"/>
                <a:t>『</a:t>
              </a:r>
              <a:r>
                <a:rPr lang="ja-JP" altLang="en-US" sz="1600" dirty="0" smtClean="0"/>
                <a:t>難波周辺</a:t>
              </a:r>
              <a:r>
                <a:rPr lang="en-US" altLang="ja-JP" sz="1600" dirty="0" smtClean="0"/>
                <a:t>』</a:t>
              </a:r>
              <a:r>
                <a:rPr lang="ja-JP" altLang="en-US" sz="1600" dirty="0" smtClean="0"/>
                <a:t>エリアの担当部局一覧</a:t>
              </a:r>
              <a:endParaRPr lang="en-US" altLang="ja-JP" sz="1600" dirty="0" smtClean="0"/>
            </a:p>
          </p:txBody>
        </p:sp>
        <p:sp>
          <p:nvSpPr>
            <p:cNvPr id="11" name="テキスト ボックス 10"/>
            <p:cNvSpPr txBox="1"/>
            <p:nvPr/>
          </p:nvSpPr>
          <p:spPr>
            <a:xfrm>
              <a:off x="452133" y="6234356"/>
              <a:ext cx="3114955" cy="523220"/>
            </a:xfrm>
            <a:prstGeom prst="rect">
              <a:avLst/>
            </a:prstGeom>
            <a:noFill/>
          </p:spPr>
          <p:txBody>
            <a:bodyPr wrap="none" rtlCol="0">
              <a:spAutoFit/>
            </a:bodyPr>
            <a:lstStyle/>
            <a:p>
              <a:pPr lvl="0"/>
              <a:r>
                <a:rPr lang="ja-JP" altLang="en-US" sz="1400" dirty="0" smtClean="0">
                  <a:latin typeface="ＭＳ Ｐ明朝" pitchFamily="18" charset="-128"/>
                  <a:ea typeface="ＭＳ Ｐ明朝" pitchFamily="18" charset="-128"/>
                </a:rPr>
                <a:t>・大阪市：都市計画局、建設局、市民局</a:t>
              </a:r>
              <a:endParaRPr lang="en-US" altLang="ja-JP" sz="1400" dirty="0" smtClean="0">
                <a:latin typeface="ＭＳ Ｐ明朝" pitchFamily="18" charset="-128"/>
                <a:ea typeface="ＭＳ Ｐ明朝" pitchFamily="18" charset="-128"/>
              </a:endParaRPr>
            </a:p>
            <a:p>
              <a:pPr lvl="0"/>
              <a:r>
                <a:rPr lang="ja-JP" altLang="en-US" sz="1400" dirty="0" smtClean="0">
                  <a:latin typeface="ＭＳ Ｐ明朝" pitchFamily="18" charset="-128"/>
                  <a:ea typeface="ＭＳ Ｐ明朝" pitchFamily="18" charset="-128"/>
                </a:rPr>
                <a:t>・大阪府：住宅まちづくり部</a:t>
              </a:r>
              <a:endParaRPr lang="en-US" altLang="ja-JP" sz="1400" dirty="0" smtClean="0">
                <a:latin typeface="ＭＳ Ｐ明朝" pitchFamily="18" charset="-128"/>
                <a:ea typeface="ＭＳ Ｐ明朝" pitchFamily="18" charset="-128"/>
              </a:endParaRPr>
            </a:p>
          </p:txBody>
        </p:sp>
      </p:grpSp>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1600" y="508000"/>
            <a:ext cx="9652000" cy="62357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4" name="Rectangle 2"/>
          <p:cNvSpPr txBox="1">
            <a:spLocks noChangeArrowheads="1"/>
          </p:cNvSpPr>
          <p:nvPr/>
        </p:nvSpPr>
        <p:spPr bwMode="auto">
          <a:xfrm>
            <a:off x="0" y="2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５．大阪城公園、森之宮、京橋・大阪ビジネスパーク</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8464" y="431321"/>
            <a:ext cx="9649072" cy="6370975"/>
          </a:xfrm>
          <a:prstGeom prst="rect">
            <a:avLst/>
          </a:prstGeom>
          <a:noFill/>
          <a:ln>
            <a:noFill/>
            <a:prstDash val="sysDash"/>
          </a:ln>
        </p:spPr>
        <p:txBody>
          <a:bodyPr wrap="square" rtlCol="0">
            <a:spAutoFit/>
          </a:bodyPr>
          <a:lstStyle/>
          <a:p>
            <a:endParaRPr lang="en-US" altLang="ja-JP" sz="1200" dirty="0" smtClean="0"/>
          </a:p>
          <a:p>
            <a:endParaRPr lang="en-US" altLang="ja-JP" sz="1200" dirty="0" smtClean="0"/>
          </a:p>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sp>
        <p:nvSpPr>
          <p:cNvPr id="2050" name="Rectangle 2"/>
          <p:cNvSpPr>
            <a:spLocks noChangeArrowheads="1"/>
          </p:cNvSpPr>
          <p:nvPr/>
        </p:nvSpPr>
        <p:spPr bwMode="auto">
          <a:xfrm>
            <a:off x="137395" y="529575"/>
            <a:ext cx="9654305" cy="6214125"/>
          </a:xfrm>
          <a:prstGeom prst="rect">
            <a:avLst/>
          </a:prstGeom>
          <a:noFill/>
          <a:ln w="9525">
            <a:noFill/>
            <a:miter lim="800000"/>
            <a:headEnd/>
            <a:tailEnd/>
          </a:ln>
          <a:effectLst/>
        </p:spPr>
        <p:txBody>
          <a:bodyPr vert="horz" wrap="square" lIns="54000" tIns="45720" rIns="54000" bIns="45720" numCol="1" anchor="t" anchorCtr="0" compatLnSpc="1">
            <a:prstTxWarp prst="textNoShape">
              <a:avLst/>
            </a:prstTxWarp>
            <a:spAutoFit/>
          </a:bodyPr>
          <a:lstStyle/>
          <a:p>
            <a:pPr>
              <a:lnSpc>
                <a:spcPts val="1500"/>
              </a:lnSpc>
            </a:pPr>
            <a:r>
              <a:rPr lang="ja-JP" altLang="ja-JP" sz="1400" b="1" dirty="0" smtClean="0"/>
              <a:t>１．エリアの</a:t>
            </a:r>
            <a:r>
              <a:rPr lang="ja-JP" altLang="en-US" sz="1400" b="1" dirty="0" smtClean="0"/>
              <a:t>現状</a:t>
            </a:r>
            <a:endParaRPr lang="ja-JP" altLang="ja-JP" sz="1400" dirty="0" smtClean="0"/>
          </a:p>
          <a:p>
            <a:pPr marL="180975" lvl="0" indent="-180975">
              <a:lnSpc>
                <a:spcPts val="1500"/>
              </a:lnSpc>
            </a:pPr>
            <a:r>
              <a:rPr lang="ja-JP" altLang="en-US" sz="1200" spc="-100" dirty="0" smtClean="0">
                <a:latin typeface="ＭＳ Ｐ明朝" pitchFamily="18" charset="-128"/>
                <a:ea typeface="ＭＳ Ｐ明朝" pitchFamily="18" charset="-128"/>
              </a:rPr>
              <a:t>　</a:t>
            </a:r>
            <a:r>
              <a:rPr lang="ja-JP" altLang="en-US" sz="1300" spc="-100" dirty="0" smtClean="0">
                <a:latin typeface="ＭＳ Ｐ明朝" pitchFamily="18" charset="-128"/>
                <a:ea typeface="ＭＳ Ｐ明朝" pitchFamily="18" charset="-128"/>
              </a:rPr>
              <a:t>・</a:t>
            </a:r>
            <a:r>
              <a:rPr lang="ja-JP" altLang="ja-JP" sz="1300" spc="-100" dirty="0" smtClean="0">
                <a:latin typeface="ＭＳ Ｐ明朝" pitchFamily="18" charset="-128"/>
                <a:ea typeface="ＭＳ Ｐ明朝" pitchFamily="18" charset="-128"/>
              </a:rPr>
              <a:t>大阪城公園を</a:t>
            </a:r>
            <a:r>
              <a:rPr lang="ja-JP" altLang="en-US" sz="1300" spc="-100" dirty="0" smtClean="0">
                <a:latin typeface="ＭＳ Ｐ明朝" pitchFamily="18" charset="-128"/>
                <a:ea typeface="ＭＳ Ｐ明朝" pitchFamily="18" charset="-128"/>
              </a:rPr>
              <a:t>中心</a:t>
            </a:r>
            <a:r>
              <a:rPr lang="ja-JP" altLang="ja-JP" sz="1300" spc="-100" dirty="0" smtClean="0">
                <a:latin typeface="ＭＳ Ｐ明朝" pitchFamily="18" charset="-128"/>
                <a:ea typeface="ＭＳ Ｐ明朝" pitchFamily="18" charset="-128"/>
              </a:rPr>
              <a:t>に、東側</a:t>
            </a:r>
            <a:r>
              <a:rPr lang="ja-JP" altLang="en-US" sz="1300" spc="-100" dirty="0" smtClean="0">
                <a:latin typeface="ＭＳ Ｐ明朝" pitchFamily="18" charset="-128"/>
                <a:ea typeface="ＭＳ Ｐ明朝" pitchFamily="18" charset="-128"/>
              </a:rPr>
              <a:t>には</a:t>
            </a:r>
            <a:r>
              <a:rPr lang="ja-JP" altLang="ja-JP" sz="1300" spc="-100" dirty="0" smtClean="0">
                <a:latin typeface="ＭＳ Ｐ明朝" pitchFamily="18" charset="-128"/>
                <a:ea typeface="ＭＳ Ｐ明朝" pitchFamily="18" charset="-128"/>
              </a:rPr>
              <a:t>森之宮、北側</a:t>
            </a:r>
            <a:r>
              <a:rPr lang="ja-JP" altLang="en-US" sz="1300" spc="-100" dirty="0" smtClean="0">
                <a:latin typeface="ＭＳ Ｐ明朝" pitchFamily="18" charset="-128"/>
                <a:ea typeface="ＭＳ Ｐ明朝" pitchFamily="18" charset="-128"/>
              </a:rPr>
              <a:t>には</a:t>
            </a:r>
            <a:r>
              <a:rPr lang="ja-JP" altLang="ja-JP" sz="1300" spc="-100" dirty="0" smtClean="0">
                <a:latin typeface="ＭＳ Ｐ明朝" pitchFamily="18" charset="-128"/>
                <a:ea typeface="ＭＳ Ｐ明朝" pitchFamily="18" charset="-128"/>
              </a:rPr>
              <a:t>京橋・</a:t>
            </a:r>
            <a:r>
              <a:rPr lang="ja-JP" altLang="en-US" sz="1300" spc="-100" dirty="0" smtClean="0">
                <a:latin typeface="ＭＳ Ｐ明朝" pitchFamily="18" charset="-128"/>
                <a:ea typeface="ＭＳ Ｐ明朝" pitchFamily="18" charset="-128"/>
              </a:rPr>
              <a:t>大阪ビジネスパーク</a:t>
            </a:r>
            <a:r>
              <a:rPr lang="ja-JP" altLang="ja-JP" sz="1300" spc="-100" dirty="0" smtClean="0">
                <a:latin typeface="ＭＳ Ｐ明朝" pitchFamily="18" charset="-128"/>
                <a:ea typeface="ＭＳ Ｐ明朝" pitchFamily="18" charset="-128"/>
              </a:rPr>
              <a:t>地区</a:t>
            </a:r>
            <a:r>
              <a:rPr lang="ja-JP" altLang="en-US" sz="1300" spc="-100" dirty="0" smtClean="0">
                <a:latin typeface="ＭＳ Ｐ明朝" pitchFamily="18" charset="-128"/>
                <a:ea typeface="ＭＳ Ｐ明朝" pitchFamily="18" charset="-128"/>
              </a:rPr>
              <a:t>が近接しており</a:t>
            </a:r>
            <a:r>
              <a:rPr lang="ja-JP" altLang="ja-JP" sz="1300" spc="-100" dirty="0" smtClean="0">
                <a:latin typeface="ＭＳ Ｐ明朝" pitchFamily="18" charset="-128"/>
                <a:ea typeface="ＭＳ Ｐ明朝" pitchFamily="18" charset="-128"/>
              </a:rPr>
              <a:t>、</a:t>
            </a:r>
            <a:r>
              <a:rPr lang="ja-JP" altLang="en-US" sz="1300" spc="-100" dirty="0" smtClean="0">
                <a:latin typeface="ＭＳ Ｐ明朝" pitchFamily="18" charset="-128"/>
                <a:ea typeface="ＭＳ Ｐ明朝" pitchFamily="18" charset="-128"/>
              </a:rPr>
              <a:t>大阪第</a:t>
            </a:r>
            <a:r>
              <a:rPr lang="en-US" altLang="ja-JP" sz="1300" spc="-100" dirty="0" smtClean="0">
                <a:latin typeface="ＭＳ Ｐ明朝" pitchFamily="18" charset="-128"/>
                <a:ea typeface="ＭＳ Ｐ明朝" pitchFamily="18" charset="-128"/>
              </a:rPr>
              <a:t>4</a:t>
            </a:r>
            <a:r>
              <a:rPr lang="ja-JP" altLang="en-US" sz="1300" spc="-100" dirty="0" smtClean="0">
                <a:latin typeface="ＭＳ Ｐ明朝" pitchFamily="18" charset="-128"/>
                <a:ea typeface="ＭＳ Ｐ明朝" pitchFamily="18" charset="-128"/>
              </a:rPr>
              <a:t>の利用者数を誇る京橋駅を有している</a:t>
            </a:r>
            <a:r>
              <a:rPr lang="ja-JP" altLang="ja-JP" sz="1300" spc="-100" dirty="0" smtClean="0">
                <a:latin typeface="ＭＳ Ｐ明朝" pitchFamily="18" charset="-128"/>
                <a:ea typeface="ＭＳ Ｐ明朝" pitchFamily="18" charset="-128"/>
              </a:rPr>
              <a:t>。</a:t>
            </a:r>
          </a:p>
          <a:p>
            <a:pPr marL="1295400" indent="-1209675">
              <a:lnSpc>
                <a:spcPts val="1500"/>
              </a:lnSpc>
              <a:tabLst>
                <a:tab pos="1285875" algn="l"/>
              </a:tabLst>
            </a:pPr>
            <a:r>
              <a:rPr lang="ja-JP" altLang="ja-JP" sz="1300" b="1" spc="-100" dirty="0" smtClean="0">
                <a:latin typeface="ＭＳ Ｐゴシック" pitchFamily="50" charset="-128"/>
                <a:ea typeface="ＭＳ Ｐゴシック" pitchFamily="50" charset="-128"/>
              </a:rPr>
              <a:t>①大阪城公園</a:t>
            </a:r>
            <a:r>
              <a:rPr lang="ja-JP" altLang="ja-JP" sz="1300" b="1" spc="-100" dirty="0" smtClean="0"/>
              <a:t>・・・ </a:t>
            </a:r>
            <a:r>
              <a:rPr lang="ja-JP" altLang="ja-JP" sz="1300" spc="-100" dirty="0" smtClean="0">
                <a:latin typeface="ＭＳ Ｐ明朝" pitchFamily="18" charset="-128"/>
                <a:ea typeface="ＭＳ Ｐ明朝" pitchFamily="18" charset="-128"/>
              </a:rPr>
              <a:t>大阪を代表する観光拠点であり、</a:t>
            </a:r>
            <a:r>
              <a:rPr lang="ja-JP" altLang="en-US" sz="1300" spc="-100" dirty="0" smtClean="0">
                <a:latin typeface="ＭＳ Ｐ明朝" pitchFamily="18" charset="-128"/>
                <a:ea typeface="ＭＳ Ｐ明朝" pitchFamily="18" charset="-128"/>
              </a:rPr>
              <a:t>天守閣は</a:t>
            </a:r>
            <a:r>
              <a:rPr lang="ja-JP" altLang="ja-JP" sz="1300" spc="-100" dirty="0" smtClean="0">
                <a:latin typeface="ＭＳ Ｐ明朝" pitchFamily="18" charset="-128"/>
                <a:ea typeface="ＭＳ Ｐ明朝" pitchFamily="18" charset="-128"/>
              </a:rPr>
              <a:t>年間</a:t>
            </a:r>
            <a:r>
              <a:rPr lang="en-US" altLang="ja-JP" sz="1300" spc="-100" dirty="0" smtClean="0">
                <a:latin typeface="ＭＳ Ｐ明朝" pitchFamily="18" charset="-128"/>
                <a:ea typeface="ＭＳ Ｐ明朝" pitchFamily="18" charset="-128"/>
              </a:rPr>
              <a:t>150</a:t>
            </a:r>
            <a:r>
              <a:rPr lang="ja-JP" altLang="ja-JP" sz="1300" spc="-100" dirty="0" smtClean="0">
                <a:latin typeface="ＭＳ Ｐ明朝" pitchFamily="18" charset="-128"/>
                <a:ea typeface="ＭＳ Ｐ明朝" pitchFamily="18" charset="-128"/>
              </a:rPr>
              <a:t>万人の集客を誇る（全国城郭のうち第</a:t>
            </a:r>
            <a:r>
              <a:rPr lang="en-US" altLang="ja-JP" sz="1300" spc="-100" dirty="0" smtClean="0">
                <a:latin typeface="ＭＳ Ｐ明朝" pitchFamily="18" charset="-128"/>
                <a:ea typeface="ＭＳ Ｐ明朝" pitchFamily="18" charset="-128"/>
              </a:rPr>
              <a:t>5</a:t>
            </a:r>
            <a:r>
              <a:rPr lang="ja-JP" altLang="ja-JP" sz="1300" spc="-100" dirty="0" smtClean="0">
                <a:latin typeface="ＭＳ Ｐ明朝" pitchFamily="18" charset="-128"/>
                <a:ea typeface="ＭＳ Ｐ明朝" pitchFamily="18" charset="-128"/>
              </a:rPr>
              <a:t>位</a:t>
            </a:r>
            <a:r>
              <a:rPr lang="en-US" altLang="ja-JP" sz="1300" spc="-100" dirty="0" smtClean="0">
                <a:latin typeface="ＭＳ Ｐ明朝" pitchFamily="18" charset="-128"/>
                <a:ea typeface="ＭＳ Ｐ明朝" pitchFamily="18" charset="-128"/>
              </a:rPr>
              <a:t>【2013</a:t>
            </a:r>
            <a:r>
              <a:rPr lang="ja-JP" altLang="en-US" sz="1300" spc="-100" dirty="0" smtClean="0">
                <a:latin typeface="ＭＳ Ｐ明朝" pitchFamily="18" charset="-128"/>
                <a:ea typeface="ＭＳ Ｐ明朝" pitchFamily="18" charset="-128"/>
              </a:rPr>
              <a:t>年度実績</a:t>
            </a:r>
            <a:r>
              <a:rPr lang="en-US" altLang="ja-JP" sz="1300" spc="-100" dirty="0" smtClean="0">
                <a:latin typeface="ＭＳ Ｐ明朝" pitchFamily="18" charset="-128"/>
                <a:ea typeface="ＭＳ Ｐ明朝" pitchFamily="18" charset="-128"/>
              </a:rPr>
              <a:t>】 </a:t>
            </a:r>
            <a:r>
              <a:rPr lang="ja-JP" altLang="ja-JP" sz="1300" spc="-100" dirty="0" smtClean="0">
                <a:latin typeface="ＭＳ Ｐ明朝" pitchFamily="18" charset="-128"/>
                <a:ea typeface="ＭＳ Ｐ明朝" pitchFamily="18" charset="-128"/>
              </a:rPr>
              <a:t>）</a:t>
            </a:r>
            <a:r>
              <a:rPr lang="ja-JP" altLang="en-US" sz="1300" spc="-100" dirty="0" smtClean="0">
                <a:latin typeface="ＭＳ Ｐ明朝" pitchFamily="18" charset="-128"/>
                <a:ea typeface="ＭＳ Ｐ明朝" pitchFamily="18" charset="-128"/>
              </a:rPr>
              <a:t>。</a:t>
            </a:r>
            <a:endParaRPr lang="ja-JP" altLang="ja-JP" sz="1300" spc="-100" dirty="0" smtClean="0">
              <a:latin typeface="ＭＳ Ｐ明朝" pitchFamily="18" charset="-128"/>
              <a:ea typeface="ＭＳ Ｐ明朝" pitchFamily="18" charset="-128"/>
            </a:endParaRPr>
          </a:p>
          <a:p>
            <a:pPr marL="1295400" indent="-1209675">
              <a:lnSpc>
                <a:spcPts val="1500"/>
              </a:lnSpc>
              <a:tabLst>
                <a:tab pos="1285875" algn="l"/>
              </a:tabLst>
            </a:pPr>
            <a:r>
              <a:rPr lang="ja-JP" altLang="ja-JP" sz="1300" b="1" spc="-100" dirty="0" smtClean="0">
                <a:latin typeface="ＭＳ Ｐゴシック" pitchFamily="50" charset="-128"/>
                <a:ea typeface="ＭＳ Ｐゴシック" pitchFamily="50" charset="-128"/>
              </a:rPr>
              <a:t>②森之宮</a:t>
            </a:r>
            <a:r>
              <a:rPr lang="en-US" altLang="ja-JP" sz="1300" b="1" spc="-100" dirty="0" smtClean="0">
                <a:latin typeface="ＭＳ Ｐゴシック" pitchFamily="50" charset="-128"/>
                <a:ea typeface="ＭＳ Ｐゴシック" pitchFamily="50" charset="-128"/>
              </a:rPr>
              <a:t>     </a:t>
            </a:r>
            <a:r>
              <a:rPr lang="ja-JP" altLang="en-US" sz="1300" b="1" spc="-100" dirty="0" smtClean="0">
                <a:latin typeface="ＭＳ Ｐゴシック" pitchFamily="50" charset="-128"/>
                <a:ea typeface="ＭＳ Ｐゴシック" pitchFamily="50" charset="-128"/>
              </a:rPr>
              <a:t>　</a:t>
            </a:r>
            <a:r>
              <a:rPr lang="ja-JP" altLang="ja-JP" sz="1300" b="1" spc="-100" dirty="0" smtClean="0"/>
              <a:t>・・・ </a:t>
            </a:r>
            <a:r>
              <a:rPr lang="ja-JP" altLang="en-US" sz="1300" spc="-100" dirty="0" smtClean="0">
                <a:latin typeface="ＭＳ Ｐ明朝" pitchFamily="18" charset="-128"/>
                <a:ea typeface="ＭＳ Ｐ明朝" pitchFamily="18" charset="-128"/>
              </a:rPr>
              <a:t>大阪城公園に近接し、</a:t>
            </a:r>
            <a:r>
              <a:rPr lang="en-US" altLang="ja-JP" sz="1300" spc="-100" dirty="0" smtClean="0">
                <a:latin typeface="ＭＳ Ｐ明朝" pitchFamily="18" charset="-128"/>
                <a:ea typeface="ＭＳ Ｐ明朝" pitchFamily="18" charset="-128"/>
              </a:rPr>
              <a:t>JR</a:t>
            </a:r>
            <a:r>
              <a:rPr lang="ja-JP" altLang="en-US" sz="1300" spc="-100" dirty="0" smtClean="0">
                <a:latin typeface="ＭＳ Ｐ明朝" pitchFamily="18" charset="-128"/>
                <a:ea typeface="ＭＳ Ｐ明朝" pitchFamily="18" charset="-128"/>
              </a:rPr>
              <a:t>環状線、地下鉄が交差し交通至便な立地であり、</a:t>
            </a:r>
            <a:r>
              <a:rPr lang="en-US" altLang="ja-JP" sz="1300" spc="-100" dirty="0" smtClean="0">
                <a:latin typeface="ＭＳ Ｐ明朝" pitchFamily="18" charset="-128"/>
                <a:ea typeface="ＭＳ Ｐ明朝" pitchFamily="18" charset="-128"/>
              </a:rPr>
              <a:t>UR</a:t>
            </a:r>
            <a:r>
              <a:rPr lang="ja-JP" altLang="en-US" sz="1300" spc="-100" dirty="0" smtClean="0">
                <a:latin typeface="ＭＳ Ｐ明朝" pitchFamily="18" charset="-128"/>
                <a:ea typeface="ＭＳ Ｐ明朝" pitchFamily="18" charset="-128"/>
              </a:rPr>
              <a:t>団地などが立地している。</a:t>
            </a:r>
            <a:endParaRPr lang="ja-JP" altLang="ja-JP" sz="1300" spc="-100" dirty="0" smtClean="0">
              <a:latin typeface="ＭＳ Ｐ明朝" pitchFamily="18" charset="-128"/>
              <a:ea typeface="ＭＳ Ｐ明朝" pitchFamily="18" charset="-128"/>
            </a:endParaRPr>
          </a:p>
          <a:p>
            <a:pPr marL="1257300" indent="-1171575">
              <a:lnSpc>
                <a:spcPts val="1500"/>
              </a:lnSpc>
              <a:tabLst>
                <a:tab pos="1162050" algn="l"/>
              </a:tabLst>
            </a:pPr>
            <a:r>
              <a:rPr lang="ja-JP" altLang="ja-JP" sz="1300" b="1" spc="-100" dirty="0" smtClean="0">
                <a:latin typeface="ＭＳ Ｐゴシック" pitchFamily="50" charset="-128"/>
                <a:ea typeface="ＭＳ Ｐゴシック" pitchFamily="50" charset="-128"/>
              </a:rPr>
              <a:t>③京橋・</a:t>
            </a:r>
            <a:r>
              <a:rPr lang="ja-JP" altLang="en-US" sz="1300" b="1" spc="-100" dirty="0" smtClean="0">
                <a:latin typeface="ＭＳ Ｐゴシック" pitchFamily="50" charset="-128"/>
                <a:ea typeface="ＭＳ Ｐゴシック" pitchFamily="50" charset="-128"/>
              </a:rPr>
              <a:t>大阪ビジネスパーク</a:t>
            </a:r>
            <a:r>
              <a:rPr lang="ja-JP" altLang="ja-JP" sz="1300" b="1" spc="-100" dirty="0" smtClean="0"/>
              <a:t>・・・</a:t>
            </a:r>
            <a:r>
              <a:rPr lang="ja-JP" altLang="ja-JP" sz="1300" spc="-100" dirty="0" smtClean="0">
                <a:latin typeface="ＭＳ Ｐ明朝" pitchFamily="18" charset="-128"/>
                <a:ea typeface="ＭＳ Ｐ明朝" pitchFamily="18" charset="-128"/>
              </a:rPr>
              <a:t>京橋駅は</a:t>
            </a:r>
            <a:r>
              <a:rPr lang="en-US" altLang="ja-JP" sz="1300" spc="-100" dirty="0" smtClean="0">
                <a:latin typeface="ＭＳ Ｐ明朝" pitchFamily="18" charset="-128"/>
                <a:ea typeface="ＭＳ Ｐ明朝" pitchFamily="18" charset="-128"/>
              </a:rPr>
              <a:t>4</a:t>
            </a:r>
            <a:r>
              <a:rPr lang="ja-JP" altLang="en-US" sz="1300" spc="-100" dirty="0" smtClean="0">
                <a:latin typeface="ＭＳ Ｐ明朝" pitchFamily="18" charset="-128"/>
                <a:ea typeface="ＭＳ Ｐ明朝" pitchFamily="18" charset="-128"/>
              </a:rPr>
              <a:t>本の鉄道路線が乗り入れている</a:t>
            </a:r>
            <a:r>
              <a:rPr lang="ja-JP" altLang="ja-JP" sz="1300" spc="-100" dirty="0" smtClean="0">
                <a:latin typeface="ＭＳ Ｐ明朝" pitchFamily="18" charset="-128"/>
                <a:ea typeface="ＭＳ Ｐ明朝" pitchFamily="18" charset="-128"/>
              </a:rPr>
              <a:t>ターミナル</a:t>
            </a:r>
            <a:r>
              <a:rPr lang="ja-JP" altLang="en-US" sz="1300" spc="-100" dirty="0" smtClean="0">
                <a:latin typeface="ＭＳ Ｐ明朝" pitchFamily="18" charset="-128"/>
                <a:ea typeface="ＭＳ Ｐ明朝" pitchFamily="18" charset="-128"/>
              </a:rPr>
              <a:t>であり</a:t>
            </a:r>
            <a:r>
              <a:rPr lang="ja-JP" altLang="ja-JP" sz="1300" spc="-100" dirty="0" smtClean="0">
                <a:latin typeface="ＭＳ Ｐ明朝" pitchFamily="18" charset="-128"/>
                <a:ea typeface="ＭＳ Ｐ明朝" pitchFamily="18" charset="-128"/>
              </a:rPr>
              <a:t>、</a:t>
            </a:r>
            <a:r>
              <a:rPr lang="ja-JP" altLang="en-US" sz="1300" spc="-100" dirty="0" smtClean="0">
                <a:latin typeface="ＭＳ Ｐ明朝" pitchFamily="18" charset="-128"/>
                <a:ea typeface="ＭＳ Ｐ明朝" pitchFamily="18" charset="-128"/>
              </a:rPr>
              <a:t>大阪ビジネスパーク</a:t>
            </a:r>
            <a:r>
              <a:rPr lang="ja-JP" altLang="ja-JP" sz="1300" spc="-100" dirty="0" smtClean="0">
                <a:latin typeface="ＭＳ Ｐ明朝" pitchFamily="18" charset="-128"/>
                <a:ea typeface="ＭＳ Ｐ明朝" pitchFamily="18" charset="-128"/>
              </a:rPr>
              <a:t>は大阪を代表する</a:t>
            </a:r>
            <a:r>
              <a:rPr lang="ja-JP" altLang="en-US" sz="1300" spc="-100" dirty="0" smtClean="0">
                <a:latin typeface="ＭＳ Ｐ明朝" pitchFamily="18" charset="-128"/>
                <a:ea typeface="ＭＳ Ｐ明朝" pitchFamily="18" charset="-128"/>
              </a:rPr>
              <a:t>文化・情報・国際化の</a:t>
            </a:r>
            <a:r>
              <a:rPr lang="ja-JP" altLang="ja-JP" sz="1300" spc="-100" dirty="0" smtClean="0">
                <a:latin typeface="ＭＳ Ｐ明朝" pitchFamily="18" charset="-128"/>
                <a:ea typeface="ＭＳ Ｐ明朝" pitchFamily="18" charset="-128"/>
              </a:rPr>
              <a:t>拠点</a:t>
            </a:r>
            <a:r>
              <a:rPr lang="ja-JP" altLang="en-US" sz="1300" spc="-100" dirty="0" smtClean="0">
                <a:latin typeface="ＭＳ Ｐ明朝" pitchFamily="18" charset="-128"/>
                <a:ea typeface="ＭＳ Ｐ明朝" pitchFamily="18" charset="-128"/>
              </a:rPr>
              <a:t>である。</a:t>
            </a:r>
            <a:endParaRPr lang="ja-JP" altLang="ja-JP" sz="1300" spc="-100" dirty="0" smtClean="0">
              <a:latin typeface="ＭＳ Ｐ明朝" pitchFamily="18" charset="-128"/>
              <a:ea typeface="ＭＳ Ｐ明朝" pitchFamily="18" charset="-128"/>
            </a:endParaRPr>
          </a:p>
          <a:p>
            <a:pPr marL="1295400" indent="-1295400">
              <a:lnSpc>
                <a:spcPts val="1500"/>
              </a:lnSpc>
              <a:tabLst>
                <a:tab pos="1433513" algn="l"/>
              </a:tabLst>
            </a:pPr>
            <a:endParaRPr lang="ja-JP" altLang="ja-JP" sz="800" dirty="0" smtClean="0">
              <a:latin typeface="ＭＳ Ｐ明朝" pitchFamily="18" charset="-128"/>
              <a:ea typeface="ＭＳ Ｐ明朝" pitchFamily="18" charset="-128"/>
            </a:endParaRPr>
          </a:p>
          <a:p>
            <a:pPr>
              <a:lnSpc>
                <a:spcPts val="1500"/>
              </a:lnSpc>
            </a:pPr>
            <a:r>
              <a:rPr lang="ja-JP" altLang="ja-JP" sz="1400" b="1" dirty="0" smtClean="0"/>
              <a:t>２．エリアの課題</a:t>
            </a:r>
            <a:endParaRPr lang="ja-JP" altLang="ja-JP" sz="1400" dirty="0" smtClean="0"/>
          </a:p>
          <a:p>
            <a:pPr marL="1260475" indent="-1174750">
              <a:lnSpc>
                <a:spcPts val="1500"/>
              </a:lnSpc>
              <a:tabLst>
                <a:tab pos="1260475" algn="l"/>
              </a:tabLst>
            </a:pPr>
            <a:r>
              <a:rPr lang="ja-JP" altLang="ja-JP" sz="1300" b="1" spc="-100" dirty="0" smtClean="0"/>
              <a:t>①大阪城公園・・・</a:t>
            </a:r>
            <a:r>
              <a:rPr lang="ja-JP" altLang="en-US" sz="1300" spc="-100" dirty="0" smtClean="0">
                <a:latin typeface="ＭＳ Ｐ明朝" pitchFamily="18" charset="-128"/>
                <a:ea typeface="ＭＳ Ｐ明朝" pitchFamily="18" charset="-128"/>
              </a:rPr>
              <a:t>都心の貴重な緑のオアシスであり、重要文化財などを有する歴史公園として、国内外から多くの観光客が訪れているが、そのポテンシャルを十分に</a:t>
            </a:r>
            <a:r>
              <a:rPr lang="ja-JP" altLang="ja-JP" sz="1300" spc="-100" dirty="0" smtClean="0">
                <a:latin typeface="ＭＳ Ｐ明朝" pitchFamily="18" charset="-128"/>
                <a:ea typeface="ＭＳ Ｐ明朝" pitchFamily="18" charset="-128"/>
              </a:rPr>
              <a:t>活かしきれていない</a:t>
            </a:r>
            <a:r>
              <a:rPr lang="ja-JP" altLang="en-US" sz="1300" spc="-100" dirty="0" smtClean="0">
                <a:latin typeface="ＭＳ Ｐ明朝" pitchFamily="18" charset="-128"/>
                <a:ea typeface="ＭＳ Ｐ明朝" pitchFamily="18" charset="-128"/>
              </a:rPr>
              <a:t>。</a:t>
            </a:r>
            <a:endParaRPr lang="ja-JP" altLang="ja-JP" sz="1300" spc="-100" dirty="0" smtClean="0">
              <a:latin typeface="ＭＳ Ｐ明朝" pitchFamily="18" charset="-128"/>
              <a:ea typeface="ＭＳ Ｐ明朝" pitchFamily="18" charset="-128"/>
            </a:endParaRPr>
          </a:p>
          <a:p>
            <a:pPr marL="1257300" indent="-1171575">
              <a:lnSpc>
                <a:spcPts val="1500"/>
              </a:lnSpc>
              <a:tabLst>
                <a:tab pos="1257300" algn="l"/>
              </a:tabLst>
            </a:pPr>
            <a:r>
              <a:rPr lang="ja-JP" altLang="ja-JP" sz="1300" b="1" spc="-100" dirty="0" smtClean="0"/>
              <a:t>②森之宮</a:t>
            </a:r>
            <a:r>
              <a:rPr lang="ja-JP" altLang="en-US" sz="1300" b="1" spc="-100" dirty="0" smtClean="0"/>
              <a:t>　　　</a:t>
            </a:r>
            <a:r>
              <a:rPr lang="ja-JP" altLang="ja-JP" sz="1300" b="1" spc="-100" dirty="0" smtClean="0"/>
              <a:t>・・・</a:t>
            </a:r>
            <a:r>
              <a:rPr lang="ja-JP" altLang="en-US" sz="1300" spc="-100" dirty="0" smtClean="0">
                <a:latin typeface="ＭＳ Ｐ明朝" pitchFamily="18" charset="-128"/>
                <a:ea typeface="ＭＳ Ｐ明朝" pitchFamily="18" charset="-128"/>
              </a:rPr>
              <a:t>大阪城公園、大阪ビジネスパークと近接し、ごみ焼却場跡地、建替え用地など大規模な未利用地を有するポテンシャルが高い立地であるものの、その強みを活かせていない。</a:t>
            </a:r>
            <a:endParaRPr lang="ja-JP" altLang="ja-JP" sz="1300" spc="-100" dirty="0" smtClean="0">
              <a:latin typeface="ＭＳ Ｐ明朝" pitchFamily="18" charset="-128"/>
              <a:ea typeface="ＭＳ Ｐ明朝" pitchFamily="18" charset="-128"/>
            </a:endParaRPr>
          </a:p>
          <a:p>
            <a:pPr marL="1257300" indent="-1171575">
              <a:lnSpc>
                <a:spcPts val="1500"/>
              </a:lnSpc>
              <a:tabLst>
                <a:tab pos="1257300" algn="l"/>
              </a:tabLst>
            </a:pPr>
            <a:r>
              <a:rPr lang="ja-JP" altLang="ja-JP" sz="1300" b="1" spc="-100" dirty="0" smtClean="0"/>
              <a:t>③京橋</a:t>
            </a:r>
            <a:r>
              <a:rPr lang="ja-JP" altLang="en-US" sz="1300" b="1" spc="-100" dirty="0" smtClean="0"/>
              <a:t>・大阪ビジネスパーク</a:t>
            </a:r>
            <a:r>
              <a:rPr lang="ja-JP" altLang="ja-JP" sz="1300" b="1" spc="-100" dirty="0" smtClean="0"/>
              <a:t>・・・</a:t>
            </a:r>
            <a:r>
              <a:rPr lang="ja-JP" altLang="en-US" sz="1300" spc="-100" dirty="0" smtClean="0">
                <a:latin typeface="ＭＳ Ｐ明朝" pitchFamily="18" charset="-128"/>
                <a:ea typeface="ＭＳ Ｐ明朝" pitchFamily="18" charset="-128"/>
              </a:rPr>
              <a:t>京橋は大阪第</a:t>
            </a:r>
            <a:r>
              <a:rPr lang="en-US" altLang="ja-JP" sz="1300" spc="-100" dirty="0" smtClean="0">
                <a:latin typeface="ＭＳ Ｐ明朝" pitchFamily="18" charset="-128"/>
                <a:ea typeface="ＭＳ Ｐ明朝" pitchFamily="18" charset="-128"/>
              </a:rPr>
              <a:t>4</a:t>
            </a:r>
            <a:r>
              <a:rPr lang="ja-JP" altLang="en-US" sz="1300" spc="-100" dirty="0" smtClean="0">
                <a:latin typeface="ＭＳ Ｐ明朝" pitchFamily="18" charset="-128"/>
                <a:ea typeface="ＭＳ Ｐ明朝" pitchFamily="18" charset="-128"/>
              </a:rPr>
              <a:t>の乗降客数があるターミナル。ターミナルに乗り入れる路線（</a:t>
            </a:r>
            <a:r>
              <a:rPr lang="en-US" altLang="ja-JP" sz="1300" spc="-100" dirty="0" smtClean="0">
                <a:latin typeface="ＭＳ Ｐ明朝" pitchFamily="18" charset="-128"/>
                <a:ea typeface="ＭＳ Ｐ明朝" pitchFamily="18" charset="-128"/>
              </a:rPr>
              <a:t>JR</a:t>
            </a:r>
            <a:r>
              <a:rPr lang="ja-JP" altLang="en-US" sz="1300" spc="-100" dirty="0" smtClean="0">
                <a:latin typeface="ＭＳ Ｐ明朝" pitchFamily="18" charset="-128"/>
                <a:ea typeface="ＭＳ Ｐ明朝" pitchFamily="18" charset="-128"/>
              </a:rPr>
              <a:t>・京阪・地下鉄）相互間の乗換えや大阪ビジネスパークへの動線には多くの上下移動を伴い、また、歩行者動線も交錯している。</a:t>
            </a:r>
            <a:endParaRPr lang="en-US" altLang="ja-JP" sz="1300" spc="-100" dirty="0" smtClean="0">
              <a:latin typeface="ＭＳ Ｐ明朝" pitchFamily="18" charset="-128"/>
              <a:ea typeface="ＭＳ Ｐ明朝" pitchFamily="18" charset="-128"/>
            </a:endParaRPr>
          </a:p>
          <a:p>
            <a:pPr marL="1257300" indent="-1171575">
              <a:lnSpc>
                <a:spcPts val="1500"/>
              </a:lnSpc>
              <a:tabLst>
                <a:tab pos="1162050" algn="l"/>
              </a:tabLst>
            </a:pPr>
            <a:r>
              <a:rPr lang="ja-JP" altLang="en-US" sz="1300" spc="-100" dirty="0" smtClean="0">
                <a:latin typeface="ＭＳ Ｐ明朝" pitchFamily="18" charset="-128"/>
                <a:ea typeface="ＭＳ Ｐ明朝" pitchFamily="18" charset="-128"/>
              </a:rPr>
              <a:t>　　　　　　　　　　　　大阪ビジネスパークはまちび</a:t>
            </a:r>
            <a:r>
              <a:rPr lang="ja-JP" altLang="en-US" sz="1300" spc="-100" dirty="0" err="1" smtClean="0">
                <a:latin typeface="ＭＳ Ｐ明朝" pitchFamily="18" charset="-128"/>
                <a:ea typeface="ＭＳ Ｐ明朝" pitchFamily="18" charset="-128"/>
              </a:rPr>
              <a:t>らき</a:t>
            </a:r>
            <a:r>
              <a:rPr lang="ja-JP" altLang="en-US" sz="1300" spc="-100" dirty="0" smtClean="0">
                <a:latin typeface="ＭＳ Ｐ明朝" pitchFamily="18" charset="-128"/>
                <a:ea typeface="ＭＳ Ｐ明朝" pitchFamily="18" charset="-128"/>
              </a:rPr>
              <a:t>から約</a:t>
            </a:r>
            <a:r>
              <a:rPr lang="en-US" altLang="ja-JP" sz="1300" spc="-100" dirty="0" smtClean="0">
                <a:latin typeface="ＭＳ Ｐ明朝" pitchFamily="18" charset="-128"/>
                <a:ea typeface="ＭＳ Ｐ明朝" pitchFamily="18" charset="-128"/>
              </a:rPr>
              <a:t>30</a:t>
            </a:r>
            <a:r>
              <a:rPr lang="ja-JP" altLang="en-US" sz="1300" spc="-100" dirty="0" smtClean="0">
                <a:latin typeface="ＭＳ Ｐ明朝" pitchFamily="18" charset="-128"/>
                <a:ea typeface="ＭＳ Ｐ明朝" pitchFamily="18" charset="-128"/>
              </a:rPr>
              <a:t>年経過し、今後大規模な改修・更新時期を迎えるにあたり、他の拠点開発と区別化できるコンセプトが必要となっている。</a:t>
            </a:r>
            <a:endParaRPr lang="ja-JP" altLang="ja-JP" sz="1300" spc="-100" dirty="0" smtClean="0">
              <a:latin typeface="ＭＳ Ｐ明朝" pitchFamily="18" charset="-128"/>
              <a:ea typeface="ＭＳ Ｐ明朝" pitchFamily="18" charset="-128"/>
            </a:endParaRPr>
          </a:p>
          <a:p>
            <a:pPr>
              <a:lnSpc>
                <a:spcPts val="1500"/>
              </a:lnSpc>
            </a:pPr>
            <a:endParaRPr lang="en-US" altLang="ja-JP" sz="1200" b="1" dirty="0" smtClean="0"/>
          </a:p>
          <a:p>
            <a:pPr>
              <a:lnSpc>
                <a:spcPts val="1500"/>
              </a:lnSpc>
            </a:pPr>
            <a:r>
              <a:rPr lang="ja-JP" altLang="ja-JP" sz="1400" b="1" dirty="0" smtClean="0"/>
              <a:t>３．近年の動向</a:t>
            </a:r>
            <a:endParaRPr lang="ja-JP" altLang="ja-JP" sz="1400" dirty="0" smtClean="0"/>
          </a:p>
          <a:p>
            <a:pPr marL="1257300" indent="-1171575">
              <a:lnSpc>
                <a:spcPts val="1500"/>
              </a:lnSpc>
              <a:tabLst>
                <a:tab pos="1257300" algn="l"/>
                <a:tab pos="1343025" algn="l"/>
              </a:tabLst>
            </a:pPr>
            <a:r>
              <a:rPr lang="ja-JP" altLang="ja-JP" sz="1300" b="1" spc="-100" dirty="0" smtClean="0"/>
              <a:t>①大阪城公園・・・</a:t>
            </a:r>
            <a:r>
              <a:rPr lang="ja-JP" altLang="ja-JP" sz="1300" spc="-100" dirty="0" smtClean="0">
                <a:latin typeface="ＭＳ Ｐ明朝" pitchFamily="18" charset="-128"/>
                <a:ea typeface="ＭＳ Ｐ明朝" pitchFamily="18" charset="-128"/>
              </a:rPr>
              <a:t>集客力の高いイベントの誘致や、外国人旅行者を中心とした観光客数が伸びる中、</a:t>
            </a:r>
            <a:r>
              <a:rPr lang="ja-JP" altLang="en-US" sz="1300" spc="-100" dirty="0" smtClean="0">
                <a:latin typeface="ＭＳ Ｐ明朝" pitchFamily="18" charset="-128"/>
                <a:ea typeface="ＭＳ Ｐ明朝" pitchFamily="18" charset="-128"/>
              </a:rPr>
              <a:t>パークマネジメント事業</a:t>
            </a:r>
            <a:r>
              <a:rPr lang="en-US" altLang="ja-JP" sz="1300" spc="-100" dirty="0" smtClean="0">
                <a:latin typeface="ＭＳ Ｐ明朝" pitchFamily="18" charset="-128"/>
                <a:ea typeface="ＭＳ Ｐ明朝" pitchFamily="18" charset="-128"/>
              </a:rPr>
              <a:t>(PMO)</a:t>
            </a:r>
            <a:r>
              <a:rPr lang="ja-JP" altLang="ja-JP" sz="1300" spc="-100" dirty="0" smtClean="0">
                <a:latin typeface="ＭＳ Ｐ明朝" pitchFamily="18" charset="-128"/>
                <a:ea typeface="ＭＳ Ｐ明朝" pitchFamily="18" charset="-128"/>
              </a:rPr>
              <a:t>導入による更なる魅力向上が期待される。</a:t>
            </a:r>
          </a:p>
          <a:p>
            <a:pPr marL="1257300" indent="-1171575">
              <a:lnSpc>
                <a:spcPts val="1500"/>
              </a:lnSpc>
              <a:tabLst>
                <a:tab pos="1285875" algn="l"/>
              </a:tabLst>
            </a:pPr>
            <a:r>
              <a:rPr lang="ja-JP" altLang="ja-JP" sz="1300" b="1" spc="-100" dirty="0" smtClean="0"/>
              <a:t>②森之宮</a:t>
            </a:r>
            <a:r>
              <a:rPr lang="ja-JP" altLang="en-US" sz="1300" b="1" spc="-100" dirty="0" smtClean="0"/>
              <a:t>　　　</a:t>
            </a:r>
            <a:r>
              <a:rPr lang="ja-JP" altLang="ja-JP" sz="1300" b="1" spc="-100" dirty="0" smtClean="0"/>
              <a:t>・・・</a:t>
            </a:r>
            <a:r>
              <a:rPr lang="ja-JP" altLang="en-US" sz="1300" spc="-100" dirty="0" smtClean="0">
                <a:latin typeface="ＭＳ Ｐ明朝" pitchFamily="18" charset="-128"/>
                <a:ea typeface="ＭＳ Ｐ明朝" pitchFamily="18" charset="-128"/>
              </a:rPr>
              <a:t>ごみ焼却場の建て替えが中止となり、すでに確保済であった建て替え用地の活用策のとりまとめが求められている。府立</a:t>
            </a:r>
            <a:r>
              <a:rPr lang="ja-JP" altLang="ja-JP" sz="1300" spc="-100" dirty="0" smtClean="0">
                <a:latin typeface="ＭＳ Ｐ明朝" pitchFamily="18" charset="-128"/>
                <a:ea typeface="ＭＳ Ｐ明朝" pitchFamily="18" charset="-128"/>
              </a:rPr>
              <a:t>成人病センター</a:t>
            </a:r>
            <a:r>
              <a:rPr lang="ja-JP" altLang="en-US" sz="1300" spc="-100" dirty="0" smtClean="0">
                <a:latin typeface="ＭＳ Ｐ明朝" pitchFamily="18" charset="-128"/>
                <a:ea typeface="ＭＳ Ｐ明朝" pitchFamily="18" charset="-128"/>
              </a:rPr>
              <a:t>の跡地等のまちづくり方針（素案）が公表された</a:t>
            </a:r>
            <a:r>
              <a:rPr lang="ja-JP" altLang="ja-JP" sz="1300" spc="-100" dirty="0" smtClean="0">
                <a:latin typeface="ＭＳ Ｐ明朝" pitchFamily="18" charset="-128"/>
                <a:ea typeface="ＭＳ Ｐ明朝" pitchFamily="18" charset="-128"/>
              </a:rPr>
              <a:t>。</a:t>
            </a:r>
          </a:p>
          <a:p>
            <a:pPr marL="1257300" indent="-1171575">
              <a:lnSpc>
                <a:spcPts val="1500"/>
              </a:lnSpc>
              <a:tabLst>
                <a:tab pos="1162050" algn="l"/>
              </a:tabLst>
            </a:pPr>
            <a:r>
              <a:rPr lang="ja-JP" altLang="ja-JP" sz="1300" b="1" spc="-100" dirty="0" smtClean="0"/>
              <a:t>③京橋</a:t>
            </a:r>
            <a:r>
              <a:rPr lang="ja-JP" altLang="en-US" sz="1300" b="1" spc="-100" dirty="0" smtClean="0"/>
              <a:t>・大阪ビジネスパーク</a:t>
            </a:r>
            <a:r>
              <a:rPr lang="ja-JP" altLang="ja-JP" sz="1300" b="1" spc="-100" dirty="0" smtClean="0"/>
              <a:t>・・・</a:t>
            </a:r>
            <a:r>
              <a:rPr lang="ja-JP" altLang="en-US" sz="1300" spc="-100" dirty="0" smtClean="0">
                <a:latin typeface="ＭＳ Ｐ明朝" pitchFamily="18" charset="-128"/>
                <a:ea typeface="ＭＳ Ｐ明朝" pitchFamily="18" charset="-128"/>
              </a:rPr>
              <a:t>大阪ビジネスパークにおいて、地権者企業が</a:t>
            </a:r>
            <a:r>
              <a:rPr lang="en-US" altLang="ja-JP" sz="1300" spc="-100" dirty="0" smtClean="0">
                <a:latin typeface="ＭＳ Ｐ明朝" pitchFamily="18" charset="-128"/>
                <a:ea typeface="ＭＳ Ｐ明朝" pitchFamily="18" charset="-128"/>
              </a:rPr>
              <a:t>OBP</a:t>
            </a:r>
            <a:r>
              <a:rPr lang="ja-JP" altLang="en-US" sz="1300" spc="-100" dirty="0" smtClean="0">
                <a:latin typeface="ＭＳ Ｐ明朝" pitchFamily="18" charset="-128"/>
                <a:ea typeface="ＭＳ Ｐ明朝" pitchFamily="18" charset="-128"/>
              </a:rPr>
              <a:t>リノベーション事業推進協議会を組成し、エリアの再生をめざし、防災・低炭素・スマートコミュニティをテーマとした取組みを実施している</a:t>
            </a:r>
            <a:r>
              <a:rPr lang="ja-JP" altLang="ja-JP" sz="1300" spc="-100" dirty="0" smtClean="0">
                <a:latin typeface="ＭＳ Ｐ明朝" pitchFamily="18" charset="-128"/>
                <a:ea typeface="ＭＳ Ｐ明朝" pitchFamily="18" charset="-128"/>
              </a:rPr>
              <a:t>。</a:t>
            </a:r>
            <a:endParaRPr lang="ja-JP" altLang="ja-JP" sz="700" spc="-100" dirty="0" smtClean="0">
              <a:latin typeface="ＭＳ Ｐ明朝" pitchFamily="18" charset="-128"/>
              <a:ea typeface="ＭＳ Ｐ明朝" pitchFamily="18" charset="-128"/>
            </a:endParaRPr>
          </a:p>
          <a:p>
            <a:pPr>
              <a:lnSpc>
                <a:spcPts val="1500"/>
              </a:lnSpc>
            </a:pPr>
            <a:r>
              <a:rPr lang="en-US" altLang="ja-JP" sz="600" b="1" dirty="0" smtClean="0"/>
              <a:t> </a:t>
            </a:r>
            <a:endParaRPr lang="ja-JP" altLang="ja-JP" sz="500" dirty="0" smtClean="0"/>
          </a:p>
          <a:p>
            <a:pPr>
              <a:lnSpc>
                <a:spcPts val="1500"/>
              </a:lnSpc>
            </a:pPr>
            <a:r>
              <a:rPr lang="ja-JP" altLang="ja-JP" sz="1400" b="1" dirty="0" smtClean="0"/>
              <a:t>４．将来像</a:t>
            </a:r>
            <a:endParaRPr lang="ja-JP" altLang="ja-JP" sz="1400" dirty="0" smtClean="0"/>
          </a:p>
          <a:p>
            <a:pPr marL="1295400" indent="-1295400">
              <a:lnSpc>
                <a:spcPts val="1500"/>
              </a:lnSpc>
              <a:tabLst>
                <a:tab pos="1295400" algn="l"/>
              </a:tabLst>
            </a:pPr>
            <a:r>
              <a:rPr lang="ja-JP" altLang="en-US" sz="1300" spc="-100" dirty="0" smtClean="0">
                <a:latin typeface="ＭＳ Ｐ明朝" pitchFamily="18" charset="-128"/>
                <a:ea typeface="ＭＳ Ｐ明朝" pitchFamily="18" charset="-128"/>
              </a:rPr>
              <a:t>・以下の</a:t>
            </a:r>
            <a:r>
              <a:rPr lang="ja-JP" altLang="ja-JP" sz="1300" spc="-100" dirty="0" smtClean="0">
                <a:latin typeface="ＭＳ Ｐ明朝" pitchFamily="18" charset="-128"/>
                <a:ea typeface="ＭＳ Ｐ明朝" pitchFamily="18" charset="-128"/>
              </a:rPr>
              <a:t>取り組みに</a:t>
            </a:r>
            <a:r>
              <a:rPr lang="ja-JP" altLang="en-US" sz="1300" spc="-100" dirty="0" smtClean="0">
                <a:latin typeface="ＭＳ Ｐ明朝" pitchFamily="18" charset="-128"/>
                <a:ea typeface="ＭＳ Ｐ明朝" pitchFamily="18" charset="-128"/>
              </a:rPr>
              <a:t>より</a:t>
            </a:r>
            <a:r>
              <a:rPr lang="ja-JP" altLang="ja-JP" sz="1300" spc="-100" dirty="0" smtClean="0">
                <a:latin typeface="ＭＳ Ｐ明朝" pitchFamily="18" charset="-128"/>
                <a:ea typeface="ＭＳ Ｐ明朝" pitchFamily="18" charset="-128"/>
              </a:rPr>
              <a:t>、</a:t>
            </a:r>
            <a:r>
              <a:rPr lang="ja-JP" altLang="en-US" sz="1300" spc="-100" dirty="0" smtClean="0">
                <a:latin typeface="ＭＳ Ｐ明朝" pitchFamily="18" charset="-128"/>
                <a:ea typeface="ＭＳ Ｐ明朝" pitchFamily="18" charset="-128"/>
              </a:rPr>
              <a:t>各地区のまちづくりにみがきをかけ</a:t>
            </a:r>
            <a:r>
              <a:rPr lang="ja-JP" altLang="ja-JP" sz="1300" spc="-100" dirty="0" smtClean="0">
                <a:latin typeface="ＭＳ Ｐ明朝" pitchFamily="18" charset="-128"/>
                <a:ea typeface="ＭＳ Ｐ明朝" pitchFamily="18" charset="-128"/>
              </a:rPr>
              <a:t>、</a:t>
            </a:r>
            <a:r>
              <a:rPr lang="ja-JP" altLang="en-US" sz="1300" spc="-100" dirty="0" smtClean="0">
                <a:latin typeface="ＭＳ Ｐ明朝" pitchFamily="18" charset="-128"/>
                <a:ea typeface="ＭＳ Ｐ明朝" pitchFamily="18" charset="-128"/>
              </a:rPr>
              <a:t>ソフト・ハードの相互連携を図り、エリア全体で</a:t>
            </a:r>
            <a:r>
              <a:rPr lang="ja-JP" altLang="ja-JP" sz="1300" spc="-100" dirty="0" smtClean="0">
                <a:latin typeface="ＭＳ Ｐ明朝" pitchFamily="18" charset="-128"/>
                <a:ea typeface="ＭＳ Ｐ明朝" pitchFamily="18" charset="-128"/>
              </a:rPr>
              <a:t>大阪</a:t>
            </a:r>
            <a:r>
              <a:rPr lang="ja-JP" altLang="en-US" sz="1300" spc="-100" dirty="0" smtClean="0">
                <a:latin typeface="ＭＳ Ｐ明朝" pitchFamily="18" charset="-128"/>
                <a:ea typeface="ＭＳ Ｐ明朝" pitchFamily="18" charset="-128"/>
              </a:rPr>
              <a:t>都心の</a:t>
            </a:r>
            <a:r>
              <a:rPr lang="ja-JP" altLang="ja-JP" sz="1300" spc="-100" dirty="0" smtClean="0">
                <a:latin typeface="ＭＳ Ｐ明朝" pitchFamily="18" charset="-128"/>
                <a:ea typeface="ＭＳ Ｐ明朝" pitchFamily="18" charset="-128"/>
              </a:rPr>
              <a:t>東部</a:t>
            </a:r>
            <a:r>
              <a:rPr lang="ja-JP" altLang="en-US" sz="1300" spc="-100" dirty="0" smtClean="0">
                <a:latin typeface="ＭＳ Ｐ明朝" pitchFamily="18" charset="-128"/>
                <a:ea typeface="ＭＳ Ｐ明朝" pitchFamily="18" charset="-128"/>
              </a:rPr>
              <a:t>エリア</a:t>
            </a:r>
            <a:r>
              <a:rPr lang="ja-JP" altLang="ja-JP" sz="1300" spc="-100" dirty="0" smtClean="0">
                <a:latin typeface="ＭＳ Ｐ明朝" pitchFamily="18" charset="-128"/>
                <a:ea typeface="ＭＳ Ｐ明朝" pitchFamily="18" charset="-128"/>
              </a:rPr>
              <a:t>の</a:t>
            </a:r>
            <a:r>
              <a:rPr lang="ja-JP" altLang="en-US" sz="1300" spc="-100" dirty="0" smtClean="0">
                <a:latin typeface="ＭＳ Ｐ明朝" pitchFamily="18" charset="-128"/>
                <a:ea typeface="ＭＳ Ｐ明朝" pitchFamily="18" charset="-128"/>
              </a:rPr>
              <a:t>中心</a:t>
            </a:r>
            <a:r>
              <a:rPr lang="ja-JP" altLang="ja-JP" sz="1300" spc="-100" dirty="0" smtClean="0">
                <a:latin typeface="ＭＳ Ｐ明朝" pitchFamily="18" charset="-128"/>
                <a:ea typeface="ＭＳ Ｐ明朝" pitchFamily="18" charset="-128"/>
              </a:rPr>
              <a:t>拠点を</a:t>
            </a:r>
            <a:r>
              <a:rPr lang="ja-JP" altLang="en-US" sz="1300" spc="-100" dirty="0" smtClean="0">
                <a:latin typeface="ＭＳ Ｐ明朝" pitchFamily="18" charset="-128"/>
                <a:ea typeface="ＭＳ Ｐ明朝" pitchFamily="18" charset="-128"/>
              </a:rPr>
              <a:t>めざ</a:t>
            </a:r>
            <a:r>
              <a:rPr lang="ja-JP" altLang="ja-JP" sz="1300" spc="-100" dirty="0" smtClean="0">
                <a:latin typeface="ＭＳ Ｐ明朝" pitchFamily="18" charset="-128"/>
                <a:ea typeface="ＭＳ Ｐ明朝" pitchFamily="18" charset="-128"/>
              </a:rPr>
              <a:t>す</a:t>
            </a:r>
            <a:r>
              <a:rPr lang="ja-JP" altLang="en-US" sz="1300" spc="-100" dirty="0" smtClean="0">
                <a:latin typeface="ＭＳ Ｐ明朝" pitchFamily="18" charset="-128"/>
                <a:ea typeface="ＭＳ Ｐ明朝" pitchFamily="18" charset="-128"/>
              </a:rPr>
              <a:t>。</a:t>
            </a:r>
            <a:endParaRPr lang="en-US" altLang="ja-JP" sz="1300" spc="-100" dirty="0" smtClean="0"/>
          </a:p>
          <a:p>
            <a:pPr marL="1295400" indent="-1209675">
              <a:lnSpc>
                <a:spcPts val="1500"/>
              </a:lnSpc>
              <a:tabLst>
                <a:tab pos="1285875" algn="l"/>
              </a:tabLst>
            </a:pPr>
            <a:r>
              <a:rPr lang="ja-JP" altLang="ja-JP" sz="1300" b="1" spc="-100" dirty="0" smtClean="0"/>
              <a:t>①大阪城公園・・・</a:t>
            </a:r>
            <a:r>
              <a:rPr lang="en-US" altLang="ja-JP" sz="1300" b="1" spc="-100" dirty="0" smtClean="0"/>
              <a:t>	</a:t>
            </a:r>
            <a:r>
              <a:rPr lang="ja-JP" altLang="en-US" sz="1300" spc="-100" dirty="0" smtClean="0">
                <a:latin typeface="ＭＳ Ｐ明朝" pitchFamily="18" charset="-128"/>
                <a:ea typeface="ＭＳ Ｐ明朝" pitchFamily="18" charset="-128"/>
              </a:rPr>
              <a:t>パークマネジメント事業</a:t>
            </a:r>
            <a:r>
              <a:rPr lang="en-US" altLang="ja-JP" sz="1300" spc="-100" dirty="0" smtClean="0">
                <a:latin typeface="ＭＳ Ｐ明朝" pitchFamily="18" charset="-128"/>
                <a:ea typeface="ＭＳ Ｐ明朝" pitchFamily="18" charset="-128"/>
              </a:rPr>
              <a:t>(PMO)</a:t>
            </a:r>
            <a:r>
              <a:rPr lang="ja-JP" altLang="en-US" sz="1300" spc="-100" dirty="0" smtClean="0">
                <a:latin typeface="ＭＳ Ｐ明朝" pitchFamily="18" charset="-128"/>
                <a:ea typeface="ＭＳ Ｐ明朝" pitchFamily="18" charset="-128"/>
              </a:rPr>
              <a:t>による</a:t>
            </a:r>
            <a:r>
              <a:rPr lang="ja-JP" altLang="ja-JP" sz="1300" spc="-100" dirty="0" smtClean="0">
                <a:latin typeface="ＭＳ Ｐ明朝" pitchFamily="18" charset="-128"/>
                <a:ea typeface="ＭＳ Ｐ明朝" pitchFamily="18" charset="-128"/>
              </a:rPr>
              <a:t>飲食店やショップの充実、歴史体験ができる駅前エリアの整備、ループバスによる回遊性の向上など、サービス向上を図る</a:t>
            </a:r>
            <a:r>
              <a:rPr lang="ja-JP" altLang="en-US" sz="1300" spc="-100" dirty="0" smtClean="0">
                <a:latin typeface="ＭＳ Ｐ明朝" pitchFamily="18" charset="-128"/>
                <a:ea typeface="ＭＳ Ｐ明朝" pitchFamily="18" charset="-128"/>
              </a:rPr>
              <a:t>。</a:t>
            </a:r>
            <a:endParaRPr lang="ja-JP" altLang="ja-JP" sz="1300" spc="-100" dirty="0" smtClean="0">
              <a:latin typeface="ＭＳ Ｐ明朝" pitchFamily="18" charset="-128"/>
              <a:ea typeface="ＭＳ Ｐ明朝" pitchFamily="18" charset="-128"/>
            </a:endParaRPr>
          </a:p>
          <a:p>
            <a:pPr marL="1295400" indent="-1209675">
              <a:lnSpc>
                <a:spcPts val="1500"/>
              </a:lnSpc>
              <a:tabLst>
                <a:tab pos="1285875" algn="l"/>
              </a:tabLst>
            </a:pPr>
            <a:r>
              <a:rPr lang="ja-JP" altLang="ja-JP" sz="1300" b="1" spc="-100" dirty="0" smtClean="0"/>
              <a:t>②森之宮</a:t>
            </a:r>
            <a:r>
              <a:rPr lang="ja-JP" altLang="en-US" sz="1300" b="1" spc="-100" dirty="0" smtClean="0"/>
              <a:t>　　　</a:t>
            </a:r>
            <a:r>
              <a:rPr lang="ja-JP" altLang="ja-JP" sz="1300" b="1" spc="-100" dirty="0" smtClean="0"/>
              <a:t>・・・</a:t>
            </a:r>
            <a:r>
              <a:rPr lang="en-US" altLang="ja-JP" sz="1300" b="1" spc="-100" dirty="0" smtClean="0"/>
              <a:t>	</a:t>
            </a:r>
            <a:r>
              <a:rPr lang="ja-JP" altLang="en-US" sz="1300" spc="-100" dirty="0" smtClean="0">
                <a:latin typeface="ＭＳ Ｐ明朝" pitchFamily="18" charset="-128"/>
                <a:ea typeface="ＭＳ Ｐ明朝" pitchFamily="18" charset="-128"/>
              </a:rPr>
              <a:t>大規模な低未利用地の土地利用転換を図り、子育て世代や高齢者等が健康的に住み続けられるまちをめざす。</a:t>
            </a:r>
            <a:endParaRPr lang="ja-JP" altLang="ja-JP" sz="1300" spc="-100" dirty="0" smtClean="0">
              <a:latin typeface="ＭＳ Ｐ明朝" pitchFamily="18" charset="-128"/>
              <a:ea typeface="ＭＳ Ｐ明朝" pitchFamily="18" charset="-128"/>
            </a:endParaRPr>
          </a:p>
          <a:p>
            <a:pPr marL="1295400" indent="-1209675">
              <a:lnSpc>
                <a:spcPts val="1500"/>
              </a:lnSpc>
              <a:tabLst>
                <a:tab pos="1285875" algn="l"/>
              </a:tabLst>
            </a:pPr>
            <a:r>
              <a:rPr lang="ja-JP" altLang="ja-JP" sz="1300" b="1" spc="-100" dirty="0" smtClean="0"/>
              <a:t>③京橋</a:t>
            </a:r>
            <a:r>
              <a:rPr lang="ja-JP" altLang="en-US" sz="1300" b="1" spc="-100" dirty="0" smtClean="0"/>
              <a:t>・大阪ビジネスパーク</a:t>
            </a:r>
            <a:r>
              <a:rPr lang="ja-JP" altLang="ja-JP" sz="1300" b="1" spc="-100" dirty="0" smtClean="0"/>
              <a:t>・・・</a:t>
            </a:r>
            <a:r>
              <a:rPr lang="ja-JP" altLang="en-US" sz="1300" spc="-100" dirty="0" smtClean="0">
                <a:latin typeface="ＭＳ Ｐ明朝" pitchFamily="18" charset="-128"/>
                <a:ea typeface="ＭＳ Ｐ明朝" pitchFamily="18" charset="-128"/>
              </a:rPr>
              <a:t>京橋駅周辺のバリアフリー化など歩行者ネットワークの向上と、大阪ビジネスパークを災害時などリスク発生時の業務継続性に強い街として再生し、国際的なビジネス拠点をめざす。</a:t>
            </a:r>
            <a:endParaRPr lang="ja-JP" altLang="ja-JP" sz="1300" spc="-100" dirty="0" smtClean="0">
              <a:latin typeface="ＭＳ Ｐ明朝" pitchFamily="18" charset="-128"/>
              <a:ea typeface="ＭＳ Ｐ明朝"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21</a:t>
            </a:fld>
            <a:endParaRPr kumimoji="1" lang="ja-JP" altLang="en-US" dirty="0"/>
          </a:p>
        </p:txBody>
      </p:sp>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５．大阪城公園、森之宮、京橋･大阪ビジネスパーク</a:t>
            </a:r>
            <a:endParaRPr lang="en-US" altLang="ja-JP" sz="1400" b="1" dirty="0" smtClean="0">
              <a:solidFill>
                <a:schemeClr val="bg1"/>
              </a:solidFill>
              <a:latin typeface="ＭＳ ゴシック" pitchFamily="49" charset="-128"/>
              <a:ea typeface="ＭＳ ゴシック" pitchFamily="49" charset="-128"/>
            </a:endParaRPr>
          </a:p>
        </p:txBody>
      </p:sp>
      <p:sp>
        <p:nvSpPr>
          <p:cNvPr id="5" name="テキスト ボックス 4"/>
          <p:cNvSpPr txBox="1"/>
          <p:nvPr/>
        </p:nvSpPr>
        <p:spPr>
          <a:xfrm>
            <a:off x="57150" y="620688"/>
            <a:ext cx="4636770" cy="5947752"/>
          </a:xfrm>
          <a:prstGeom prst="rect">
            <a:avLst/>
          </a:prstGeom>
          <a:noFill/>
          <a:ln w="12700">
            <a:solidFill>
              <a:schemeClr val="tx1"/>
            </a:solidFill>
            <a:prstDash val="sysDash"/>
          </a:ln>
        </p:spPr>
        <p:txBody>
          <a:bodyPr wrap="square" lIns="36000" tIns="36000" rIns="36000" bIns="0" rtlCol="0">
            <a:normAutofit/>
          </a:bodyPr>
          <a:lstStyle/>
          <a:p>
            <a:r>
              <a:rPr lang="en-US" altLang="ja-JP" sz="1100" dirty="0" smtClean="0">
                <a:latin typeface="+mn-ea"/>
              </a:rPr>
              <a:t>【</a:t>
            </a:r>
            <a:r>
              <a:rPr lang="ja-JP" altLang="en-US" sz="1100" dirty="0" smtClean="0">
                <a:latin typeface="+mn-ea"/>
              </a:rPr>
              <a:t>地区の位置付け</a:t>
            </a:r>
            <a:r>
              <a:rPr lang="en-US" altLang="ja-JP" sz="1100" dirty="0" smtClean="0">
                <a:latin typeface="+mn-ea"/>
              </a:rPr>
              <a:t>】</a:t>
            </a:r>
            <a:endParaRPr lang="ja-JP" altLang="ja-JP" sz="1100" dirty="0" smtClean="0">
              <a:latin typeface="+mn-ea"/>
            </a:endParaRPr>
          </a:p>
          <a:p>
            <a:pPr marL="180975" indent="-180975"/>
            <a:r>
              <a:rPr lang="ja-JP" altLang="en-US" sz="1100" dirty="0" smtClean="0">
                <a:latin typeface="ＭＳ Ｐ明朝" pitchFamily="18" charset="-128"/>
                <a:ea typeface="ＭＳ Ｐ明朝" pitchFamily="18" charset="-128"/>
              </a:rPr>
              <a:t>　・本地区は、大阪第４の乗降客を誇るターミナルである京橋駅を擁し、周辺には大阪を代表する文化・情報・国際化の拠点である大阪ビジネスパーク（</a:t>
            </a:r>
            <a:r>
              <a:rPr lang="en-US" altLang="ja-JP" sz="1100" dirty="0" smtClean="0">
                <a:latin typeface="ＭＳ Ｐ明朝" pitchFamily="18" charset="-128"/>
                <a:ea typeface="ＭＳ Ｐ明朝" pitchFamily="18" charset="-128"/>
              </a:rPr>
              <a:t>OBP</a:t>
            </a:r>
            <a:r>
              <a:rPr lang="ja-JP" altLang="en-US" sz="1100" dirty="0" smtClean="0">
                <a:latin typeface="ＭＳ Ｐ明朝" pitchFamily="18" charset="-128"/>
                <a:ea typeface="ＭＳ Ｐ明朝" pitchFamily="18" charset="-128"/>
              </a:rPr>
              <a:t>）や観光拠点である大阪城公園、多くの低未利用地と築約</a:t>
            </a:r>
            <a:r>
              <a:rPr lang="en-US" altLang="ja-JP" sz="1100" dirty="0" smtClean="0">
                <a:latin typeface="ＭＳ Ｐ明朝" pitchFamily="18" charset="-128"/>
                <a:ea typeface="ＭＳ Ｐ明朝" pitchFamily="18" charset="-128"/>
              </a:rPr>
              <a:t>40</a:t>
            </a:r>
            <a:r>
              <a:rPr lang="ja-JP" altLang="en-US" sz="1100" dirty="0" smtClean="0">
                <a:latin typeface="ＭＳ Ｐ明朝" pitchFamily="18" charset="-128"/>
                <a:ea typeface="ＭＳ Ｐ明朝" pitchFamily="18" charset="-128"/>
              </a:rPr>
              <a:t>年を経過するＵＲ団地などが立地する森之宮が近接し、大阪都心の東部エリアの拠点として、高いポテンシャルを有している。</a:t>
            </a:r>
            <a:endParaRPr lang="en-US" altLang="ja-JP" sz="1100" dirty="0" smtClean="0">
              <a:latin typeface="ＭＳ Ｐ明朝" pitchFamily="18" charset="-128"/>
              <a:ea typeface="ＭＳ Ｐ明朝" pitchFamily="18" charset="-128"/>
            </a:endParaRPr>
          </a:p>
          <a:p>
            <a:r>
              <a:rPr lang="en-US" altLang="ja-JP" sz="1100" dirty="0" smtClean="0">
                <a:latin typeface="ＭＳ Ｐゴシック" pitchFamily="50" charset="-128"/>
                <a:ea typeface="ＭＳ Ｐゴシック" pitchFamily="50" charset="-128"/>
              </a:rPr>
              <a:t>【</a:t>
            </a:r>
            <a:r>
              <a:rPr lang="ja-JP" altLang="en-US" sz="1100" dirty="0" smtClean="0">
                <a:latin typeface="ＭＳ Ｐゴシック" pitchFamily="50" charset="-128"/>
                <a:ea typeface="ＭＳ Ｐゴシック" pitchFamily="50" charset="-128"/>
              </a:rPr>
              <a:t>エリア全体の課題</a:t>
            </a:r>
            <a:r>
              <a:rPr lang="en-US" altLang="ja-JP" sz="1100" dirty="0" smtClean="0">
                <a:latin typeface="ＭＳ Ｐゴシック" pitchFamily="50" charset="-128"/>
                <a:ea typeface="ＭＳ Ｐゴシック" pitchFamily="50" charset="-128"/>
              </a:rPr>
              <a:t>】</a:t>
            </a:r>
          </a:p>
          <a:p>
            <a:pPr marL="180975" indent="-180975"/>
            <a:r>
              <a:rPr lang="ja-JP" altLang="en-US" sz="1100" dirty="0" smtClean="0">
                <a:latin typeface="ＭＳ Ｐ明朝" pitchFamily="18" charset="-128"/>
                <a:ea typeface="ＭＳ Ｐ明朝" pitchFamily="18" charset="-128"/>
              </a:rPr>
              <a:t>　・各エリアでそれぞれのまちづくりが進められてきたが、ソフト・ハードの相互連携が課題である。</a:t>
            </a:r>
            <a:endParaRPr lang="en-US" altLang="ja-JP" sz="1100" dirty="0" smtClean="0">
              <a:latin typeface="ＭＳ Ｐ明朝" pitchFamily="18" charset="-128"/>
              <a:ea typeface="ＭＳ Ｐ明朝" pitchFamily="18" charset="-128"/>
            </a:endParaRPr>
          </a:p>
          <a:p>
            <a:pPr marL="180975" indent="-180975"/>
            <a:r>
              <a:rPr lang="ja-JP" altLang="en-US" sz="1100" dirty="0" smtClean="0">
                <a:latin typeface="ＭＳ Ｐ明朝" pitchFamily="18" charset="-128"/>
                <a:ea typeface="ＭＳ Ｐ明朝" pitchFamily="18" charset="-128"/>
              </a:rPr>
              <a:t>　・今後、観光拠点や災害時などリスク発生時の業務継続性に強いビジネス拠点などそれぞれの地区の特徴を活かしたまちづくりを進め魅力の向上を図るとともに、各地区間の回遊性を向上するなど、各地区のまちづくりにみがきをかけソフト・ハードの相互連携を図り、エリア全体で業務・商業・観光機能が集積した大阪都心の東部エリアの中心拠点としていく必要がある。</a:t>
            </a:r>
            <a:endParaRPr lang="en-US" altLang="ja-JP" sz="1100" dirty="0" smtClean="0">
              <a:latin typeface="ＭＳ Ｐ明朝" pitchFamily="18" charset="-128"/>
              <a:ea typeface="ＭＳ Ｐ明朝" pitchFamily="18" charset="-128"/>
            </a:endParaRPr>
          </a:p>
          <a:p>
            <a:r>
              <a:rPr lang="en-US" altLang="ja-JP" sz="1100" dirty="0" smtClean="0">
                <a:latin typeface="+mn-ea"/>
              </a:rPr>
              <a:t>【</a:t>
            </a:r>
            <a:r>
              <a:rPr lang="ja-JP" altLang="en-US" sz="1100" dirty="0" smtClean="0">
                <a:latin typeface="+mn-ea"/>
              </a:rPr>
              <a:t>地区の現状</a:t>
            </a:r>
            <a:r>
              <a:rPr lang="en-US" altLang="ja-JP" sz="1100" dirty="0" smtClean="0">
                <a:latin typeface="+mn-ea"/>
              </a:rPr>
              <a:t>】</a:t>
            </a:r>
          </a:p>
          <a:p>
            <a:pPr indent="47625"/>
            <a:r>
              <a:rPr lang="ja-JP" altLang="en-US" sz="1100" dirty="0" smtClean="0">
                <a:latin typeface="+mn-ea"/>
              </a:rPr>
              <a:t>①</a:t>
            </a:r>
            <a:r>
              <a:rPr lang="ja-JP" altLang="ja-JP" sz="1100" dirty="0" smtClean="0">
                <a:latin typeface="+mn-ea"/>
              </a:rPr>
              <a:t>大阪城公園</a:t>
            </a:r>
            <a:endParaRPr lang="en-US" altLang="ja-JP" sz="1100" dirty="0" smtClean="0">
              <a:latin typeface="+mn-ea"/>
            </a:endParaRPr>
          </a:p>
          <a:p>
            <a:pPr marL="266700" indent="-123825"/>
            <a:r>
              <a:rPr lang="ja-JP" altLang="en-US" sz="1100" dirty="0" smtClean="0">
                <a:latin typeface="ＭＳ Ｐ明朝" pitchFamily="18" charset="-128"/>
                <a:ea typeface="ＭＳ Ｐ明朝" pitchFamily="18" charset="-128"/>
              </a:rPr>
              <a:t>１</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年間</a:t>
            </a:r>
            <a:r>
              <a:rPr lang="en-US" altLang="ja-JP" sz="1100" dirty="0" smtClean="0">
                <a:latin typeface="ＭＳ Ｐ明朝" pitchFamily="18" charset="-128"/>
                <a:ea typeface="ＭＳ Ｐ明朝" pitchFamily="18" charset="-128"/>
              </a:rPr>
              <a:t>850</a:t>
            </a:r>
            <a:r>
              <a:rPr lang="ja-JP" altLang="ja-JP" sz="1100" dirty="0" smtClean="0">
                <a:latin typeface="ＭＳ Ｐ明朝" pitchFamily="18" charset="-128"/>
                <a:ea typeface="ＭＳ Ｐ明朝" pitchFamily="18" charset="-128"/>
              </a:rPr>
              <a:t>万人の来訪者を誇る。</a:t>
            </a:r>
          </a:p>
          <a:p>
            <a:pPr marL="266700" indent="-123825"/>
            <a:r>
              <a:rPr lang="ja-JP" altLang="en-US" sz="1100" dirty="0" smtClean="0">
                <a:latin typeface="ＭＳ Ｐ明朝" pitchFamily="18" charset="-128"/>
                <a:ea typeface="ＭＳ Ｐ明朝" pitchFamily="18" charset="-128"/>
              </a:rPr>
              <a:t>２</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総面積約</a:t>
            </a:r>
            <a:r>
              <a:rPr lang="en-US" altLang="ja-JP" sz="1100" dirty="0" smtClean="0">
                <a:latin typeface="ＭＳ Ｐ明朝" pitchFamily="18" charset="-128"/>
                <a:ea typeface="ＭＳ Ｐ明朝" pitchFamily="18" charset="-128"/>
              </a:rPr>
              <a:t>106ha</a:t>
            </a:r>
            <a:r>
              <a:rPr lang="ja-JP" altLang="en-US" sz="1100" dirty="0" err="1" smtClean="0">
                <a:latin typeface="ＭＳ Ｐ明朝" pitchFamily="18" charset="-128"/>
                <a:ea typeface="ＭＳ Ｐ明朝" pitchFamily="18" charset="-128"/>
              </a:rPr>
              <a:t>。</a:t>
            </a:r>
            <a:endParaRPr lang="ja-JP" altLang="ja-JP" sz="1100" dirty="0" smtClean="0">
              <a:latin typeface="ＭＳ Ｐ明朝" pitchFamily="18" charset="-128"/>
              <a:ea typeface="ＭＳ Ｐ明朝" pitchFamily="18" charset="-128"/>
            </a:endParaRPr>
          </a:p>
          <a:p>
            <a:pPr marL="266700" indent="-123825"/>
            <a:r>
              <a:rPr lang="ja-JP" altLang="en-US" sz="1100" dirty="0" smtClean="0">
                <a:latin typeface="ＭＳ Ｐ明朝" pitchFamily="18" charset="-128"/>
                <a:ea typeface="ＭＳ Ｐ明朝" pitchFamily="18" charset="-128"/>
              </a:rPr>
              <a:t>３</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天守閣をはじめとする歴史建造物</a:t>
            </a:r>
            <a:r>
              <a:rPr lang="ja-JP" altLang="en-US" sz="1100" dirty="0" smtClean="0">
                <a:latin typeface="ＭＳ Ｐ明朝" pitchFamily="18" charset="-128"/>
                <a:ea typeface="ＭＳ Ｐ明朝" pitchFamily="18" charset="-128"/>
              </a:rPr>
              <a:t>が有り</a:t>
            </a:r>
            <a:r>
              <a:rPr lang="ja-JP" altLang="ja-JP" sz="1100" dirty="0" smtClean="0">
                <a:latin typeface="ＭＳ Ｐ明朝" pitchFamily="18" charset="-128"/>
                <a:ea typeface="ＭＳ Ｐ明朝" pitchFamily="18" charset="-128"/>
              </a:rPr>
              <a:t>、四季折々の花を楽しめるスポットが充実</a:t>
            </a:r>
            <a:r>
              <a:rPr lang="ja-JP" altLang="en-US" sz="1100" dirty="0" smtClean="0">
                <a:latin typeface="ＭＳ Ｐ明朝" pitchFamily="18" charset="-128"/>
                <a:ea typeface="ＭＳ Ｐ明朝" pitchFamily="18" charset="-128"/>
              </a:rPr>
              <a:t>。</a:t>
            </a:r>
            <a:endParaRPr lang="ja-JP" altLang="ja-JP" sz="1100" dirty="0" smtClean="0">
              <a:latin typeface="ＭＳ Ｐ明朝" pitchFamily="18" charset="-128"/>
              <a:ea typeface="ＭＳ Ｐ明朝" pitchFamily="18" charset="-128"/>
            </a:endParaRPr>
          </a:p>
          <a:p>
            <a:pPr indent="47625"/>
            <a:r>
              <a:rPr lang="ja-JP" altLang="en-US" sz="1100" dirty="0" smtClean="0">
                <a:latin typeface="+mn-ea"/>
              </a:rPr>
              <a:t>②</a:t>
            </a:r>
            <a:r>
              <a:rPr lang="ja-JP" altLang="ja-JP" sz="1100" dirty="0" smtClean="0">
                <a:latin typeface="+mn-ea"/>
              </a:rPr>
              <a:t>森之宮</a:t>
            </a:r>
            <a:endParaRPr lang="en-US" altLang="ja-JP" sz="1100" dirty="0" smtClean="0">
              <a:latin typeface="+mn-ea"/>
            </a:endParaRPr>
          </a:p>
          <a:p>
            <a:pPr marL="266700" indent="-123825"/>
            <a:r>
              <a:rPr lang="ja-JP" altLang="en-US" sz="1100" dirty="0" smtClean="0">
                <a:latin typeface="ＭＳ Ｐ明朝" pitchFamily="18" charset="-128"/>
                <a:ea typeface="ＭＳ Ｐ明朝" pitchFamily="18" charset="-128"/>
              </a:rPr>
              <a:t>１</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大阪城公園に隣接した立地、Ｊ</a:t>
            </a:r>
            <a:r>
              <a:rPr lang="en-US" altLang="ja-JP" sz="1100" dirty="0" smtClean="0">
                <a:latin typeface="ＭＳ Ｐ明朝" pitchFamily="18" charset="-128"/>
                <a:ea typeface="ＭＳ Ｐ明朝" pitchFamily="18" charset="-128"/>
              </a:rPr>
              <a:t>R</a:t>
            </a:r>
            <a:r>
              <a:rPr lang="ja-JP" altLang="ja-JP" sz="1100" dirty="0" smtClean="0">
                <a:latin typeface="ＭＳ Ｐ明朝" pitchFamily="18" charset="-128"/>
                <a:ea typeface="ＭＳ Ｐ明朝" pitchFamily="18" charset="-128"/>
              </a:rPr>
              <a:t>環状線、地下鉄が交差し、交通至便な立地</a:t>
            </a:r>
            <a:r>
              <a:rPr lang="ja-JP" altLang="en-US" sz="1100" dirty="0" smtClean="0">
                <a:latin typeface="ＭＳ Ｐ明朝" pitchFamily="18" charset="-128"/>
                <a:ea typeface="ＭＳ Ｐ明朝" pitchFamily="18" charset="-128"/>
              </a:rPr>
              <a:t>。</a:t>
            </a:r>
            <a:endParaRPr lang="ja-JP" altLang="ja-JP" sz="1100" dirty="0" smtClean="0">
              <a:latin typeface="ＭＳ Ｐ明朝" pitchFamily="18" charset="-128"/>
              <a:ea typeface="ＭＳ Ｐ明朝" pitchFamily="18" charset="-128"/>
            </a:endParaRPr>
          </a:p>
          <a:p>
            <a:pPr marL="266700" indent="-123825"/>
            <a:r>
              <a:rPr lang="ja-JP" altLang="en-US" sz="1100" dirty="0" smtClean="0">
                <a:latin typeface="ＭＳ Ｐ明朝" pitchFamily="18" charset="-128"/>
                <a:ea typeface="ＭＳ Ｐ明朝" pitchFamily="18" charset="-128"/>
              </a:rPr>
              <a:t>２</a:t>
            </a:r>
            <a:r>
              <a:rPr lang="en-US" altLang="ja-JP" sz="1100" dirty="0" smtClean="0">
                <a:latin typeface="ＭＳ Ｐ明朝" pitchFamily="18" charset="-128"/>
                <a:ea typeface="ＭＳ Ｐ明朝" pitchFamily="18" charset="-128"/>
              </a:rPr>
              <a:t>.</a:t>
            </a:r>
            <a:r>
              <a:rPr lang="ja-JP" altLang="en-US" sz="1100" dirty="0" smtClean="0">
                <a:latin typeface="ＭＳ Ｐ明朝" pitchFamily="18" charset="-128"/>
                <a:ea typeface="ＭＳ Ｐ明朝" pitchFamily="18" charset="-128"/>
              </a:rPr>
              <a:t>築後約</a:t>
            </a:r>
            <a:r>
              <a:rPr lang="en-US" altLang="ja-JP" sz="1100" dirty="0" smtClean="0">
                <a:latin typeface="ＭＳ Ｐ明朝" pitchFamily="18" charset="-128"/>
                <a:ea typeface="ＭＳ Ｐ明朝" pitchFamily="18" charset="-128"/>
              </a:rPr>
              <a:t>40</a:t>
            </a:r>
            <a:r>
              <a:rPr lang="ja-JP" altLang="en-US" sz="1100" dirty="0" smtClean="0">
                <a:latin typeface="ＭＳ Ｐ明朝" pitchFamily="18" charset="-128"/>
                <a:ea typeface="ＭＳ Ｐ明朝" pitchFamily="18" charset="-128"/>
              </a:rPr>
              <a:t>年を経過する</a:t>
            </a:r>
            <a:r>
              <a:rPr lang="ja-JP" altLang="ja-JP" sz="1100" dirty="0" smtClean="0">
                <a:latin typeface="ＭＳ Ｐ明朝" pitchFamily="18" charset="-128"/>
                <a:ea typeface="ＭＳ Ｐ明朝" pitchFamily="18" charset="-128"/>
              </a:rPr>
              <a:t>ＵＲの団地、分譲住宅</a:t>
            </a:r>
            <a:r>
              <a:rPr lang="ja-JP" altLang="en-US" sz="1100" dirty="0" smtClean="0">
                <a:latin typeface="ＭＳ Ｐ明朝" pitchFamily="18" charset="-128"/>
                <a:ea typeface="ＭＳ Ｐ明朝" pitchFamily="18" charset="-128"/>
              </a:rPr>
              <a:t>などが立地。</a:t>
            </a:r>
            <a:endParaRPr lang="ja-JP" altLang="ja-JP" sz="1100" dirty="0" smtClean="0">
              <a:latin typeface="ＭＳ Ｐ明朝" pitchFamily="18" charset="-128"/>
              <a:ea typeface="ＭＳ Ｐ明朝" pitchFamily="18" charset="-128"/>
            </a:endParaRPr>
          </a:p>
          <a:p>
            <a:pPr indent="47625"/>
            <a:r>
              <a:rPr lang="ja-JP" altLang="en-US" sz="1100" dirty="0" smtClean="0">
                <a:latin typeface="+mn-ea"/>
              </a:rPr>
              <a:t>③京橋・大阪ビジネスパーク（</a:t>
            </a:r>
            <a:r>
              <a:rPr lang="en-US" altLang="ja-JP" sz="1100" dirty="0" smtClean="0">
                <a:latin typeface="+mn-ea"/>
              </a:rPr>
              <a:t>OBP)</a:t>
            </a:r>
          </a:p>
          <a:p>
            <a:r>
              <a:rPr lang="ja-JP" altLang="en-US" sz="1100" dirty="0" smtClean="0">
                <a:latin typeface="+mn-ea"/>
              </a:rPr>
              <a:t>　○京橋</a:t>
            </a:r>
            <a:endParaRPr lang="ja-JP" altLang="ja-JP" sz="1100" dirty="0" smtClean="0">
              <a:latin typeface="+mn-ea"/>
            </a:endParaRPr>
          </a:p>
          <a:p>
            <a:pPr marL="266700" indent="-123825"/>
            <a:r>
              <a:rPr lang="ja-JP" altLang="en-US" sz="1100" dirty="0" smtClean="0">
                <a:latin typeface="ＭＳ Ｐ明朝" pitchFamily="18" charset="-128"/>
                <a:ea typeface="ＭＳ Ｐ明朝" pitchFamily="18" charset="-128"/>
              </a:rPr>
              <a:t>１</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ＪＲ環状線、</a:t>
            </a:r>
            <a:r>
              <a:rPr lang="en-US" altLang="ja-JP" sz="1100" dirty="0" smtClean="0">
                <a:latin typeface="ＭＳ Ｐ明朝" pitchFamily="18" charset="-128"/>
                <a:ea typeface="ＭＳ Ｐ明朝" pitchFamily="18" charset="-128"/>
              </a:rPr>
              <a:t>JR</a:t>
            </a:r>
            <a:r>
              <a:rPr lang="ja-JP" altLang="ja-JP" sz="1100" dirty="0" smtClean="0">
                <a:latin typeface="ＭＳ Ｐ明朝" pitchFamily="18" charset="-128"/>
                <a:ea typeface="ＭＳ Ｐ明朝" pitchFamily="18" charset="-128"/>
              </a:rPr>
              <a:t>東西線、地下鉄、京阪本線が乗入れ、約</a:t>
            </a:r>
            <a:r>
              <a:rPr lang="en-US" altLang="ja-JP" sz="1100" dirty="0" smtClean="0">
                <a:latin typeface="ＭＳ Ｐ明朝" pitchFamily="18" charset="-128"/>
                <a:ea typeface="ＭＳ Ｐ明朝" pitchFamily="18" charset="-128"/>
              </a:rPr>
              <a:t>50</a:t>
            </a:r>
            <a:r>
              <a:rPr lang="ja-JP" altLang="ja-JP" sz="1100" dirty="0" smtClean="0">
                <a:latin typeface="ＭＳ Ｐ明朝" pitchFamily="18" charset="-128"/>
                <a:ea typeface="ＭＳ Ｐ明朝" pitchFamily="18" charset="-128"/>
              </a:rPr>
              <a:t>万人</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日の乗降客数と交通至便な立地</a:t>
            </a:r>
            <a:r>
              <a:rPr lang="ja-JP" altLang="en-US" sz="1100" dirty="0" smtClean="0">
                <a:latin typeface="ＭＳ Ｐ明朝" pitchFamily="18" charset="-128"/>
                <a:ea typeface="ＭＳ Ｐ明朝" pitchFamily="18" charset="-128"/>
              </a:rPr>
              <a:t>。</a:t>
            </a:r>
            <a:endParaRPr lang="ja-JP" altLang="ja-JP" sz="1100" dirty="0" smtClean="0">
              <a:latin typeface="ＭＳ Ｐ明朝" pitchFamily="18" charset="-128"/>
              <a:ea typeface="ＭＳ Ｐ明朝" pitchFamily="18" charset="-128"/>
            </a:endParaRPr>
          </a:p>
          <a:p>
            <a:r>
              <a:rPr lang="ja-JP" altLang="en-US" sz="1100" dirty="0" smtClean="0">
                <a:latin typeface="+mn-ea"/>
              </a:rPr>
              <a:t>　○大阪ビジネスパーク（</a:t>
            </a:r>
            <a:r>
              <a:rPr lang="en-US" altLang="ja-JP" sz="1100" dirty="0" smtClean="0">
                <a:latin typeface="+mn-ea"/>
              </a:rPr>
              <a:t>OBP</a:t>
            </a:r>
            <a:r>
              <a:rPr lang="ja-JP" altLang="en-US" sz="1100" dirty="0" smtClean="0">
                <a:latin typeface="+mn-ea"/>
              </a:rPr>
              <a:t>）</a:t>
            </a:r>
            <a:endParaRPr lang="ja-JP" altLang="ja-JP" sz="1100" dirty="0" smtClean="0">
              <a:latin typeface="+mn-ea"/>
            </a:endParaRPr>
          </a:p>
          <a:p>
            <a:pPr marL="266700" indent="-123825"/>
            <a:r>
              <a:rPr lang="ja-JP" altLang="en-US" sz="1100" dirty="0" smtClean="0">
                <a:latin typeface="ＭＳ Ｐ明朝" pitchFamily="18" charset="-128"/>
                <a:ea typeface="ＭＳ Ｐ明朝" pitchFamily="18" charset="-128"/>
              </a:rPr>
              <a:t>１</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水と緑に囲まれた豊かな自然環境。</a:t>
            </a:r>
          </a:p>
          <a:p>
            <a:pPr marL="266700" indent="-123825"/>
            <a:r>
              <a:rPr lang="ja-JP" altLang="en-US" sz="1100" dirty="0" smtClean="0">
                <a:latin typeface="ＭＳ Ｐ明朝" pitchFamily="18" charset="-128"/>
                <a:ea typeface="ＭＳ Ｐ明朝" pitchFamily="18" charset="-128"/>
              </a:rPr>
              <a:t>２</a:t>
            </a:r>
            <a:r>
              <a:rPr lang="en-US" altLang="ja-JP" sz="1100" dirty="0" smtClean="0">
                <a:latin typeface="ＭＳ Ｐ明朝" pitchFamily="18" charset="-128"/>
                <a:ea typeface="ＭＳ Ｐ明朝" pitchFamily="18" charset="-128"/>
              </a:rPr>
              <a:t>.</a:t>
            </a:r>
            <a:r>
              <a:rPr lang="ja-JP" altLang="en-US" sz="1100" dirty="0" smtClean="0">
                <a:latin typeface="ＭＳ Ｐ明朝" pitchFamily="18" charset="-128"/>
                <a:ea typeface="ＭＳ Ｐ明朝" pitchFamily="18" charset="-128"/>
              </a:rPr>
              <a:t>１９８６年に</a:t>
            </a:r>
            <a:r>
              <a:rPr lang="ja-JP" altLang="en-US" sz="1100" dirty="0" err="1" smtClean="0">
                <a:latin typeface="ＭＳ Ｐ明朝" pitchFamily="18" charset="-128"/>
                <a:ea typeface="ＭＳ Ｐ明朝" pitchFamily="18" charset="-128"/>
              </a:rPr>
              <a:t>ま</a:t>
            </a:r>
            <a:r>
              <a:rPr lang="ja-JP" altLang="en-US" sz="1100" dirty="0" smtClean="0">
                <a:latin typeface="ＭＳ Ｐ明朝" pitchFamily="18" charset="-128"/>
                <a:ea typeface="ＭＳ Ｐ明朝" pitchFamily="18" charset="-128"/>
              </a:rPr>
              <a:t>ちび</a:t>
            </a:r>
            <a:r>
              <a:rPr lang="ja-JP" altLang="en-US" sz="1100" dirty="0" err="1" smtClean="0">
                <a:latin typeface="ＭＳ Ｐ明朝" pitchFamily="18" charset="-128"/>
                <a:ea typeface="ＭＳ Ｐ明朝" pitchFamily="18" charset="-128"/>
              </a:rPr>
              <a:t>らきが</a:t>
            </a:r>
            <a:r>
              <a:rPr lang="ja-JP" altLang="en-US" sz="1100" dirty="0" smtClean="0">
                <a:latin typeface="ＭＳ Ｐ明朝" pitchFamily="18" charset="-128"/>
                <a:ea typeface="ＭＳ Ｐ明朝" pitchFamily="18" charset="-128"/>
              </a:rPr>
              <a:t>行われ、</a:t>
            </a:r>
            <a:r>
              <a:rPr lang="ja-JP" altLang="ja-JP" sz="1100" dirty="0" smtClean="0">
                <a:latin typeface="ＭＳ Ｐ明朝" pitchFamily="18" charset="-128"/>
                <a:ea typeface="ＭＳ Ｐ明朝" pitchFamily="18" charset="-128"/>
              </a:rPr>
              <a:t>情報関連企業が多数立地し、情報産業や、情報受発信施設が数多くそろっている</a:t>
            </a:r>
            <a:r>
              <a:rPr lang="ja-JP" altLang="en-US" sz="1100" dirty="0" smtClean="0">
                <a:latin typeface="ＭＳ Ｐ明朝" pitchFamily="18" charset="-128"/>
                <a:ea typeface="ＭＳ Ｐ明朝" pitchFamily="18" charset="-128"/>
              </a:rPr>
              <a:t>。</a:t>
            </a:r>
            <a:endParaRPr lang="ja-JP" altLang="ja-JP" sz="1100" dirty="0" smtClean="0">
              <a:latin typeface="ＭＳ Ｐ明朝" pitchFamily="18" charset="-128"/>
              <a:ea typeface="ＭＳ Ｐ明朝" pitchFamily="18" charset="-128"/>
            </a:endParaRPr>
          </a:p>
          <a:p>
            <a:pPr marL="266700" indent="-123825"/>
            <a:r>
              <a:rPr lang="ja-JP" altLang="en-US" sz="1100" dirty="0" smtClean="0">
                <a:latin typeface="ＭＳ Ｐ明朝" pitchFamily="18" charset="-128"/>
                <a:ea typeface="ＭＳ Ｐ明朝" pitchFamily="18" charset="-128"/>
              </a:rPr>
              <a:t>３</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地権者企業による</a:t>
            </a:r>
            <a:r>
              <a:rPr lang="ja-JP" altLang="en-US" sz="1100" dirty="0" smtClean="0">
                <a:latin typeface="ＭＳ Ｐ明朝" pitchFamily="18" charset="-128"/>
                <a:ea typeface="ＭＳ Ｐ明朝" pitchFamily="18" charset="-128"/>
              </a:rPr>
              <a:t>エリアマネジメント</a:t>
            </a:r>
            <a:r>
              <a:rPr lang="ja-JP" altLang="ja-JP" sz="1100" dirty="0" smtClean="0">
                <a:latin typeface="ＭＳ Ｐ明朝" pitchFamily="18" charset="-128"/>
                <a:ea typeface="ＭＳ Ｐ明朝" pitchFamily="18" charset="-128"/>
              </a:rPr>
              <a:t>の先駆け</a:t>
            </a:r>
            <a:r>
              <a:rPr lang="ja-JP" altLang="en-US" sz="1100" dirty="0" smtClean="0">
                <a:latin typeface="ＭＳ Ｐ明朝" pitchFamily="18" charset="-128"/>
                <a:ea typeface="ＭＳ Ｐ明朝" pitchFamily="18" charset="-128"/>
              </a:rPr>
              <a:t>。</a:t>
            </a:r>
            <a:endParaRPr lang="ja-JP" altLang="ja-JP" sz="1100" dirty="0" smtClean="0">
              <a:latin typeface="ＭＳ Ｐ明朝" pitchFamily="18" charset="-128"/>
              <a:ea typeface="ＭＳ Ｐ明朝" pitchFamily="18" charset="-128"/>
            </a:endParaRPr>
          </a:p>
          <a:p>
            <a:pPr marL="266700" indent="-123825"/>
            <a:r>
              <a:rPr lang="ja-JP" altLang="en-US" sz="1100" dirty="0" smtClean="0">
                <a:latin typeface="ＭＳ Ｐ明朝" pitchFamily="18" charset="-128"/>
                <a:ea typeface="ＭＳ Ｐ明朝" pitchFamily="18" charset="-128"/>
              </a:rPr>
              <a:t>４</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文化を創造するイベント関連施設としてさまざまな規模の ホールが集中</a:t>
            </a:r>
            <a:r>
              <a:rPr lang="ja-JP" altLang="en-US" sz="1100" dirty="0" smtClean="0">
                <a:latin typeface="ＭＳ Ｐ明朝" pitchFamily="18" charset="-128"/>
                <a:ea typeface="ＭＳ Ｐ明朝" pitchFamily="18" charset="-128"/>
              </a:rPr>
              <a:t>。</a:t>
            </a:r>
            <a:endParaRPr lang="ja-JP" altLang="ja-JP" sz="1100" dirty="0" smtClean="0">
              <a:latin typeface="ＭＳ Ｐ明朝" pitchFamily="18" charset="-128"/>
              <a:ea typeface="ＭＳ Ｐ明朝" pitchFamily="18" charset="-128"/>
            </a:endParaRPr>
          </a:p>
          <a:p>
            <a:pPr marL="266700" indent="-123825"/>
            <a:r>
              <a:rPr lang="ja-JP" altLang="en-US" sz="1100" dirty="0" smtClean="0">
                <a:latin typeface="ＭＳ Ｐ明朝" pitchFamily="18" charset="-128"/>
                <a:ea typeface="ＭＳ Ｐ明朝" pitchFamily="18" charset="-128"/>
              </a:rPr>
              <a:t>５</a:t>
            </a:r>
            <a:r>
              <a:rPr lang="en-US" altLang="ja-JP" sz="1100" dirty="0" smtClean="0">
                <a:latin typeface="ＭＳ Ｐ明朝" pitchFamily="18" charset="-128"/>
                <a:ea typeface="ＭＳ Ｐ明朝" pitchFamily="18" charset="-128"/>
              </a:rPr>
              <a:t>.</a:t>
            </a:r>
            <a:r>
              <a:rPr lang="ja-JP" altLang="ja-JP" sz="1100" dirty="0" smtClean="0">
                <a:latin typeface="ＭＳ Ｐ明朝" pitchFamily="18" charset="-128"/>
                <a:ea typeface="ＭＳ Ｐ明朝" pitchFamily="18" charset="-128"/>
              </a:rPr>
              <a:t>商業スペースやホテルなどが設けられ、 都市機能が凝縮された複合都市</a:t>
            </a:r>
            <a:r>
              <a:rPr lang="ja-JP" altLang="en-US" sz="1100" dirty="0" smtClean="0">
                <a:latin typeface="ＭＳ Ｐ明朝" pitchFamily="18" charset="-128"/>
                <a:ea typeface="ＭＳ Ｐ明朝" pitchFamily="18" charset="-128"/>
              </a:rPr>
              <a:t>。</a:t>
            </a:r>
            <a:endParaRPr lang="ja-JP" altLang="ja-JP" sz="1100" dirty="0" smtClean="0">
              <a:latin typeface="ＭＳ Ｐ明朝" pitchFamily="18" charset="-128"/>
              <a:ea typeface="ＭＳ Ｐ明朝" pitchFamily="18" charset="-128"/>
            </a:endParaRPr>
          </a:p>
        </p:txBody>
      </p:sp>
      <p:pic>
        <p:nvPicPr>
          <p:cNvPr id="6" name="Picture 2" descr="C:\Users\i9353862\Desktop\森之宮02.jpg"/>
          <p:cNvPicPr>
            <a:picLocks noChangeAspect="1" noChangeArrowheads="1"/>
          </p:cNvPicPr>
          <p:nvPr/>
        </p:nvPicPr>
        <p:blipFill>
          <a:blip r:embed="rId2" cstate="email"/>
          <a:srcRect l="11123" t="4251" r="11455" b="32000"/>
          <a:stretch>
            <a:fillRect/>
          </a:stretch>
        </p:blipFill>
        <p:spPr bwMode="auto">
          <a:xfrm>
            <a:off x="4737022" y="622627"/>
            <a:ext cx="5083993" cy="5920686"/>
          </a:xfrm>
          <a:prstGeom prst="rect">
            <a:avLst/>
          </a:prstGeom>
          <a:noFill/>
          <a:ln w="12700" cmpd="sng">
            <a:solidFill>
              <a:schemeClr val="tx1"/>
            </a:solidFill>
            <a:prstDash val="sysDash"/>
          </a:ln>
        </p:spPr>
      </p:pic>
      <p:sp>
        <p:nvSpPr>
          <p:cNvPr id="8" name="フリーフォーム 7"/>
          <p:cNvSpPr/>
          <p:nvPr/>
        </p:nvSpPr>
        <p:spPr>
          <a:xfrm>
            <a:off x="4818010" y="2533239"/>
            <a:ext cx="3350408" cy="2878664"/>
          </a:xfrm>
          <a:custGeom>
            <a:avLst/>
            <a:gdLst>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27200 w 2743200"/>
              <a:gd name="connsiteY4" fmla="*/ 2278743 h 2293257"/>
              <a:gd name="connsiteX5" fmla="*/ 1451429 w 2743200"/>
              <a:gd name="connsiteY5" fmla="*/ 2220686 h 2293257"/>
              <a:gd name="connsiteX6" fmla="*/ 696686 w 2743200"/>
              <a:gd name="connsiteY6" fmla="*/ 2162629 h 2293257"/>
              <a:gd name="connsiteX7" fmla="*/ 290286 w 2743200"/>
              <a:gd name="connsiteY7" fmla="*/ 1872343 h 2293257"/>
              <a:gd name="connsiteX8" fmla="*/ 0 w 2743200"/>
              <a:gd name="connsiteY8" fmla="*/ 725714 h 2293257"/>
              <a:gd name="connsiteX9" fmla="*/ 333829 w 2743200"/>
              <a:gd name="connsiteY9" fmla="*/ 449943 h 2293257"/>
              <a:gd name="connsiteX10" fmla="*/ 522515 w 2743200"/>
              <a:gd name="connsiteY10" fmla="*/ 449943 h 2293257"/>
              <a:gd name="connsiteX11" fmla="*/ 551543 w 2743200"/>
              <a:gd name="connsiteY11" fmla="*/ 348343 h 2293257"/>
              <a:gd name="connsiteX12" fmla="*/ 653143 w 2743200"/>
              <a:gd name="connsiteY12" fmla="*/ 304800 h 2293257"/>
              <a:gd name="connsiteX13" fmla="*/ 711200 w 2743200"/>
              <a:gd name="connsiteY13" fmla="*/ 217714 h 2293257"/>
              <a:gd name="connsiteX14" fmla="*/ 711200 w 2743200"/>
              <a:gd name="connsiteY14" fmla="*/ 130629 h 2293257"/>
              <a:gd name="connsiteX15" fmla="*/ 1059543 w 2743200"/>
              <a:gd name="connsiteY15" fmla="*/ 0 h 2293257"/>
              <a:gd name="connsiteX16" fmla="*/ 1262743 w 2743200"/>
              <a:gd name="connsiteY16" fmla="*/ 29029 h 2293257"/>
              <a:gd name="connsiteX17" fmla="*/ 1553029 w 2743200"/>
              <a:gd name="connsiteY17" fmla="*/ 203200 h 2293257"/>
              <a:gd name="connsiteX18" fmla="*/ 1843315 w 2743200"/>
              <a:gd name="connsiteY18" fmla="*/ 174172 h 2293257"/>
              <a:gd name="connsiteX19" fmla="*/ 2438400 w 2743200"/>
              <a:gd name="connsiteY19" fmla="*/ 406400 h 2293257"/>
              <a:gd name="connsiteX20" fmla="*/ 2743200 w 2743200"/>
              <a:gd name="connsiteY20"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41421 w 2743200"/>
              <a:gd name="connsiteY4" fmla="*/ 2132519 h 2293257"/>
              <a:gd name="connsiteX5" fmla="*/ 1727200 w 2743200"/>
              <a:gd name="connsiteY5" fmla="*/ 2278743 h 2293257"/>
              <a:gd name="connsiteX6" fmla="*/ 1451429 w 2743200"/>
              <a:gd name="connsiteY6" fmla="*/ 2220686 h 2293257"/>
              <a:gd name="connsiteX7" fmla="*/ 696686 w 2743200"/>
              <a:gd name="connsiteY7" fmla="*/ 2162629 h 2293257"/>
              <a:gd name="connsiteX8" fmla="*/ 290286 w 2743200"/>
              <a:gd name="connsiteY8" fmla="*/ 1872343 h 2293257"/>
              <a:gd name="connsiteX9" fmla="*/ 0 w 2743200"/>
              <a:gd name="connsiteY9" fmla="*/ 725714 h 2293257"/>
              <a:gd name="connsiteX10" fmla="*/ 333829 w 2743200"/>
              <a:gd name="connsiteY10" fmla="*/ 449943 h 2293257"/>
              <a:gd name="connsiteX11" fmla="*/ 522515 w 2743200"/>
              <a:gd name="connsiteY11" fmla="*/ 449943 h 2293257"/>
              <a:gd name="connsiteX12" fmla="*/ 551543 w 2743200"/>
              <a:gd name="connsiteY12" fmla="*/ 348343 h 2293257"/>
              <a:gd name="connsiteX13" fmla="*/ 653143 w 2743200"/>
              <a:gd name="connsiteY13" fmla="*/ 304800 h 2293257"/>
              <a:gd name="connsiteX14" fmla="*/ 711200 w 2743200"/>
              <a:gd name="connsiteY14" fmla="*/ 217714 h 2293257"/>
              <a:gd name="connsiteX15" fmla="*/ 711200 w 2743200"/>
              <a:gd name="connsiteY15" fmla="*/ 130629 h 2293257"/>
              <a:gd name="connsiteX16" fmla="*/ 1059543 w 2743200"/>
              <a:gd name="connsiteY16" fmla="*/ 0 h 2293257"/>
              <a:gd name="connsiteX17" fmla="*/ 1262743 w 2743200"/>
              <a:gd name="connsiteY17" fmla="*/ 29029 h 2293257"/>
              <a:gd name="connsiteX18" fmla="*/ 1553029 w 2743200"/>
              <a:gd name="connsiteY18" fmla="*/ 203200 h 2293257"/>
              <a:gd name="connsiteX19" fmla="*/ 1843315 w 2743200"/>
              <a:gd name="connsiteY19" fmla="*/ 174172 h 2293257"/>
              <a:gd name="connsiteX20" fmla="*/ 2438400 w 2743200"/>
              <a:gd name="connsiteY20" fmla="*/ 406400 h 2293257"/>
              <a:gd name="connsiteX21" fmla="*/ 2743200 w 2743200"/>
              <a:gd name="connsiteY21"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132519 h 2293257"/>
              <a:gd name="connsiteX5" fmla="*/ 1741421 w 2743200"/>
              <a:gd name="connsiteY5" fmla="*/ 2132519 h 2293257"/>
              <a:gd name="connsiteX6" fmla="*/ 1727200 w 2743200"/>
              <a:gd name="connsiteY6" fmla="*/ 2278743 h 2293257"/>
              <a:gd name="connsiteX7" fmla="*/ 1451429 w 2743200"/>
              <a:gd name="connsiteY7" fmla="*/ 2220686 h 2293257"/>
              <a:gd name="connsiteX8" fmla="*/ 696686 w 2743200"/>
              <a:gd name="connsiteY8" fmla="*/ 2162629 h 2293257"/>
              <a:gd name="connsiteX9" fmla="*/ 290286 w 2743200"/>
              <a:gd name="connsiteY9" fmla="*/ 1872343 h 2293257"/>
              <a:gd name="connsiteX10" fmla="*/ 0 w 2743200"/>
              <a:gd name="connsiteY10" fmla="*/ 725714 h 2293257"/>
              <a:gd name="connsiteX11" fmla="*/ 333829 w 2743200"/>
              <a:gd name="connsiteY11" fmla="*/ 449943 h 2293257"/>
              <a:gd name="connsiteX12" fmla="*/ 522515 w 2743200"/>
              <a:gd name="connsiteY12" fmla="*/ 449943 h 2293257"/>
              <a:gd name="connsiteX13" fmla="*/ 551543 w 2743200"/>
              <a:gd name="connsiteY13" fmla="*/ 348343 h 2293257"/>
              <a:gd name="connsiteX14" fmla="*/ 653143 w 2743200"/>
              <a:gd name="connsiteY14" fmla="*/ 304800 h 2293257"/>
              <a:gd name="connsiteX15" fmla="*/ 711200 w 2743200"/>
              <a:gd name="connsiteY15" fmla="*/ 217714 h 2293257"/>
              <a:gd name="connsiteX16" fmla="*/ 711200 w 2743200"/>
              <a:gd name="connsiteY16" fmla="*/ 130629 h 2293257"/>
              <a:gd name="connsiteX17" fmla="*/ 1059543 w 2743200"/>
              <a:gd name="connsiteY17" fmla="*/ 0 h 2293257"/>
              <a:gd name="connsiteX18" fmla="*/ 1262743 w 2743200"/>
              <a:gd name="connsiteY18" fmla="*/ 29029 h 2293257"/>
              <a:gd name="connsiteX19" fmla="*/ 1553029 w 2743200"/>
              <a:gd name="connsiteY19" fmla="*/ 203200 h 2293257"/>
              <a:gd name="connsiteX20" fmla="*/ 1843315 w 2743200"/>
              <a:gd name="connsiteY20" fmla="*/ 174172 h 2293257"/>
              <a:gd name="connsiteX21" fmla="*/ 2438400 w 2743200"/>
              <a:gd name="connsiteY21" fmla="*/ 406400 h 2293257"/>
              <a:gd name="connsiteX22" fmla="*/ 2743200 w 2743200"/>
              <a:gd name="connsiteY22"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204527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41421 w 2743200"/>
              <a:gd name="connsiteY7" fmla="*/ 2276535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34743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8104 w 2657475"/>
              <a:gd name="connsiteY12" fmla="*/ 449943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46315 w 2657475"/>
              <a:gd name="connsiteY13" fmla="*/ 521380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30439 h 2302782"/>
              <a:gd name="connsiteX1" fmla="*/ 2599418 w 2657475"/>
              <a:gd name="connsiteY1" fmla="*/ 865868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57475 w 2657475"/>
              <a:gd name="connsiteY0" fmla="*/ 430439 h 2302782"/>
              <a:gd name="connsiteX1" fmla="*/ 2591800 w 2657475"/>
              <a:gd name="connsiteY1" fmla="*/ 1133932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63808 w 2663808"/>
              <a:gd name="connsiteY0" fmla="*/ 485860 h 2302782"/>
              <a:gd name="connsiteX1" fmla="*/ 2591800 w 2663808"/>
              <a:gd name="connsiteY1" fmla="*/ 1133932 h 2302782"/>
              <a:gd name="connsiteX2" fmla="*/ 2541361 w 2663808"/>
              <a:gd name="connsiteY2" fmla="*/ 2244725 h 2302782"/>
              <a:gd name="connsiteX3" fmla="*/ 2512333 w 2663808"/>
              <a:gd name="connsiteY3" fmla="*/ 2302782 h 2302782"/>
              <a:gd name="connsiteX4" fmla="*/ 1909820 w 2663808"/>
              <a:gd name="connsiteY4" fmla="*/ 2286060 h 2302782"/>
              <a:gd name="connsiteX5" fmla="*/ 1895533 w 2663808"/>
              <a:gd name="connsiteY5" fmla="*/ 2170620 h 2302782"/>
              <a:gd name="connsiteX6" fmla="*/ 1689033 w 2663808"/>
              <a:gd name="connsiteY6" fmla="*/ 2184906 h 2302782"/>
              <a:gd name="connsiteX7" fmla="*/ 1684792 w 2663808"/>
              <a:gd name="connsiteY7" fmla="*/ 2267631 h 2302782"/>
              <a:gd name="connsiteX8" fmla="*/ 1432379 w 2663808"/>
              <a:gd name="connsiteY8" fmla="*/ 2196874 h 2302782"/>
              <a:gd name="connsiteX9" fmla="*/ 577624 w 2663808"/>
              <a:gd name="connsiteY9" fmla="*/ 2105479 h 2302782"/>
              <a:gd name="connsiteX10" fmla="*/ 261711 w 2663808"/>
              <a:gd name="connsiteY10" fmla="*/ 1881868 h 2302782"/>
              <a:gd name="connsiteX11" fmla="*/ 0 w 2663808"/>
              <a:gd name="connsiteY11" fmla="*/ 801914 h 2302782"/>
              <a:gd name="connsiteX12" fmla="*/ 243342 w 2663808"/>
              <a:gd name="connsiteY12" fmla="*/ 559481 h 2302782"/>
              <a:gd name="connsiteX13" fmla="*/ 446315 w 2663808"/>
              <a:gd name="connsiteY13" fmla="*/ 530905 h 2302782"/>
              <a:gd name="connsiteX14" fmla="*/ 465818 w 2663808"/>
              <a:gd name="connsiteY14" fmla="*/ 357868 h 2302782"/>
              <a:gd name="connsiteX15" fmla="*/ 567418 w 2663808"/>
              <a:gd name="connsiteY15" fmla="*/ 314325 h 2302782"/>
              <a:gd name="connsiteX16" fmla="*/ 625475 w 2663808"/>
              <a:gd name="connsiteY16" fmla="*/ 227239 h 2302782"/>
              <a:gd name="connsiteX17" fmla="*/ 625475 w 2663808"/>
              <a:gd name="connsiteY17" fmla="*/ 140154 h 2302782"/>
              <a:gd name="connsiteX18" fmla="*/ 1011918 w 2663808"/>
              <a:gd name="connsiteY18" fmla="*/ 0 h 2302782"/>
              <a:gd name="connsiteX19" fmla="*/ 1177018 w 2663808"/>
              <a:gd name="connsiteY19" fmla="*/ 38554 h 2302782"/>
              <a:gd name="connsiteX20" fmla="*/ 1467304 w 2663808"/>
              <a:gd name="connsiteY20" fmla="*/ 212725 h 2302782"/>
              <a:gd name="connsiteX21" fmla="*/ 1757590 w 2663808"/>
              <a:gd name="connsiteY21" fmla="*/ 183697 h 2302782"/>
              <a:gd name="connsiteX22" fmla="*/ 2352675 w 2663808"/>
              <a:gd name="connsiteY22" fmla="*/ 415925 h 2302782"/>
              <a:gd name="connsiteX23" fmla="*/ 2663808 w 2663808"/>
              <a:gd name="connsiteY23" fmla="*/ 485860 h 2302782"/>
              <a:gd name="connsiteX0" fmla="*/ 2663807 w 2663807"/>
              <a:gd name="connsiteY0" fmla="*/ 485860 h 2302782"/>
              <a:gd name="connsiteX1" fmla="*/ 2591800 w 2663807"/>
              <a:gd name="connsiteY1" fmla="*/ 1133932 h 2302782"/>
              <a:gd name="connsiteX2" fmla="*/ 2541361 w 2663807"/>
              <a:gd name="connsiteY2" fmla="*/ 2244725 h 2302782"/>
              <a:gd name="connsiteX3" fmla="*/ 2512333 w 2663807"/>
              <a:gd name="connsiteY3" fmla="*/ 2302782 h 2302782"/>
              <a:gd name="connsiteX4" fmla="*/ 1909820 w 2663807"/>
              <a:gd name="connsiteY4" fmla="*/ 2286060 h 2302782"/>
              <a:gd name="connsiteX5" fmla="*/ 1895533 w 2663807"/>
              <a:gd name="connsiteY5" fmla="*/ 2170620 h 2302782"/>
              <a:gd name="connsiteX6" fmla="*/ 1689033 w 2663807"/>
              <a:gd name="connsiteY6" fmla="*/ 2184906 h 2302782"/>
              <a:gd name="connsiteX7" fmla="*/ 1684792 w 2663807"/>
              <a:gd name="connsiteY7" fmla="*/ 2267631 h 2302782"/>
              <a:gd name="connsiteX8" fmla="*/ 1432379 w 2663807"/>
              <a:gd name="connsiteY8" fmla="*/ 2196874 h 2302782"/>
              <a:gd name="connsiteX9" fmla="*/ 577624 w 2663807"/>
              <a:gd name="connsiteY9" fmla="*/ 2105479 h 2302782"/>
              <a:gd name="connsiteX10" fmla="*/ 261711 w 2663807"/>
              <a:gd name="connsiteY10" fmla="*/ 1881868 h 2302782"/>
              <a:gd name="connsiteX11" fmla="*/ 0 w 2663807"/>
              <a:gd name="connsiteY11" fmla="*/ 801914 h 2302782"/>
              <a:gd name="connsiteX12" fmla="*/ 243342 w 2663807"/>
              <a:gd name="connsiteY12" fmla="*/ 559481 h 2302782"/>
              <a:gd name="connsiteX13" fmla="*/ 446315 w 2663807"/>
              <a:gd name="connsiteY13" fmla="*/ 530905 h 2302782"/>
              <a:gd name="connsiteX14" fmla="*/ 465818 w 2663807"/>
              <a:gd name="connsiteY14" fmla="*/ 357868 h 2302782"/>
              <a:gd name="connsiteX15" fmla="*/ 567418 w 2663807"/>
              <a:gd name="connsiteY15" fmla="*/ 314325 h 2302782"/>
              <a:gd name="connsiteX16" fmla="*/ 625475 w 2663807"/>
              <a:gd name="connsiteY16" fmla="*/ 227239 h 2302782"/>
              <a:gd name="connsiteX17" fmla="*/ 625475 w 2663807"/>
              <a:gd name="connsiteY17" fmla="*/ 140154 h 2302782"/>
              <a:gd name="connsiteX18" fmla="*/ 1011918 w 2663807"/>
              <a:gd name="connsiteY18" fmla="*/ 0 h 2302782"/>
              <a:gd name="connsiteX19" fmla="*/ 1177018 w 2663807"/>
              <a:gd name="connsiteY19" fmla="*/ 38554 h 2302782"/>
              <a:gd name="connsiteX20" fmla="*/ 1467304 w 2663807"/>
              <a:gd name="connsiteY20" fmla="*/ 212725 h 2302782"/>
              <a:gd name="connsiteX21" fmla="*/ 1757590 w 2663807"/>
              <a:gd name="connsiteY21" fmla="*/ 183697 h 2302782"/>
              <a:gd name="connsiteX22" fmla="*/ 2352675 w 2663807"/>
              <a:gd name="connsiteY22" fmla="*/ 415925 h 2302782"/>
              <a:gd name="connsiteX23" fmla="*/ 2663807 w 2663807"/>
              <a:gd name="connsiteY23" fmla="*/ 485860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689033 w 2680153"/>
              <a:gd name="connsiteY6" fmla="*/ 2184906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445419 w 2680153"/>
              <a:gd name="connsiteY2" fmla="*/ 2144017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512333 w 2680153"/>
              <a:gd name="connsiteY2" fmla="*/ 2302782 h 2302782"/>
              <a:gd name="connsiteX3" fmla="*/ 1909820 w 2680153"/>
              <a:gd name="connsiteY3" fmla="*/ 2286060 h 2302782"/>
              <a:gd name="connsiteX4" fmla="*/ 1895533 w 2680153"/>
              <a:gd name="connsiteY4" fmla="*/ 2170620 h 2302782"/>
              <a:gd name="connsiteX5" fmla="*/ 1780041 w 2680153"/>
              <a:gd name="connsiteY5" fmla="*/ 2167047 h 2302782"/>
              <a:gd name="connsiteX6" fmla="*/ 1760942 w 2680153"/>
              <a:gd name="connsiteY6" fmla="*/ 2283110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680153" h="2302782">
                <a:moveTo>
                  <a:pt x="2680153" y="457881"/>
                </a:moveTo>
                <a:lnTo>
                  <a:pt x="2591800" y="1133932"/>
                </a:lnTo>
                <a:lnTo>
                  <a:pt x="2512333" y="2302782"/>
                </a:lnTo>
                <a:lnTo>
                  <a:pt x="1909820" y="2286060"/>
                </a:lnTo>
                <a:lnTo>
                  <a:pt x="1895533" y="2170620"/>
                </a:lnTo>
                <a:lnTo>
                  <a:pt x="1780041" y="2167047"/>
                </a:lnTo>
                <a:cubicBezTo>
                  <a:pt x="1755236" y="2178453"/>
                  <a:pt x="1777610" y="2265552"/>
                  <a:pt x="1760942" y="2283110"/>
                </a:cubicBezTo>
                <a:cubicBezTo>
                  <a:pt x="1744274" y="2300668"/>
                  <a:pt x="1732417" y="2279423"/>
                  <a:pt x="1680030" y="2272393"/>
                </a:cubicBezTo>
                <a:lnTo>
                  <a:pt x="1432379" y="2196874"/>
                </a:lnTo>
                <a:lnTo>
                  <a:pt x="577624" y="2105479"/>
                </a:lnTo>
                <a:lnTo>
                  <a:pt x="261711" y="1881868"/>
                </a:lnTo>
                <a:lnTo>
                  <a:pt x="0" y="801914"/>
                </a:lnTo>
                <a:lnTo>
                  <a:pt x="243342" y="559481"/>
                </a:lnTo>
                <a:lnTo>
                  <a:pt x="446315" y="530905"/>
                </a:lnTo>
                <a:lnTo>
                  <a:pt x="465818" y="357868"/>
                </a:lnTo>
                <a:lnTo>
                  <a:pt x="567418" y="314325"/>
                </a:lnTo>
                <a:lnTo>
                  <a:pt x="625475" y="227239"/>
                </a:lnTo>
                <a:lnTo>
                  <a:pt x="625475" y="140154"/>
                </a:lnTo>
                <a:lnTo>
                  <a:pt x="1011918" y="0"/>
                </a:lnTo>
                <a:lnTo>
                  <a:pt x="1177018" y="38554"/>
                </a:lnTo>
                <a:lnTo>
                  <a:pt x="1467304" y="212725"/>
                </a:lnTo>
                <a:lnTo>
                  <a:pt x="1757590" y="183697"/>
                </a:lnTo>
                <a:lnTo>
                  <a:pt x="2352675" y="415925"/>
                </a:lnTo>
                <a:lnTo>
                  <a:pt x="2680153" y="457881"/>
                </a:lnTo>
                <a:close/>
              </a:path>
            </a:pathLst>
          </a:custGeom>
          <a:solidFill>
            <a:srgbClr val="92D050">
              <a:alpha val="20000"/>
            </a:srgbClr>
          </a:solidFill>
          <a:ln>
            <a:solidFill>
              <a:schemeClr val="tx1"/>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kumimoji="1" lang="ja-JP" altLang="en-US"/>
          </a:p>
        </p:txBody>
      </p:sp>
      <p:sp>
        <p:nvSpPr>
          <p:cNvPr id="9" name="テキスト ボックス 8"/>
          <p:cNvSpPr txBox="1"/>
          <p:nvPr/>
        </p:nvSpPr>
        <p:spPr>
          <a:xfrm>
            <a:off x="5555677" y="3825220"/>
            <a:ext cx="1610118" cy="184666"/>
          </a:xfrm>
          <a:prstGeom prst="rect">
            <a:avLst/>
          </a:prstGeom>
          <a:noFill/>
          <a:ln w="12700">
            <a:solidFill>
              <a:schemeClr val="tx1"/>
            </a:solidFill>
          </a:ln>
        </p:spPr>
        <p:txBody>
          <a:bodyPr wrap="square" lIns="0" tIns="0" rIns="0" bIns="0" rtlCol="0" anchor="ctr" anchorCtr="0">
            <a:spAutoFit/>
          </a:bodyPr>
          <a:lstStyle/>
          <a:p>
            <a:pPr algn="ctr"/>
            <a:r>
              <a:rPr lang="ja-JP" altLang="en-US" sz="1200" b="1" dirty="0" smtClean="0"/>
              <a:t>①大阪城公園</a:t>
            </a:r>
            <a:endParaRPr lang="ja-JP" altLang="en-US" sz="1200" b="1" dirty="0"/>
          </a:p>
        </p:txBody>
      </p:sp>
      <p:sp>
        <p:nvSpPr>
          <p:cNvPr id="10" name="Freeform 3"/>
          <p:cNvSpPr>
            <a:spLocks/>
          </p:cNvSpPr>
          <p:nvPr/>
        </p:nvSpPr>
        <p:spPr bwMode="auto">
          <a:xfrm>
            <a:off x="8055009" y="3143077"/>
            <a:ext cx="1650558" cy="3042787"/>
          </a:xfrm>
          <a:custGeom>
            <a:avLst/>
            <a:gdLst>
              <a:gd name="T0" fmla="*/ 417590 w 3420"/>
              <a:gd name="T1" fmla="*/ 0 h 6542"/>
              <a:gd name="T2" fmla="*/ 0 w 3420"/>
              <a:gd name="T3" fmla="*/ 3947368 h 6542"/>
              <a:gd name="T4" fmla="*/ 234630 w 3420"/>
              <a:gd name="T5" fmla="*/ 3947368 h 6542"/>
              <a:gd name="T6" fmla="*/ 237171 w 3420"/>
              <a:gd name="T7" fmla="*/ 4017989 h 6542"/>
              <a:gd name="T8" fmla="*/ 470106 w 3420"/>
              <a:gd name="T9" fmla="*/ 4033591 h 6542"/>
              <a:gd name="T10" fmla="*/ 447236 w 3420"/>
              <a:gd name="T11" fmla="*/ 4505765 h 6542"/>
              <a:gd name="T12" fmla="*/ 470106 w 3420"/>
              <a:gd name="T13" fmla="*/ 4775109 h 6542"/>
              <a:gd name="T14" fmla="*/ 514999 w 3420"/>
              <a:gd name="T15" fmla="*/ 5124928 h 6542"/>
              <a:gd name="T16" fmla="*/ 635279 w 3420"/>
              <a:gd name="T17" fmla="*/ 5372100 h 6542"/>
              <a:gd name="T18" fmla="*/ 940212 w 3420"/>
              <a:gd name="T19" fmla="*/ 5369636 h 6542"/>
              <a:gd name="T20" fmla="*/ 952918 w 3420"/>
              <a:gd name="T21" fmla="*/ 4957409 h 6542"/>
              <a:gd name="T22" fmla="*/ 1200253 w 3420"/>
              <a:gd name="T23" fmla="*/ 5006679 h 6542"/>
              <a:gd name="T24" fmla="*/ 1372202 w 3420"/>
              <a:gd name="T25" fmla="*/ 3990069 h 6542"/>
              <a:gd name="T26" fmla="*/ 1498410 w 3420"/>
              <a:gd name="T27" fmla="*/ 3989248 h 6542"/>
              <a:gd name="T28" fmla="*/ 1677135 w 3420"/>
              <a:gd name="T29" fmla="*/ 3448097 h 6542"/>
              <a:gd name="T30" fmla="*/ 1677135 w 3420"/>
              <a:gd name="T31" fmla="*/ 2721360 h 6542"/>
              <a:gd name="T32" fmla="*/ 2350530 w 3420"/>
              <a:gd name="T33" fmla="*/ 2733678 h 6542"/>
              <a:gd name="T34" fmla="*/ 2388647 w 3420"/>
              <a:gd name="T35" fmla="*/ 2358403 h 6542"/>
              <a:gd name="T36" fmla="*/ 2775744 w 3420"/>
              <a:gd name="T37" fmla="*/ 1804112 h 6542"/>
              <a:gd name="T38" fmla="*/ 2788449 w 3420"/>
              <a:gd name="T39" fmla="*/ 1637415 h 6542"/>
              <a:gd name="T40" fmla="*/ 2795225 w 3420"/>
              <a:gd name="T41" fmla="*/ 1459221 h 6542"/>
              <a:gd name="T42" fmla="*/ 2807931 w 3420"/>
              <a:gd name="T43" fmla="*/ 1341793 h 6542"/>
              <a:gd name="T44" fmla="*/ 2851977 w 3420"/>
              <a:gd name="T45" fmla="*/ 1193982 h 6542"/>
              <a:gd name="T46" fmla="*/ 2839271 w 3420"/>
              <a:gd name="T47" fmla="*/ 1065059 h 6542"/>
              <a:gd name="T48" fmla="*/ 2795225 w 3420"/>
              <a:gd name="T49" fmla="*/ 898361 h 6542"/>
              <a:gd name="T50" fmla="*/ 2769814 w 3420"/>
              <a:gd name="T51" fmla="*/ 787503 h 6542"/>
              <a:gd name="T52" fmla="*/ 2763038 w 3420"/>
              <a:gd name="T53" fmla="*/ 707849 h 6542"/>
              <a:gd name="T54" fmla="*/ 2757109 w 3420"/>
              <a:gd name="T55" fmla="*/ 652010 h 6542"/>
              <a:gd name="T56" fmla="*/ 2782520 w 3420"/>
              <a:gd name="T57" fmla="*/ 590422 h 6542"/>
              <a:gd name="T58" fmla="*/ 2833342 w 3420"/>
              <a:gd name="T59" fmla="*/ 486133 h 6542"/>
              <a:gd name="T60" fmla="*/ 2896870 w 3420"/>
              <a:gd name="T61" fmla="*/ 313687 h 6542"/>
              <a:gd name="T62" fmla="*/ 2763038 w 3420"/>
              <a:gd name="T63" fmla="*/ 239782 h 6542"/>
              <a:gd name="T64" fmla="*/ 2635982 w 3420"/>
              <a:gd name="T65" fmla="*/ 202829 h 6542"/>
              <a:gd name="T66" fmla="*/ 2464881 w 3420"/>
              <a:gd name="T67" fmla="*/ 183942 h 6542"/>
              <a:gd name="T68" fmla="*/ 2140465 w 3420"/>
              <a:gd name="T69" fmla="*/ 141241 h 6542"/>
              <a:gd name="T70" fmla="*/ 1677135 w 3420"/>
              <a:gd name="T71" fmla="*/ 85402 h 6542"/>
              <a:gd name="T72" fmla="*/ 889390 w 3420"/>
              <a:gd name="T73" fmla="*/ 30383 h 6542"/>
              <a:gd name="T74" fmla="*/ 417590 w 3420"/>
              <a:gd name="T75" fmla="*/ 0 h 6542"/>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173 w 10000"/>
              <a:gd name="connsiteY13" fmla="*/ 7426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706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066 w 10000"/>
              <a:gd name="connsiteY9" fmla="*/ 9917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9942"/>
              <a:gd name="connsiteX1" fmla="*/ 0 w 10000"/>
              <a:gd name="connsiteY1" fmla="*/ 7348 h 9942"/>
              <a:gd name="connsiteX2" fmla="*/ 810 w 10000"/>
              <a:gd name="connsiteY2" fmla="*/ 7348 h 9942"/>
              <a:gd name="connsiteX3" fmla="*/ 819 w 10000"/>
              <a:gd name="connsiteY3" fmla="*/ 7479 h 9942"/>
              <a:gd name="connsiteX4" fmla="*/ 1623 w 10000"/>
              <a:gd name="connsiteY4" fmla="*/ 7508 h 9942"/>
              <a:gd name="connsiteX5" fmla="*/ 1544 w 10000"/>
              <a:gd name="connsiteY5" fmla="*/ 8387 h 9942"/>
              <a:gd name="connsiteX6" fmla="*/ 1623 w 10000"/>
              <a:gd name="connsiteY6" fmla="*/ 8889 h 9942"/>
              <a:gd name="connsiteX7" fmla="*/ 1778 w 10000"/>
              <a:gd name="connsiteY7" fmla="*/ 9540 h 9942"/>
              <a:gd name="connsiteX8" fmla="*/ 2013 w 10000"/>
              <a:gd name="connsiteY8" fmla="*/ 9942 h 9942"/>
              <a:gd name="connsiteX9" fmla="*/ 3066 w 10000"/>
              <a:gd name="connsiteY9" fmla="*/ 9917 h 9942"/>
              <a:gd name="connsiteX10" fmla="*/ 3272 w 10000"/>
              <a:gd name="connsiteY10" fmla="*/ 9412 h 9942"/>
              <a:gd name="connsiteX11" fmla="*/ 4143 w 10000"/>
              <a:gd name="connsiteY11" fmla="*/ 9320 h 9942"/>
              <a:gd name="connsiteX12" fmla="*/ 4362 w 10000"/>
              <a:gd name="connsiteY12" fmla="*/ 7560 h 9942"/>
              <a:gd name="connsiteX13" fmla="*/ 5245 w 10000"/>
              <a:gd name="connsiteY13" fmla="*/ 7543 h 9942"/>
              <a:gd name="connsiteX14" fmla="*/ 5789 w 10000"/>
              <a:gd name="connsiteY14" fmla="*/ 6419 h 9942"/>
              <a:gd name="connsiteX15" fmla="*/ 5789 w 10000"/>
              <a:gd name="connsiteY15" fmla="*/ 5066 h 9942"/>
              <a:gd name="connsiteX16" fmla="*/ 8114 w 10000"/>
              <a:gd name="connsiteY16" fmla="*/ 5089 h 9942"/>
              <a:gd name="connsiteX17" fmla="*/ 8246 w 10000"/>
              <a:gd name="connsiteY17" fmla="*/ 4390 h 9942"/>
              <a:gd name="connsiteX18" fmla="*/ 9582 w 10000"/>
              <a:gd name="connsiteY18" fmla="*/ 3358 h 9942"/>
              <a:gd name="connsiteX19" fmla="*/ 9626 w 10000"/>
              <a:gd name="connsiteY19" fmla="*/ 3048 h 9942"/>
              <a:gd name="connsiteX20" fmla="*/ 9649 w 10000"/>
              <a:gd name="connsiteY20" fmla="*/ 2716 h 9942"/>
              <a:gd name="connsiteX21" fmla="*/ 9693 w 10000"/>
              <a:gd name="connsiteY21" fmla="*/ 2498 h 9942"/>
              <a:gd name="connsiteX22" fmla="*/ 9845 w 10000"/>
              <a:gd name="connsiteY22" fmla="*/ 2223 h 9942"/>
              <a:gd name="connsiteX23" fmla="*/ 9801 w 10000"/>
              <a:gd name="connsiteY23" fmla="*/ 1983 h 9942"/>
              <a:gd name="connsiteX24" fmla="*/ 9649 w 10000"/>
              <a:gd name="connsiteY24" fmla="*/ 1672 h 9942"/>
              <a:gd name="connsiteX25" fmla="*/ 9561 w 10000"/>
              <a:gd name="connsiteY25" fmla="*/ 1466 h 9942"/>
              <a:gd name="connsiteX26" fmla="*/ 9538 w 10000"/>
              <a:gd name="connsiteY26" fmla="*/ 1318 h 9942"/>
              <a:gd name="connsiteX27" fmla="*/ 9518 w 10000"/>
              <a:gd name="connsiteY27" fmla="*/ 1214 h 9942"/>
              <a:gd name="connsiteX28" fmla="*/ 9605 w 10000"/>
              <a:gd name="connsiteY28" fmla="*/ 1099 h 9942"/>
              <a:gd name="connsiteX29" fmla="*/ 9781 w 10000"/>
              <a:gd name="connsiteY29" fmla="*/ 905 h 9942"/>
              <a:gd name="connsiteX30" fmla="*/ 10000 w 10000"/>
              <a:gd name="connsiteY30" fmla="*/ 584 h 9942"/>
              <a:gd name="connsiteX31" fmla="*/ 9538 w 10000"/>
              <a:gd name="connsiteY31" fmla="*/ 446 h 9942"/>
              <a:gd name="connsiteX32" fmla="*/ 9099 w 10000"/>
              <a:gd name="connsiteY32" fmla="*/ 378 h 9942"/>
              <a:gd name="connsiteX33" fmla="*/ 8509 w 10000"/>
              <a:gd name="connsiteY33" fmla="*/ 342 h 9942"/>
              <a:gd name="connsiteX34" fmla="*/ 7389 w 10000"/>
              <a:gd name="connsiteY34" fmla="*/ 263 h 9942"/>
              <a:gd name="connsiteX35" fmla="*/ 5789 w 10000"/>
              <a:gd name="connsiteY35" fmla="*/ 159 h 9942"/>
              <a:gd name="connsiteX36" fmla="*/ 3070 w 10000"/>
              <a:gd name="connsiteY36" fmla="*/ 57 h 9942"/>
              <a:gd name="connsiteX37" fmla="*/ 1442 w 10000"/>
              <a:gd name="connsiteY37" fmla="*/ 0 h 9942"/>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272 w 10000"/>
              <a:gd name="connsiteY10" fmla="*/ 9467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416 w 10000"/>
              <a:gd name="connsiteY10" fmla="*/ 9310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632 w 10000"/>
              <a:gd name="connsiteY10" fmla="*/ 9545 h 10000"/>
              <a:gd name="connsiteX11" fmla="*/ 3416 w 10000"/>
              <a:gd name="connsiteY11" fmla="*/ 9310 h 10000"/>
              <a:gd name="connsiteX12" fmla="*/ 4097 w 10000"/>
              <a:gd name="connsiteY12" fmla="*/ 9355 h 10000"/>
              <a:gd name="connsiteX13" fmla="*/ 4362 w 10000"/>
              <a:gd name="connsiteY13" fmla="*/ 7604 h 10000"/>
              <a:gd name="connsiteX14" fmla="*/ 5245 w 10000"/>
              <a:gd name="connsiteY14" fmla="*/ 7587 h 10000"/>
              <a:gd name="connsiteX15" fmla="*/ 5789 w 10000"/>
              <a:gd name="connsiteY15" fmla="*/ 6456 h 10000"/>
              <a:gd name="connsiteX16" fmla="*/ 5789 w 10000"/>
              <a:gd name="connsiteY16" fmla="*/ 5096 h 10000"/>
              <a:gd name="connsiteX17" fmla="*/ 8114 w 10000"/>
              <a:gd name="connsiteY17" fmla="*/ 5119 h 10000"/>
              <a:gd name="connsiteX18" fmla="*/ 8246 w 10000"/>
              <a:gd name="connsiteY18" fmla="*/ 4416 h 10000"/>
              <a:gd name="connsiteX19" fmla="*/ 9582 w 10000"/>
              <a:gd name="connsiteY19" fmla="*/ 3378 h 10000"/>
              <a:gd name="connsiteX20" fmla="*/ 9626 w 10000"/>
              <a:gd name="connsiteY20" fmla="*/ 3066 h 10000"/>
              <a:gd name="connsiteX21" fmla="*/ 9649 w 10000"/>
              <a:gd name="connsiteY21" fmla="*/ 2732 h 10000"/>
              <a:gd name="connsiteX22" fmla="*/ 9693 w 10000"/>
              <a:gd name="connsiteY22" fmla="*/ 2513 h 10000"/>
              <a:gd name="connsiteX23" fmla="*/ 9845 w 10000"/>
              <a:gd name="connsiteY23" fmla="*/ 2236 h 10000"/>
              <a:gd name="connsiteX24" fmla="*/ 9801 w 10000"/>
              <a:gd name="connsiteY24" fmla="*/ 1995 h 10000"/>
              <a:gd name="connsiteX25" fmla="*/ 9649 w 10000"/>
              <a:gd name="connsiteY25" fmla="*/ 1682 h 10000"/>
              <a:gd name="connsiteX26" fmla="*/ 9561 w 10000"/>
              <a:gd name="connsiteY26" fmla="*/ 1475 h 10000"/>
              <a:gd name="connsiteX27" fmla="*/ 9538 w 10000"/>
              <a:gd name="connsiteY27" fmla="*/ 1326 h 10000"/>
              <a:gd name="connsiteX28" fmla="*/ 9518 w 10000"/>
              <a:gd name="connsiteY28" fmla="*/ 1221 h 10000"/>
              <a:gd name="connsiteX29" fmla="*/ 9605 w 10000"/>
              <a:gd name="connsiteY29" fmla="*/ 1105 h 10000"/>
              <a:gd name="connsiteX30" fmla="*/ 9781 w 10000"/>
              <a:gd name="connsiteY30" fmla="*/ 910 h 10000"/>
              <a:gd name="connsiteX31" fmla="*/ 10000 w 10000"/>
              <a:gd name="connsiteY31" fmla="*/ 587 h 10000"/>
              <a:gd name="connsiteX32" fmla="*/ 9538 w 10000"/>
              <a:gd name="connsiteY32" fmla="*/ 449 h 10000"/>
              <a:gd name="connsiteX33" fmla="*/ 9099 w 10000"/>
              <a:gd name="connsiteY33" fmla="*/ 380 h 10000"/>
              <a:gd name="connsiteX34" fmla="*/ 8509 w 10000"/>
              <a:gd name="connsiteY34" fmla="*/ 344 h 10000"/>
              <a:gd name="connsiteX35" fmla="*/ 7389 w 10000"/>
              <a:gd name="connsiteY35" fmla="*/ 265 h 10000"/>
              <a:gd name="connsiteX36" fmla="*/ 5789 w 10000"/>
              <a:gd name="connsiteY36" fmla="*/ 160 h 10000"/>
              <a:gd name="connsiteX37" fmla="*/ 3070 w 10000"/>
              <a:gd name="connsiteY37" fmla="*/ 57 h 10000"/>
              <a:gd name="connsiteX38" fmla="*/ 1442 w 10000"/>
              <a:gd name="connsiteY38"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157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0000" h="10000">
                <a:moveTo>
                  <a:pt x="1442" y="0"/>
                </a:moveTo>
                <a:lnTo>
                  <a:pt x="0" y="7391"/>
                </a:lnTo>
                <a:lnTo>
                  <a:pt x="810" y="7391"/>
                </a:lnTo>
                <a:cubicBezTo>
                  <a:pt x="813" y="7435"/>
                  <a:pt x="816" y="7478"/>
                  <a:pt x="819" y="7523"/>
                </a:cubicBezTo>
                <a:lnTo>
                  <a:pt x="1623" y="7552"/>
                </a:lnTo>
                <a:cubicBezTo>
                  <a:pt x="1597" y="7847"/>
                  <a:pt x="1570" y="8141"/>
                  <a:pt x="1544" y="8436"/>
                </a:cubicBezTo>
                <a:cubicBezTo>
                  <a:pt x="1570" y="8604"/>
                  <a:pt x="1597" y="8773"/>
                  <a:pt x="1623" y="8941"/>
                </a:cubicBezTo>
                <a:cubicBezTo>
                  <a:pt x="1675" y="9159"/>
                  <a:pt x="1726" y="9377"/>
                  <a:pt x="1778" y="9596"/>
                </a:cubicBezTo>
                <a:cubicBezTo>
                  <a:pt x="1856" y="9731"/>
                  <a:pt x="2079" y="9865"/>
                  <a:pt x="2157" y="10000"/>
                </a:cubicBezTo>
                <a:lnTo>
                  <a:pt x="2850" y="9975"/>
                </a:lnTo>
                <a:cubicBezTo>
                  <a:pt x="3072" y="9942"/>
                  <a:pt x="3069" y="9562"/>
                  <a:pt x="3163" y="9467"/>
                </a:cubicBezTo>
                <a:cubicBezTo>
                  <a:pt x="3257" y="9373"/>
                  <a:pt x="3374" y="9434"/>
                  <a:pt x="3416" y="9408"/>
                </a:cubicBezTo>
                <a:cubicBezTo>
                  <a:pt x="3458" y="9382"/>
                  <a:pt x="3278" y="9365"/>
                  <a:pt x="3416" y="9310"/>
                </a:cubicBezTo>
                <a:lnTo>
                  <a:pt x="4097" y="9355"/>
                </a:lnTo>
                <a:cubicBezTo>
                  <a:pt x="4185" y="8771"/>
                  <a:pt x="4274" y="8188"/>
                  <a:pt x="4362" y="7604"/>
                </a:cubicBezTo>
                <a:lnTo>
                  <a:pt x="5245" y="7587"/>
                </a:lnTo>
                <a:lnTo>
                  <a:pt x="5789" y="6456"/>
                </a:lnTo>
                <a:lnTo>
                  <a:pt x="5789" y="5096"/>
                </a:lnTo>
                <a:lnTo>
                  <a:pt x="8114" y="5119"/>
                </a:lnTo>
                <a:lnTo>
                  <a:pt x="8246" y="4416"/>
                </a:lnTo>
                <a:lnTo>
                  <a:pt x="9582" y="3378"/>
                </a:lnTo>
                <a:cubicBezTo>
                  <a:pt x="9597" y="3274"/>
                  <a:pt x="9611" y="3169"/>
                  <a:pt x="9626" y="3066"/>
                </a:cubicBezTo>
                <a:cubicBezTo>
                  <a:pt x="9634" y="2954"/>
                  <a:pt x="9641" y="2843"/>
                  <a:pt x="9649" y="2732"/>
                </a:cubicBezTo>
                <a:cubicBezTo>
                  <a:pt x="9664" y="2658"/>
                  <a:pt x="9678" y="2586"/>
                  <a:pt x="9693" y="2513"/>
                </a:cubicBezTo>
                <a:cubicBezTo>
                  <a:pt x="9744" y="2421"/>
                  <a:pt x="9794" y="2328"/>
                  <a:pt x="9845" y="2236"/>
                </a:cubicBezTo>
                <a:cubicBezTo>
                  <a:pt x="9830" y="2156"/>
                  <a:pt x="9816" y="2075"/>
                  <a:pt x="9801" y="1995"/>
                </a:cubicBezTo>
                <a:cubicBezTo>
                  <a:pt x="9750" y="1891"/>
                  <a:pt x="9700" y="1786"/>
                  <a:pt x="9649" y="1682"/>
                </a:cubicBezTo>
                <a:cubicBezTo>
                  <a:pt x="9620" y="1612"/>
                  <a:pt x="9590" y="1544"/>
                  <a:pt x="9561" y="1475"/>
                </a:cubicBezTo>
                <a:cubicBezTo>
                  <a:pt x="9553" y="1425"/>
                  <a:pt x="9546" y="1375"/>
                  <a:pt x="9538" y="1326"/>
                </a:cubicBezTo>
                <a:cubicBezTo>
                  <a:pt x="9531" y="1290"/>
                  <a:pt x="9525" y="1256"/>
                  <a:pt x="9518" y="1221"/>
                </a:cubicBezTo>
                <a:cubicBezTo>
                  <a:pt x="9547" y="1183"/>
                  <a:pt x="9576" y="1144"/>
                  <a:pt x="9605" y="1105"/>
                </a:cubicBezTo>
                <a:lnTo>
                  <a:pt x="9781" y="910"/>
                </a:lnTo>
                <a:lnTo>
                  <a:pt x="10000" y="587"/>
                </a:lnTo>
                <a:lnTo>
                  <a:pt x="9538" y="449"/>
                </a:lnTo>
                <a:lnTo>
                  <a:pt x="9099" y="380"/>
                </a:lnTo>
                <a:lnTo>
                  <a:pt x="8509" y="344"/>
                </a:lnTo>
                <a:lnTo>
                  <a:pt x="7389" y="265"/>
                </a:lnTo>
                <a:lnTo>
                  <a:pt x="5789" y="160"/>
                </a:lnTo>
                <a:lnTo>
                  <a:pt x="3070" y="57"/>
                </a:lnTo>
                <a:lnTo>
                  <a:pt x="1442" y="0"/>
                </a:lnTo>
                <a:close/>
              </a:path>
            </a:pathLst>
          </a:custGeom>
          <a:solidFill>
            <a:srgbClr val="FF0000">
              <a:alpha val="20000"/>
            </a:srgbClr>
          </a:solidFill>
          <a:ln w="25400">
            <a:solidFill>
              <a:schemeClr val="tx1"/>
            </a:solidFill>
            <a:round/>
            <a:headEnd/>
            <a:tailEnd/>
          </a:ln>
        </p:spPr>
        <p:txBody>
          <a:bodyPr vert="horz" wrap="square" lIns="91406" tIns="45703" rIns="91406" bIns="45703" numCol="1" anchor="t" anchorCtr="0" compatLnSpc="1">
            <a:prstTxWarp prst="textNoShape">
              <a:avLst/>
            </a:prstTxWarp>
          </a:bodyPr>
          <a:lstStyle/>
          <a:p>
            <a:endParaRPr lang="ja-JP" altLang="en-US"/>
          </a:p>
        </p:txBody>
      </p:sp>
      <p:sp>
        <p:nvSpPr>
          <p:cNvPr id="11" name="フリーフォーム 10"/>
          <p:cNvSpPr/>
          <p:nvPr/>
        </p:nvSpPr>
        <p:spPr>
          <a:xfrm>
            <a:off x="6697884" y="981560"/>
            <a:ext cx="1504507" cy="963406"/>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92780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433169"/>
              <a:gd name="connsiteY0" fmla="*/ 819150 h 921544"/>
              <a:gd name="connsiteX1" fmla="*/ 0 w 1433169"/>
              <a:gd name="connsiteY1" fmla="*/ 819150 h 921544"/>
              <a:gd name="connsiteX2" fmla="*/ 145256 w 1433169"/>
              <a:gd name="connsiteY2" fmla="*/ 921544 h 921544"/>
              <a:gd name="connsiteX3" fmla="*/ 1433169 w 1433169"/>
              <a:gd name="connsiteY3" fmla="*/ 379859 h 921544"/>
              <a:gd name="connsiteX4" fmla="*/ 1292780 w 1433169"/>
              <a:gd name="connsiteY4" fmla="*/ 0 h 921544"/>
              <a:gd name="connsiteX5" fmla="*/ 1040606 w 1433169"/>
              <a:gd name="connsiteY5" fmla="*/ 85725 h 921544"/>
              <a:gd name="connsiteX6" fmla="*/ 914400 w 1433169"/>
              <a:gd name="connsiteY6" fmla="*/ 104775 h 921544"/>
              <a:gd name="connsiteX7" fmla="*/ 504825 w 1433169"/>
              <a:gd name="connsiteY7" fmla="*/ 500063 h 921544"/>
              <a:gd name="connsiteX8" fmla="*/ 280987 w 1433169"/>
              <a:gd name="connsiteY8" fmla="*/ 666750 h 921544"/>
              <a:gd name="connsiteX9" fmla="*/ 59531 w 1433169"/>
              <a:gd name="connsiteY9" fmla="*/ 757238 h 921544"/>
              <a:gd name="connsiteX10" fmla="*/ 0 w 1433169"/>
              <a:gd name="connsiteY10" fmla="*/ 819150 h 92154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40606 w 1433169"/>
              <a:gd name="connsiteY5" fmla="*/ 819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300997 w 1433169"/>
              <a:gd name="connsiteY8" fmla="*/ 646013 h 917724"/>
              <a:gd name="connsiteX9" fmla="*/ 59531 w 1433169"/>
              <a:gd name="connsiteY9" fmla="*/ 753418 h 917724"/>
              <a:gd name="connsiteX10" fmla="*/ 0 w 1433169"/>
              <a:gd name="connsiteY10" fmla="*/ 815330 h 9177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33169" h="917724">
                <a:moveTo>
                  <a:pt x="0" y="815330"/>
                </a:moveTo>
                <a:lnTo>
                  <a:pt x="0" y="815330"/>
                </a:lnTo>
                <a:lnTo>
                  <a:pt x="145256" y="917724"/>
                </a:lnTo>
                <a:lnTo>
                  <a:pt x="1433169" y="376039"/>
                </a:lnTo>
                <a:lnTo>
                  <a:pt x="1306169" y="0"/>
                </a:lnTo>
                <a:lnTo>
                  <a:pt x="1054062" y="78805"/>
                </a:lnTo>
                <a:lnTo>
                  <a:pt x="902478" y="75630"/>
                </a:lnTo>
                <a:lnTo>
                  <a:pt x="493019" y="472971"/>
                </a:lnTo>
                <a:lnTo>
                  <a:pt x="300997" y="646013"/>
                </a:lnTo>
                <a:lnTo>
                  <a:pt x="59531" y="753418"/>
                </a:lnTo>
                <a:lnTo>
                  <a:pt x="0" y="815330"/>
                </a:lnTo>
                <a:close/>
              </a:path>
            </a:pathLst>
          </a:custGeom>
          <a:solidFill>
            <a:srgbClr val="FFFF00">
              <a:alpha val="20000"/>
            </a:srgbClr>
          </a:solidFill>
          <a:ln w="38100">
            <a:solidFill>
              <a:schemeClr val="tx1"/>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2" name="フリーフォーム 11"/>
          <p:cNvSpPr/>
          <p:nvPr/>
        </p:nvSpPr>
        <p:spPr>
          <a:xfrm>
            <a:off x="6759191" y="645027"/>
            <a:ext cx="1139628" cy="5883042"/>
          </a:xfrm>
          <a:custGeom>
            <a:avLst/>
            <a:gdLst>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23925"/>
              <a:gd name="connsiteY0" fmla="*/ 4819650 h 4819650"/>
              <a:gd name="connsiteX1" fmla="*/ 923925 w 923925"/>
              <a:gd name="connsiteY1" fmla="*/ 4076700 h 4819650"/>
              <a:gd name="connsiteX2" fmla="*/ 628650 w 923925"/>
              <a:gd name="connsiteY2" fmla="*/ 2276475 h 4819650"/>
              <a:gd name="connsiteX3" fmla="*/ 0 w 923925"/>
              <a:gd name="connsiteY3" fmla="*/ 1038225 h 4819650"/>
              <a:gd name="connsiteX4" fmla="*/ 476250 w 923925"/>
              <a:gd name="connsiteY4" fmla="*/ 0 h 4819650"/>
              <a:gd name="connsiteX0" fmla="*/ 809625 w 954087"/>
              <a:gd name="connsiteY0" fmla="*/ 4819650 h 4819650"/>
              <a:gd name="connsiteX1" fmla="*/ 923925 w 954087"/>
              <a:gd name="connsiteY1" fmla="*/ 4076700 h 4819650"/>
              <a:gd name="connsiteX2" fmla="*/ 628650 w 954087"/>
              <a:gd name="connsiteY2" fmla="*/ 2276475 h 4819650"/>
              <a:gd name="connsiteX3" fmla="*/ 0 w 954087"/>
              <a:gd name="connsiteY3" fmla="*/ 1038225 h 4819650"/>
              <a:gd name="connsiteX4" fmla="*/ 476250 w 954087"/>
              <a:gd name="connsiteY4" fmla="*/ 0 h 4819650"/>
              <a:gd name="connsiteX0" fmla="*/ 835025 w 979487"/>
              <a:gd name="connsiteY0" fmla="*/ 4819650 h 4819650"/>
              <a:gd name="connsiteX1" fmla="*/ 949325 w 979487"/>
              <a:gd name="connsiteY1" fmla="*/ 4076700 h 4819650"/>
              <a:gd name="connsiteX2" fmla="*/ 654050 w 979487"/>
              <a:gd name="connsiteY2" fmla="*/ 2276475 h 4819650"/>
              <a:gd name="connsiteX3" fmla="*/ 25400 w 979487"/>
              <a:gd name="connsiteY3" fmla="*/ 1038225 h 4819650"/>
              <a:gd name="connsiteX4" fmla="*/ 501650 w 979487"/>
              <a:gd name="connsiteY4" fmla="*/ 0 h 4819650"/>
              <a:gd name="connsiteX0" fmla="*/ 862070 w 1006532"/>
              <a:gd name="connsiteY0" fmla="*/ 5538564 h 5538564"/>
              <a:gd name="connsiteX1" fmla="*/ 976370 w 1006532"/>
              <a:gd name="connsiteY1" fmla="*/ 4795614 h 5538564"/>
              <a:gd name="connsiteX2" fmla="*/ 681095 w 1006532"/>
              <a:gd name="connsiteY2" fmla="*/ 2995389 h 5538564"/>
              <a:gd name="connsiteX3" fmla="*/ 52445 w 1006532"/>
              <a:gd name="connsiteY3" fmla="*/ 1757139 h 5538564"/>
              <a:gd name="connsiteX4" fmla="*/ 995767 w 1006532"/>
              <a:gd name="connsiteY4" fmla="*/ 0 h 5538564"/>
              <a:gd name="connsiteX0" fmla="*/ 1018088 w 2087889"/>
              <a:gd name="connsiteY0" fmla="*/ 5754588 h 5754588"/>
              <a:gd name="connsiteX1" fmla="*/ 1132388 w 2087889"/>
              <a:gd name="connsiteY1" fmla="*/ 5011638 h 5754588"/>
              <a:gd name="connsiteX2" fmla="*/ 837113 w 2087889"/>
              <a:gd name="connsiteY2" fmla="*/ 3211413 h 5754588"/>
              <a:gd name="connsiteX3" fmla="*/ 208463 w 2087889"/>
              <a:gd name="connsiteY3" fmla="*/ 1973163 h 5754588"/>
              <a:gd name="connsiteX4" fmla="*/ 2087889 w 2087889"/>
              <a:gd name="connsiteY4" fmla="*/ 0 h 5754588"/>
              <a:gd name="connsiteX0" fmla="*/ 850069 w 1919870"/>
              <a:gd name="connsiteY0" fmla="*/ 5795416 h 5795416"/>
              <a:gd name="connsiteX1" fmla="*/ 964369 w 1919870"/>
              <a:gd name="connsiteY1" fmla="*/ 5052466 h 5795416"/>
              <a:gd name="connsiteX2" fmla="*/ 669094 w 1919870"/>
              <a:gd name="connsiteY2" fmla="*/ 3252241 h 5795416"/>
              <a:gd name="connsiteX3" fmla="*/ 40444 w 1919870"/>
              <a:gd name="connsiteY3" fmla="*/ 2013991 h 5795416"/>
              <a:gd name="connsiteX4" fmla="*/ 911758 w 1919870"/>
              <a:gd name="connsiteY4" fmla="*/ 328860 h 5795416"/>
              <a:gd name="connsiteX5" fmla="*/ 1919870 w 1919870"/>
              <a:gd name="connsiteY5" fmla="*/ 40828 h 5795416"/>
              <a:gd name="connsiteX0" fmla="*/ 889195 w 1958996"/>
              <a:gd name="connsiteY0" fmla="*/ 5754588 h 5754588"/>
              <a:gd name="connsiteX1" fmla="*/ 1003495 w 1958996"/>
              <a:gd name="connsiteY1" fmla="*/ 5011638 h 5754588"/>
              <a:gd name="connsiteX2" fmla="*/ 708220 w 1958996"/>
              <a:gd name="connsiteY2" fmla="*/ 3211413 h 5754588"/>
              <a:gd name="connsiteX3" fmla="*/ 79570 w 1958996"/>
              <a:gd name="connsiteY3" fmla="*/ 1973163 h 5754588"/>
              <a:gd name="connsiteX4" fmla="*/ 230803 w 1958996"/>
              <a:gd name="connsiteY4" fmla="*/ 1224136 h 5754588"/>
              <a:gd name="connsiteX5" fmla="*/ 950884 w 1958996"/>
              <a:gd name="connsiteY5" fmla="*/ 288032 h 5754588"/>
              <a:gd name="connsiteX6" fmla="*/ 1958996 w 1958996"/>
              <a:gd name="connsiteY6" fmla="*/ 0 h 5754588"/>
              <a:gd name="connsiteX0" fmla="*/ 1091643 w 2161444"/>
              <a:gd name="connsiteY0" fmla="*/ 5754588 h 5754588"/>
              <a:gd name="connsiteX1" fmla="*/ 1205943 w 2161444"/>
              <a:gd name="connsiteY1" fmla="*/ 5011638 h 5754588"/>
              <a:gd name="connsiteX2" fmla="*/ 910668 w 2161444"/>
              <a:gd name="connsiteY2" fmla="*/ 3211413 h 5754588"/>
              <a:gd name="connsiteX3" fmla="*/ 282018 w 2161444"/>
              <a:gd name="connsiteY3" fmla="*/ 1973163 h 5754588"/>
              <a:gd name="connsiteX4" fmla="*/ 145219 w 2161444"/>
              <a:gd name="connsiteY4" fmla="*/ 1008112 h 5754588"/>
              <a:gd name="connsiteX5" fmla="*/ 1153332 w 2161444"/>
              <a:gd name="connsiteY5" fmla="*/ 288032 h 5754588"/>
              <a:gd name="connsiteX6" fmla="*/ 2161444 w 2161444"/>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40"/>
              <a:gd name="connsiteY0" fmla="*/ 5754588 h 5754588"/>
              <a:gd name="connsiteX1" fmla="*/ 1169939 w 2125440"/>
              <a:gd name="connsiteY1" fmla="*/ 5011638 h 5754588"/>
              <a:gd name="connsiteX2" fmla="*/ 874664 w 2125440"/>
              <a:gd name="connsiteY2" fmla="*/ 3211413 h 5754588"/>
              <a:gd name="connsiteX3" fmla="*/ 246014 w 2125440"/>
              <a:gd name="connsiteY3" fmla="*/ 1973163 h 5754588"/>
              <a:gd name="connsiteX4" fmla="*/ 109215 w 2125440"/>
              <a:gd name="connsiteY4" fmla="*/ 1008112 h 5754588"/>
              <a:gd name="connsiteX5" fmla="*/ 901303 w 2125440"/>
              <a:gd name="connsiteY5" fmla="*/ 288032 h 5754588"/>
              <a:gd name="connsiteX6" fmla="*/ 2125440 w 2125440"/>
              <a:gd name="connsiteY6" fmla="*/ 0 h 5754588"/>
              <a:gd name="connsiteX0" fmla="*/ 1055639 w 2125439"/>
              <a:gd name="connsiteY0" fmla="*/ 5754588 h 5754588"/>
              <a:gd name="connsiteX1" fmla="*/ 1169939 w 2125439"/>
              <a:gd name="connsiteY1" fmla="*/ 5011638 h 5754588"/>
              <a:gd name="connsiteX2" fmla="*/ 874664 w 2125439"/>
              <a:gd name="connsiteY2" fmla="*/ 3211413 h 5754588"/>
              <a:gd name="connsiteX3" fmla="*/ 246014 w 2125439"/>
              <a:gd name="connsiteY3" fmla="*/ 1973163 h 5754588"/>
              <a:gd name="connsiteX4" fmla="*/ 109215 w 2125439"/>
              <a:gd name="connsiteY4" fmla="*/ 1008112 h 5754588"/>
              <a:gd name="connsiteX5" fmla="*/ 901303 w 2125439"/>
              <a:gd name="connsiteY5" fmla="*/ 288032 h 5754588"/>
              <a:gd name="connsiteX6" fmla="*/ 2125439 w 2125439"/>
              <a:gd name="connsiteY6" fmla="*/ 0 h 5754588"/>
              <a:gd name="connsiteX0" fmla="*/ 1055638 w 2125438"/>
              <a:gd name="connsiteY0" fmla="*/ 5754588 h 5754588"/>
              <a:gd name="connsiteX1" fmla="*/ 1169938 w 2125438"/>
              <a:gd name="connsiteY1" fmla="*/ 5011638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55638 w 2125438"/>
              <a:gd name="connsiteY0" fmla="*/ 5754588 h 5754588"/>
              <a:gd name="connsiteX1" fmla="*/ 1117326 w 2125438"/>
              <a:gd name="connsiteY1" fmla="*/ 5256584 h 5754588"/>
              <a:gd name="connsiteX2" fmla="*/ 874663 w 2125438"/>
              <a:gd name="connsiteY2" fmla="*/ 3211413 h 5754588"/>
              <a:gd name="connsiteX3" fmla="*/ 246013 w 2125438"/>
              <a:gd name="connsiteY3" fmla="*/ 1973163 h 5754588"/>
              <a:gd name="connsiteX4" fmla="*/ 109215 w 2125438"/>
              <a:gd name="connsiteY4" fmla="*/ 1152128 h 5754588"/>
              <a:gd name="connsiteX5" fmla="*/ 901302 w 2125438"/>
              <a:gd name="connsiteY5" fmla="*/ 288032 h 5754588"/>
              <a:gd name="connsiteX6" fmla="*/ 2125438 w 2125438"/>
              <a:gd name="connsiteY6" fmla="*/ 0 h 5754588"/>
              <a:gd name="connsiteX0" fmla="*/ 1021262 w 2125438"/>
              <a:gd name="connsiteY0" fmla="*/ 5954964 h 5954964"/>
              <a:gd name="connsiteX1" fmla="*/ 1117326 w 2125438"/>
              <a:gd name="connsiteY1" fmla="*/ 5256584 h 5954964"/>
              <a:gd name="connsiteX2" fmla="*/ 874663 w 2125438"/>
              <a:gd name="connsiteY2" fmla="*/ 3211413 h 5954964"/>
              <a:gd name="connsiteX3" fmla="*/ 246013 w 2125438"/>
              <a:gd name="connsiteY3" fmla="*/ 1973163 h 5954964"/>
              <a:gd name="connsiteX4" fmla="*/ 109215 w 2125438"/>
              <a:gd name="connsiteY4" fmla="*/ 1152128 h 5954964"/>
              <a:gd name="connsiteX5" fmla="*/ 901302 w 2125438"/>
              <a:gd name="connsiteY5" fmla="*/ 288032 h 5954964"/>
              <a:gd name="connsiteX6" fmla="*/ 2125438 w 2125438"/>
              <a:gd name="connsiteY6" fmla="*/ 0 h 5954964"/>
              <a:gd name="connsiteX0" fmla="*/ 1021262 w 1117327"/>
              <a:gd name="connsiteY0" fmla="*/ 5666931 h 5666931"/>
              <a:gd name="connsiteX1" fmla="*/ 1117326 w 1117327"/>
              <a:gd name="connsiteY1" fmla="*/ 4968551 h 5666931"/>
              <a:gd name="connsiteX2" fmla="*/ 874663 w 1117327"/>
              <a:gd name="connsiteY2" fmla="*/ 2923380 h 5666931"/>
              <a:gd name="connsiteX3" fmla="*/ 246013 w 1117327"/>
              <a:gd name="connsiteY3" fmla="*/ 1685130 h 5666931"/>
              <a:gd name="connsiteX4" fmla="*/ 109215 w 1117327"/>
              <a:gd name="connsiteY4" fmla="*/ 864095 h 5666931"/>
              <a:gd name="connsiteX5" fmla="*/ 901302 w 1117327"/>
              <a:gd name="connsiteY5" fmla="*/ -1 h 5666931"/>
              <a:gd name="connsiteX0" fmla="*/ 1002679 w 1098742"/>
              <a:gd name="connsiteY0" fmla="*/ 5581944 h 5581944"/>
              <a:gd name="connsiteX1" fmla="*/ 1098743 w 1098742"/>
              <a:gd name="connsiteY1" fmla="*/ 4883564 h 5581944"/>
              <a:gd name="connsiteX2" fmla="*/ 856080 w 1098742"/>
              <a:gd name="connsiteY2" fmla="*/ 2838393 h 5581944"/>
              <a:gd name="connsiteX3" fmla="*/ 227430 w 1098742"/>
              <a:gd name="connsiteY3" fmla="*/ 1600143 h 5581944"/>
              <a:gd name="connsiteX4" fmla="*/ 90632 w 1098742"/>
              <a:gd name="connsiteY4" fmla="*/ 779108 h 5581944"/>
              <a:gd name="connsiteX5" fmla="*/ 771216 w 1098742"/>
              <a:gd name="connsiteY5" fmla="*/ 0 h 558194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98742" h="5581944">
                <a:moveTo>
                  <a:pt x="1002679" y="5581944"/>
                </a:moveTo>
                <a:cubicBezTo>
                  <a:pt x="1040779" y="5334294"/>
                  <a:pt x="1065059" y="5277413"/>
                  <a:pt x="1098743" y="4883564"/>
                </a:cubicBezTo>
                <a:cubicBezTo>
                  <a:pt x="1068581" y="4459702"/>
                  <a:pt x="1001299" y="3385630"/>
                  <a:pt x="856080" y="2838393"/>
                </a:cubicBezTo>
                <a:cubicBezTo>
                  <a:pt x="710861" y="2291156"/>
                  <a:pt x="355005" y="1943357"/>
                  <a:pt x="227430" y="1600143"/>
                </a:cubicBezTo>
                <a:cubicBezTo>
                  <a:pt x="99855" y="1256929"/>
                  <a:pt x="1" y="1045798"/>
                  <a:pt x="90632" y="779108"/>
                </a:cubicBezTo>
                <a:cubicBezTo>
                  <a:pt x="181263" y="512418"/>
                  <a:pt x="435179" y="168019"/>
                  <a:pt x="771216" y="0"/>
                </a:cubicBezTo>
              </a:path>
            </a:pathLst>
          </a:custGeom>
          <a:ln w="38100">
            <a:solidFill>
              <a:srgbClr val="00FF0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3" name="正方形/長方形 12"/>
          <p:cNvSpPr/>
          <p:nvPr/>
        </p:nvSpPr>
        <p:spPr>
          <a:xfrm rot="18742223">
            <a:off x="6931639" y="915508"/>
            <a:ext cx="524804" cy="10826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正方形/長方形 13"/>
          <p:cNvSpPr/>
          <p:nvPr/>
        </p:nvSpPr>
        <p:spPr>
          <a:xfrm rot="14771757">
            <a:off x="6815139" y="2306779"/>
            <a:ext cx="408444" cy="10826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rot="15999336">
            <a:off x="7635439" y="5123480"/>
            <a:ext cx="444901" cy="108267"/>
          </a:xfrm>
          <a:prstGeom prst="rect">
            <a:avLst/>
          </a:prstGeom>
          <a:solidFill>
            <a:srgbClr val="00FF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フリーフォーム 15"/>
          <p:cNvSpPr/>
          <p:nvPr/>
        </p:nvSpPr>
        <p:spPr>
          <a:xfrm>
            <a:off x="4709459" y="5458806"/>
            <a:ext cx="5098597" cy="90234"/>
          </a:xfrm>
          <a:custGeom>
            <a:avLst/>
            <a:gdLst>
              <a:gd name="connsiteX0" fmla="*/ 0 w 6619875"/>
              <a:gd name="connsiteY0" fmla="*/ 0 h 238125"/>
              <a:gd name="connsiteX1" fmla="*/ 1524000 w 6619875"/>
              <a:gd name="connsiteY1" fmla="*/ 114300 h 238125"/>
              <a:gd name="connsiteX2" fmla="*/ 4333875 w 6619875"/>
              <a:gd name="connsiteY2" fmla="*/ 57150 h 238125"/>
              <a:gd name="connsiteX3" fmla="*/ 5819775 w 6619875"/>
              <a:gd name="connsiteY3" fmla="*/ 95250 h 238125"/>
              <a:gd name="connsiteX4" fmla="*/ 6600825 w 6619875"/>
              <a:gd name="connsiteY4" fmla="*/ 228600 h 238125"/>
              <a:gd name="connsiteX5" fmla="*/ 6619875 w 6619875"/>
              <a:gd name="connsiteY5" fmla="*/ 238125 h 238125"/>
              <a:gd name="connsiteX0" fmla="*/ 0 w 6619875"/>
              <a:gd name="connsiteY0" fmla="*/ 0 h 238125"/>
              <a:gd name="connsiteX1" fmla="*/ 1524000 w 6619875"/>
              <a:gd name="connsiteY1" fmla="*/ 114300 h 238125"/>
              <a:gd name="connsiteX2" fmla="*/ 4333875 w 6619875"/>
              <a:gd name="connsiteY2" fmla="*/ 57150 h 238125"/>
              <a:gd name="connsiteX3" fmla="*/ 5819775 w 6619875"/>
              <a:gd name="connsiteY3" fmla="*/ 95250 h 238125"/>
              <a:gd name="connsiteX4" fmla="*/ 6600825 w 6619875"/>
              <a:gd name="connsiteY4" fmla="*/ 228600 h 238125"/>
              <a:gd name="connsiteX5" fmla="*/ 6619875 w 6619875"/>
              <a:gd name="connsiteY5" fmla="*/ 238125 h 238125"/>
              <a:gd name="connsiteX0" fmla="*/ 0 w 6619875"/>
              <a:gd name="connsiteY0" fmla="*/ 0 h 238125"/>
              <a:gd name="connsiteX1" fmla="*/ 1553840 w 6619875"/>
              <a:gd name="connsiteY1" fmla="*/ 85378 h 238125"/>
              <a:gd name="connsiteX2" fmla="*/ 4333875 w 6619875"/>
              <a:gd name="connsiteY2" fmla="*/ 57150 h 238125"/>
              <a:gd name="connsiteX3" fmla="*/ 5819775 w 6619875"/>
              <a:gd name="connsiteY3" fmla="*/ 95250 h 238125"/>
              <a:gd name="connsiteX4" fmla="*/ 6600825 w 6619875"/>
              <a:gd name="connsiteY4" fmla="*/ 228600 h 238125"/>
              <a:gd name="connsiteX5" fmla="*/ 6619875 w 6619875"/>
              <a:gd name="connsiteY5" fmla="*/ 238125 h 238125"/>
              <a:gd name="connsiteX0" fmla="*/ 0 w 6634708"/>
              <a:gd name="connsiteY0" fmla="*/ 0 h 248444"/>
              <a:gd name="connsiteX1" fmla="*/ 1568673 w 6634708"/>
              <a:gd name="connsiteY1" fmla="*/ 95697 h 248444"/>
              <a:gd name="connsiteX2" fmla="*/ 4348708 w 6634708"/>
              <a:gd name="connsiteY2" fmla="*/ 67469 h 248444"/>
              <a:gd name="connsiteX3" fmla="*/ 5834608 w 6634708"/>
              <a:gd name="connsiteY3" fmla="*/ 105569 h 248444"/>
              <a:gd name="connsiteX4" fmla="*/ 6615658 w 6634708"/>
              <a:gd name="connsiteY4" fmla="*/ 238919 h 248444"/>
              <a:gd name="connsiteX5" fmla="*/ 6634708 w 6634708"/>
              <a:gd name="connsiteY5"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48708 w 6634708"/>
              <a:gd name="connsiteY3" fmla="*/ 67469 h 248444"/>
              <a:gd name="connsiteX4" fmla="*/ 5834608 w 6634708"/>
              <a:gd name="connsiteY4" fmla="*/ 105569 h 248444"/>
              <a:gd name="connsiteX5" fmla="*/ 6615658 w 6634708"/>
              <a:gd name="connsiteY5" fmla="*/ 238919 h 248444"/>
              <a:gd name="connsiteX6" fmla="*/ 6634708 w 6634708"/>
              <a:gd name="connsiteY6"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70586 w 6634708"/>
              <a:gd name="connsiteY3" fmla="*/ 43880 h 248444"/>
              <a:gd name="connsiteX4" fmla="*/ 5834608 w 6634708"/>
              <a:gd name="connsiteY4" fmla="*/ 105569 h 248444"/>
              <a:gd name="connsiteX5" fmla="*/ 6615658 w 6634708"/>
              <a:gd name="connsiteY5" fmla="*/ 238919 h 248444"/>
              <a:gd name="connsiteX6" fmla="*/ 6634708 w 6634708"/>
              <a:gd name="connsiteY6"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70586 w 6634708"/>
              <a:gd name="connsiteY3" fmla="*/ 43880 h 248444"/>
              <a:gd name="connsiteX4" fmla="*/ 5472608 w 6634708"/>
              <a:gd name="connsiteY4" fmla="*/ 72008 h 248444"/>
              <a:gd name="connsiteX5" fmla="*/ 6615658 w 6634708"/>
              <a:gd name="connsiteY5" fmla="*/ 238919 h 248444"/>
              <a:gd name="connsiteX6" fmla="*/ 6634708 w 6634708"/>
              <a:gd name="connsiteY6" fmla="*/ 248444 h 248444"/>
              <a:gd name="connsiteX0" fmla="*/ 0 w 6634708"/>
              <a:gd name="connsiteY0" fmla="*/ 0 h 248444"/>
              <a:gd name="connsiteX1" fmla="*/ 1568673 w 6634708"/>
              <a:gd name="connsiteY1" fmla="*/ 95697 h 248444"/>
              <a:gd name="connsiteX2" fmla="*/ 3020938 w 6634708"/>
              <a:gd name="connsiteY2" fmla="*/ 43880 h 248444"/>
              <a:gd name="connsiteX3" fmla="*/ 4370586 w 6634708"/>
              <a:gd name="connsiteY3" fmla="*/ 43880 h 248444"/>
              <a:gd name="connsiteX4" fmla="*/ 5472608 w 6634708"/>
              <a:gd name="connsiteY4" fmla="*/ 72008 h 248444"/>
              <a:gd name="connsiteX5" fmla="*/ 6615658 w 6634708"/>
              <a:gd name="connsiteY5" fmla="*/ 238919 h 248444"/>
              <a:gd name="connsiteX6" fmla="*/ 6634708 w 6634708"/>
              <a:gd name="connsiteY6" fmla="*/ 248444 h 248444"/>
              <a:gd name="connsiteX0" fmla="*/ 0 w 6418684"/>
              <a:gd name="connsiteY0" fmla="*/ 0 h 248444"/>
              <a:gd name="connsiteX1" fmla="*/ 1352649 w 6418684"/>
              <a:gd name="connsiteY1" fmla="*/ 95697 h 248444"/>
              <a:gd name="connsiteX2" fmla="*/ 2804914 w 6418684"/>
              <a:gd name="connsiteY2" fmla="*/ 43880 h 248444"/>
              <a:gd name="connsiteX3" fmla="*/ 4154562 w 6418684"/>
              <a:gd name="connsiteY3" fmla="*/ 43880 h 248444"/>
              <a:gd name="connsiteX4" fmla="*/ 5256584 w 6418684"/>
              <a:gd name="connsiteY4" fmla="*/ 72008 h 248444"/>
              <a:gd name="connsiteX5" fmla="*/ 6399634 w 6418684"/>
              <a:gd name="connsiteY5" fmla="*/ 238919 h 248444"/>
              <a:gd name="connsiteX6" fmla="*/ 6418684 w 6418684"/>
              <a:gd name="connsiteY6" fmla="*/ 248444 h 248444"/>
              <a:gd name="connsiteX0" fmla="*/ 0 w 5598308"/>
              <a:gd name="connsiteY0" fmla="*/ 23097 h 204564"/>
              <a:gd name="connsiteX1" fmla="*/ 532273 w 5598308"/>
              <a:gd name="connsiteY1" fmla="*/ 51817 h 204564"/>
              <a:gd name="connsiteX2" fmla="*/ 1984538 w 5598308"/>
              <a:gd name="connsiteY2" fmla="*/ 0 h 204564"/>
              <a:gd name="connsiteX3" fmla="*/ 3334186 w 5598308"/>
              <a:gd name="connsiteY3" fmla="*/ 0 h 204564"/>
              <a:gd name="connsiteX4" fmla="*/ 4436208 w 5598308"/>
              <a:gd name="connsiteY4" fmla="*/ 28128 h 204564"/>
              <a:gd name="connsiteX5" fmla="*/ 5579258 w 5598308"/>
              <a:gd name="connsiteY5" fmla="*/ 195039 h 204564"/>
              <a:gd name="connsiteX6" fmla="*/ 5598308 w 5598308"/>
              <a:gd name="connsiteY6" fmla="*/ 204564 h 204564"/>
              <a:gd name="connsiteX0" fmla="*/ 0 w 5579259"/>
              <a:gd name="connsiteY0" fmla="*/ 23097 h 195039"/>
              <a:gd name="connsiteX1" fmla="*/ 532273 w 5579259"/>
              <a:gd name="connsiteY1" fmla="*/ 51817 h 195039"/>
              <a:gd name="connsiteX2" fmla="*/ 1984538 w 5579259"/>
              <a:gd name="connsiteY2" fmla="*/ 0 h 195039"/>
              <a:gd name="connsiteX3" fmla="*/ 3334186 w 5579259"/>
              <a:gd name="connsiteY3" fmla="*/ 0 h 195039"/>
              <a:gd name="connsiteX4" fmla="*/ 4436208 w 5579259"/>
              <a:gd name="connsiteY4" fmla="*/ 28128 h 195039"/>
              <a:gd name="connsiteX5" fmla="*/ 5579258 w 5579259"/>
              <a:gd name="connsiteY5" fmla="*/ 195039 h 195039"/>
              <a:gd name="connsiteX0" fmla="*/ 0 w 5194164"/>
              <a:gd name="connsiteY0" fmla="*/ 23097 h 134992"/>
              <a:gd name="connsiteX1" fmla="*/ 532273 w 5194164"/>
              <a:gd name="connsiteY1" fmla="*/ 51817 h 134992"/>
              <a:gd name="connsiteX2" fmla="*/ 1984538 w 5194164"/>
              <a:gd name="connsiteY2" fmla="*/ 0 h 134992"/>
              <a:gd name="connsiteX3" fmla="*/ 3334186 w 5194164"/>
              <a:gd name="connsiteY3" fmla="*/ 0 h 134992"/>
              <a:gd name="connsiteX4" fmla="*/ 4436208 w 5194164"/>
              <a:gd name="connsiteY4" fmla="*/ 28128 h 134992"/>
              <a:gd name="connsiteX5" fmla="*/ 5194164 w 5194164"/>
              <a:gd name="connsiteY5" fmla="*/ 134992 h 134992"/>
              <a:gd name="connsiteX0" fmla="*/ 0 w 5052804"/>
              <a:gd name="connsiteY0" fmla="*/ 23097 h 85616"/>
              <a:gd name="connsiteX1" fmla="*/ 532273 w 5052804"/>
              <a:gd name="connsiteY1" fmla="*/ 51817 h 85616"/>
              <a:gd name="connsiteX2" fmla="*/ 1984538 w 5052804"/>
              <a:gd name="connsiteY2" fmla="*/ 0 h 85616"/>
              <a:gd name="connsiteX3" fmla="*/ 3334186 w 5052804"/>
              <a:gd name="connsiteY3" fmla="*/ 0 h 85616"/>
              <a:gd name="connsiteX4" fmla="*/ 4436208 w 5052804"/>
              <a:gd name="connsiteY4" fmla="*/ 28128 h 85616"/>
              <a:gd name="connsiteX5" fmla="*/ 5052804 w 5052804"/>
              <a:gd name="connsiteY5" fmla="*/ 85616 h 85616"/>
              <a:gd name="connsiteX0" fmla="*/ 0 w 4915677"/>
              <a:gd name="connsiteY0" fmla="*/ 44091 h 85616"/>
              <a:gd name="connsiteX1" fmla="*/ 395146 w 4915677"/>
              <a:gd name="connsiteY1" fmla="*/ 51817 h 85616"/>
              <a:gd name="connsiteX2" fmla="*/ 1847411 w 4915677"/>
              <a:gd name="connsiteY2" fmla="*/ 0 h 85616"/>
              <a:gd name="connsiteX3" fmla="*/ 3197059 w 4915677"/>
              <a:gd name="connsiteY3" fmla="*/ 0 h 85616"/>
              <a:gd name="connsiteX4" fmla="*/ 4299081 w 4915677"/>
              <a:gd name="connsiteY4" fmla="*/ 28128 h 85616"/>
              <a:gd name="connsiteX5" fmla="*/ 4915677 w 4915677"/>
              <a:gd name="connsiteY5" fmla="*/ 85616 h 856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4915677" h="85616">
                <a:moveTo>
                  <a:pt x="0" y="44091"/>
                </a:moveTo>
                <a:lnTo>
                  <a:pt x="395146" y="51817"/>
                </a:lnTo>
                <a:lnTo>
                  <a:pt x="1847411" y="0"/>
                </a:lnTo>
                <a:lnTo>
                  <a:pt x="3197059" y="0"/>
                </a:lnTo>
                <a:lnTo>
                  <a:pt x="4299081" y="28128"/>
                </a:lnTo>
                <a:cubicBezTo>
                  <a:pt x="4751908" y="32618"/>
                  <a:pt x="4534660" y="29979"/>
                  <a:pt x="4915677" y="85616"/>
                </a:cubicBezTo>
              </a:path>
            </a:pathLst>
          </a:custGeom>
          <a:ln w="38100">
            <a:solidFill>
              <a:schemeClr val="accent3">
                <a:lumMod val="75000"/>
              </a:schemeClr>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7" name="フリーフォーム 16"/>
          <p:cNvSpPr/>
          <p:nvPr/>
        </p:nvSpPr>
        <p:spPr>
          <a:xfrm>
            <a:off x="4969843" y="895935"/>
            <a:ext cx="2972731" cy="1032075"/>
          </a:xfrm>
          <a:custGeom>
            <a:avLst/>
            <a:gdLst>
              <a:gd name="connsiteX0" fmla="*/ 0 w 2600325"/>
              <a:gd name="connsiteY0" fmla="*/ 19050 h 885825"/>
              <a:gd name="connsiteX1" fmla="*/ 885825 w 2600325"/>
              <a:gd name="connsiteY1" fmla="*/ 114300 h 885825"/>
              <a:gd name="connsiteX2" fmla="*/ 1181100 w 2600325"/>
              <a:gd name="connsiteY2" fmla="*/ 0 h 885825"/>
              <a:gd name="connsiteX3" fmla="*/ 1419225 w 2600325"/>
              <a:gd name="connsiteY3" fmla="*/ 57150 h 885825"/>
              <a:gd name="connsiteX4" fmla="*/ 2324100 w 2600325"/>
              <a:gd name="connsiteY4" fmla="*/ 800100 h 885825"/>
              <a:gd name="connsiteX5" fmla="*/ 2600325 w 2600325"/>
              <a:gd name="connsiteY5" fmla="*/ 885825 h 885825"/>
              <a:gd name="connsiteX0" fmla="*/ 0 w 2947020"/>
              <a:gd name="connsiteY0" fmla="*/ 19050 h 2110358"/>
              <a:gd name="connsiteX1" fmla="*/ 885825 w 2947020"/>
              <a:gd name="connsiteY1" fmla="*/ 114300 h 2110358"/>
              <a:gd name="connsiteX2" fmla="*/ 1181100 w 2947020"/>
              <a:gd name="connsiteY2" fmla="*/ 0 h 2110358"/>
              <a:gd name="connsiteX3" fmla="*/ 1419225 w 2947020"/>
              <a:gd name="connsiteY3" fmla="*/ 57150 h 2110358"/>
              <a:gd name="connsiteX4" fmla="*/ 2324100 w 2947020"/>
              <a:gd name="connsiteY4" fmla="*/ 800100 h 2110358"/>
              <a:gd name="connsiteX5" fmla="*/ 2947020 w 2947020"/>
              <a:gd name="connsiteY5" fmla="*/ 2110358 h 2110358"/>
              <a:gd name="connsiteX0" fmla="*/ 0 w 2875011"/>
              <a:gd name="connsiteY0" fmla="*/ 19050 h 1030237"/>
              <a:gd name="connsiteX1" fmla="*/ 885825 w 2875011"/>
              <a:gd name="connsiteY1" fmla="*/ 114300 h 1030237"/>
              <a:gd name="connsiteX2" fmla="*/ 1181100 w 2875011"/>
              <a:gd name="connsiteY2" fmla="*/ 0 h 1030237"/>
              <a:gd name="connsiteX3" fmla="*/ 1419225 w 2875011"/>
              <a:gd name="connsiteY3" fmla="*/ 57150 h 1030237"/>
              <a:gd name="connsiteX4" fmla="*/ 2324100 w 2875011"/>
              <a:gd name="connsiteY4" fmla="*/ 800100 h 1030237"/>
              <a:gd name="connsiteX5" fmla="*/ 2875011 w 2875011"/>
              <a:gd name="connsiteY5" fmla="*/ 1030237 h 1030237"/>
              <a:gd name="connsiteX0" fmla="*/ 0 w 4531196"/>
              <a:gd name="connsiteY0" fmla="*/ 19050 h 800100"/>
              <a:gd name="connsiteX1" fmla="*/ 885825 w 4531196"/>
              <a:gd name="connsiteY1" fmla="*/ 114300 h 800100"/>
              <a:gd name="connsiteX2" fmla="*/ 1181100 w 4531196"/>
              <a:gd name="connsiteY2" fmla="*/ 0 h 800100"/>
              <a:gd name="connsiteX3" fmla="*/ 1419225 w 4531196"/>
              <a:gd name="connsiteY3" fmla="*/ 57150 h 800100"/>
              <a:gd name="connsiteX4" fmla="*/ 2324100 w 4531196"/>
              <a:gd name="connsiteY4" fmla="*/ 800100 h 800100"/>
              <a:gd name="connsiteX5" fmla="*/ 4531196 w 4531196"/>
              <a:gd name="connsiteY5" fmla="*/ 526182 h 800100"/>
              <a:gd name="connsiteX0" fmla="*/ 0 w 4531196"/>
              <a:gd name="connsiteY0" fmla="*/ 19050 h 886222"/>
              <a:gd name="connsiteX1" fmla="*/ 885825 w 4531196"/>
              <a:gd name="connsiteY1" fmla="*/ 114300 h 886222"/>
              <a:gd name="connsiteX2" fmla="*/ 1181100 w 4531196"/>
              <a:gd name="connsiteY2" fmla="*/ 0 h 886222"/>
              <a:gd name="connsiteX3" fmla="*/ 1419225 w 4531196"/>
              <a:gd name="connsiteY3" fmla="*/ 57150 h 886222"/>
              <a:gd name="connsiteX4" fmla="*/ 2298947 w 4531196"/>
              <a:gd name="connsiteY4" fmla="*/ 886222 h 886222"/>
              <a:gd name="connsiteX5" fmla="*/ 4531196 w 4531196"/>
              <a:gd name="connsiteY5" fmla="*/ 526182 h 886222"/>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4531196 w 4531196"/>
              <a:gd name="connsiteY6" fmla="*/ 526182 h 958230"/>
              <a:gd name="connsiteX0" fmla="*/ 0 w 4531196"/>
              <a:gd name="connsiteY0" fmla="*/ 19050 h 958230"/>
              <a:gd name="connsiteX1" fmla="*/ 885825 w 4531196"/>
              <a:gd name="connsiteY1" fmla="*/ 114300 h 958230"/>
              <a:gd name="connsiteX2" fmla="*/ 1181100 w 4531196"/>
              <a:gd name="connsiteY2" fmla="*/ 0 h 958230"/>
              <a:gd name="connsiteX3" fmla="*/ 1419225 w 4531196"/>
              <a:gd name="connsiteY3" fmla="*/ 57150 h 958230"/>
              <a:gd name="connsiteX4" fmla="*/ 2298947 w 4531196"/>
              <a:gd name="connsiteY4" fmla="*/ 886222 h 958230"/>
              <a:gd name="connsiteX5" fmla="*/ 2803003 w 4531196"/>
              <a:gd name="connsiteY5" fmla="*/ 958230 h 958230"/>
              <a:gd name="connsiteX6" fmla="*/ 3091035 w 4531196"/>
              <a:gd name="connsiteY6" fmla="*/ 958230 h 958230"/>
              <a:gd name="connsiteX7" fmla="*/ 4531196 w 4531196"/>
              <a:gd name="connsiteY7" fmla="*/ 526182 h 958230"/>
              <a:gd name="connsiteX0" fmla="*/ 0 w 3595091"/>
              <a:gd name="connsiteY0" fmla="*/ 19050 h 958230"/>
              <a:gd name="connsiteX1" fmla="*/ 885825 w 3595091"/>
              <a:gd name="connsiteY1" fmla="*/ 114300 h 958230"/>
              <a:gd name="connsiteX2" fmla="*/ 1181100 w 3595091"/>
              <a:gd name="connsiteY2" fmla="*/ 0 h 958230"/>
              <a:gd name="connsiteX3" fmla="*/ 1419225 w 3595091"/>
              <a:gd name="connsiteY3" fmla="*/ 57150 h 958230"/>
              <a:gd name="connsiteX4" fmla="*/ 2298947 w 3595091"/>
              <a:gd name="connsiteY4" fmla="*/ 886222 h 958230"/>
              <a:gd name="connsiteX5" fmla="*/ 2803003 w 3595091"/>
              <a:gd name="connsiteY5" fmla="*/ 958230 h 958230"/>
              <a:gd name="connsiteX6" fmla="*/ 3091035 w 3595091"/>
              <a:gd name="connsiteY6" fmla="*/ 958230 h 958230"/>
              <a:gd name="connsiteX7" fmla="*/ 3595091 w 3595091"/>
              <a:gd name="connsiteY7" fmla="*/ 814214 h 958230"/>
              <a:gd name="connsiteX0" fmla="*/ 0 w 3595092"/>
              <a:gd name="connsiteY0" fmla="*/ 19050 h 958230"/>
              <a:gd name="connsiteX1" fmla="*/ 885825 w 3595092"/>
              <a:gd name="connsiteY1" fmla="*/ 114300 h 958230"/>
              <a:gd name="connsiteX2" fmla="*/ 1181100 w 3595092"/>
              <a:gd name="connsiteY2" fmla="*/ 0 h 958230"/>
              <a:gd name="connsiteX3" fmla="*/ 1419225 w 3595092"/>
              <a:gd name="connsiteY3" fmla="*/ 57150 h 958230"/>
              <a:gd name="connsiteX4" fmla="*/ 2298947 w 3595092"/>
              <a:gd name="connsiteY4" fmla="*/ 886222 h 958230"/>
              <a:gd name="connsiteX5" fmla="*/ 2803003 w 3595092"/>
              <a:gd name="connsiteY5" fmla="*/ 958230 h 958230"/>
              <a:gd name="connsiteX6" fmla="*/ 3091035 w 3595092"/>
              <a:gd name="connsiteY6" fmla="*/ 958230 h 958230"/>
              <a:gd name="connsiteX7" fmla="*/ 3595092 w 3595092"/>
              <a:gd name="connsiteY7" fmla="*/ 742206 h 958230"/>
              <a:gd name="connsiteX0" fmla="*/ 0 w 3667099"/>
              <a:gd name="connsiteY0" fmla="*/ 19050 h 958230"/>
              <a:gd name="connsiteX1" fmla="*/ 885825 w 3667099"/>
              <a:gd name="connsiteY1" fmla="*/ 114300 h 958230"/>
              <a:gd name="connsiteX2" fmla="*/ 1181100 w 3667099"/>
              <a:gd name="connsiteY2" fmla="*/ 0 h 958230"/>
              <a:gd name="connsiteX3" fmla="*/ 1419225 w 3667099"/>
              <a:gd name="connsiteY3" fmla="*/ 57150 h 958230"/>
              <a:gd name="connsiteX4" fmla="*/ 2298947 w 3667099"/>
              <a:gd name="connsiteY4" fmla="*/ 886222 h 958230"/>
              <a:gd name="connsiteX5" fmla="*/ 2803003 w 3667099"/>
              <a:gd name="connsiteY5" fmla="*/ 958230 h 958230"/>
              <a:gd name="connsiteX6" fmla="*/ 3091035 w 3667099"/>
              <a:gd name="connsiteY6" fmla="*/ 958230 h 958230"/>
              <a:gd name="connsiteX7" fmla="*/ 3667099 w 3667099"/>
              <a:gd name="connsiteY7" fmla="*/ 742206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9050 h 958230"/>
              <a:gd name="connsiteX1" fmla="*/ 885825 w 3669505"/>
              <a:gd name="connsiteY1" fmla="*/ 114300 h 958230"/>
              <a:gd name="connsiteX2" fmla="*/ 1181100 w 3669505"/>
              <a:gd name="connsiteY2" fmla="*/ 0 h 958230"/>
              <a:gd name="connsiteX3" fmla="*/ 1419225 w 3669505"/>
              <a:gd name="connsiteY3" fmla="*/ 57150 h 958230"/>
              <a:gd name="connsiteX4" fmla="*/ 2298947 w 3669505"/>
              <a:gd name="connsiteY4" fmla="*/ 886222 h 958230"/>
              <a:gd name="connsiteX5" fmla="*/ 2803003 w 3669505"/>
              <a:gd name="connsiteY5" fmla="*/ 958230 h 958230"/>
              <a:gd name="connsiteX6" fmla="*/ 3091035 w 3669505"/>
              <a:gd name="connsiteY6" fmla="*/ 958230 h 958230"/>
              <a:gd name="connsiteX7" fmla="*/ 3669505 w 3669505"/>
              <a:gd name="connsiteY7" fmla="*/ 721519 h 958230"/>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048784"/>
              <a:gd name="connsiteX1" fmla="*/ 885825 w 3669505"/>
              <a:gd name="connsiteY1" fmla="*/ 204854 h 1048784"/>
              <a:gd name="connsiteX2" fmla="*/ 1181100 w 3669505"/>
              <a:gd name="connsiteY2" fmla="*/ 90554 h 1048784"/>
              <a:gd name="connsiteX3" fmla="*/ 1419225 w 3669505"/>
              <a:gd name="connsiteY3" fmla="*/ 147704 h 1048784"/>
              <a:gd name="connsiteX4" fmla="*/ 2298947 w 3669505"/>
              <a:gd name="connsiteY4" fmla="*/ 976776 h 1048784"/>
              <a:gd name="connsiteX5" fmla="*/ 2803003 w 3669505"/>
              <a:gd name="connsiteY5" fmla="*/ 1048784 h 1048784"/>
              <a:gd name="connsiteX6" fmla="*/ 3091035 w 3669505"/>
              <a:gd name="connsiteY6" fmla="*/ 1048784 h 1048784"/>
              <a:gd name="connsiteX7" fmla="*/ 3669505 w 3669505"/>
              <a:gd name="connsiteY7" fmla="*/ 812073 h 1048784"/>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2803003 w 3669505"/>
              <a:gd name="connsiteY5" fmla="*/ 1048784 h 1126956"/>
              <a:gd name="connsiteX6" fmla="*/ 3091035 w 3669505"/>
              <a:gd name="connsiteY6" fmla="*/ 1048784 h 1126956"/>
              <a:gd name="connsiteX7" fmla="*/ 3669505 w 3669505"/>
              <a:gd name="connsiteY7" fmla="*/ 812073 h 1126956"/>
              <a:gd name="connsiteX0" fmla="*/ 0 w 3669505"/>
              <a:gd name="connsiteY0" fmla="*/ 109604 h 1126956"/>
              <a:gd name="connsiteX1" fmla="*/ 885825 w 3669505"/>
              <a:gd name="connsiteY1" fmla="*/ 204854 h 1126956"/>
              <a:gd name="connsiteX2" fmla="*/ 1181100 w 3669505"/>
              <a:gd name="connsiteY2" fmla="*/ 90554 h 1126956"/>
              <a:gd name="connsiteX3" fmla="*/ 1419225 w 3669505"/>
              <a:gd name="connsiteY3" fmla="*/ 147704 h 1126956"/>
              <a:gd name="connsiteX4" fmla="*/ 2298947 w 3669505"/>
              <a:gd name="connsiteY4" fmla="*/ 976776 h 1126956"/>
              <a:gd name="connsiteX5" fmla="*/ 3091035 w 3669505"/>
              <a:gd name="connsiteY5" fmla="*/ 1048784 h 1126956"/>
              <a:gd name="connsiteX6" fmla="*/ 3669505 w 3669505"/>
              <a:gd name="connsiteY6" fmla="*/ 812073 h 1126956"/>
              <a:gd name="connsiteX0" fmla="*/ 0 w 3669505"/>
              <a:gd name="connsiteY0" fmla="*/ 90554 h 1107906"/>
              <a:gd name="connsiteX1" fmla="*/ 885825 w 3669505"/>
              <a:gd name="connsiteY1" fmla="*/ 185804 h 1107906"/>
              <a:gd name="connsiteX2" fmla="*/ 1419225 w 3669505"/>
              <a:gd name="connsiteY2" fmla="*/ 128654 h 1107906"/>
              <a:gd name="connsiteX3" fmla="*/ 2298947 w 3669505"/>
              <a:gd name="connsiteY3" fmla="*/ 957726 h 1107906"/>
              <a:gd name="connsiteX4" fmla="*/ 3091035 w 3669505"/>
              <a:gd name="connsiteY4" fmla="*/ 1029734 h 1107906"/>
              <a:gd name="connsiteX5" fmla="*/ 3669505 w 3669505"/>
              <a:gd name="connsiteY5" fmla="*/ 793023 h 1107906"/>
              <a:gd name="connsiteX0" fmla="*/ 0 w 3669505"/>
              <a:gd name="connsiteY0" fmla="*/ 93915 h 1111267"/>
              <a:gd name="connsiteX1" fmla="*/ 786779 w 3669505"/>
              <a:gd name="connsiteY1" fmla="*/ 168999 h 1111267"/>
              <a:gd name="connsiteX2" fmla="*/ 1419225 w 3669505"/>
              <a:gd name="connsiteY2" fmla="*/ 132015 h 1111267"/>
              <a:gd name="connsiteX3" fmla="*/ 2298947 w 3669505"/>
              <a:gd name="connsiteY3" fmla="*/ 961087 h 1111267"/>
              <a:gd name="connsiteX4" fmla="*/ 3091035 w 3669505"/>
              <a:gd name="connsiteY4" fmla="*/ 1033095 h 1111267"/>
              <a:gd name="connsiteX5" fmla="*/ 3669505 w 3669505"/>
              <a:gd name="connsiteY5" fmla="*/ 796384 h 1111267"/>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091035 w 3669505"/>
              <a:gd name="connsiteY4" fmla="*/ 1033095 h 1111268"/>
              <a:gd name="connsiteX5" fmla="*/ 3669505 w 3669505"/>
              <a:gd name="connsiteY5" fmla="*/ 796384 h 1111268"/>
              <a:gd name="connsiteX0" fmla="*/ 0 w 3669505"/>
              <a:gd name="connsiteY0" fmla="*/ 93915 h 1111268"/>
              <a:gd name="connsiteX1" fmla="*/ 786779 w 3669505"/>
              <a:gd name="connsiteY1" fmla="*/ 168999 h 1111268"/>
              <a:gd name="connsiteX2" fmla="*/ 1419225 w 3669505"/>
              <a:gd name="connsiteY2" fmla="*/ 132015 h 1111268"/>
              <a:gd name="connsiteX3" fmla="*/ 2370955 w 3669505"/>
              <a:gd name="connsiteY3" fmla="*/ 961088 h 1111268"/>
              <a:gd name="connsiteX4" fmla="*/ 3163043 w 3669505"/>
              <a:gd name="connsiteY4" fmla="*/ 1033095 h 1111268"/>
              <a:gd name="connsiteX5" fmla="*/ 3669505 w 3669505"/>
              <a:gd name="connsiteY5" fmla="*/ 796384 h 1111268"/>
              <a:gd name="connsiteX0" fmla="*/ 0 w 3530798"/>
              <a:gd name="connsiteY0" fmla="*/ 96991 h 1111268"/>
              <a:gd name="connsiteX1" fmla="*/ 648072 w 3530798"/>
              <a:gd name="connsiteY1" fmla="*/ 168999 h 1111268"/>
              <a:gd name="connsiteX2" fmla="*/ 1280518 w 3530798"/>
              <a:gd name="connsiteY2" fmla="*/ 132015 h 1111268"/>
              <a:gd name="connsiteX3" fmla="*/ 2232248 w 3530798"/>
              <a:gd name="connsiteY3" fmla="*/ 961088 h 1111268"/>
              <a:gd name="connsiteX4" fmla="*/ 3024336 w 3530798"/>
              <a:gd name="connsiteY4" fmla="*/ 1033095 h 1111268"/>
              <a:gd name="connsiteX5" fmla="*/ 3530798 w 3530798"/>
              <a:gd name="connsiteY5" fmla="*/ 796384 h 1111268"/>
              <a:gd name="connsiteX0" fmla="*/ 0 w 3612429"/>
              <a:gd name="connsiteY0" fmla="*/ 96991 h 1111268"/>
              <a:gd name="connsiteX1" fmla="*/ 648072 w 3612429"/>
              <a:gd name="connsiteY1" fmla="*/ 168999 h 1111268"/>
              <a:gd name="connsiteX2" fmla="*/ 1280518 w 3612429"/>
              <a:gd name="connsiteY2" fmla="*/ 132015 h 1111268"/>
              <a:gd name="connsiteX3" fmla="*/ 2232248 w 3612429"/>
              <a:gd name="connsiteY3" fmla="*/ 961088 h 1111268"/>
              <a:gd name="connsiteX4" fmla="*/ 3024336 w 3612429"/>
              <a:gd name="connsiteY4" fmla="*/ 1033095 h 1111268"/>
              <a:gd name="connsiteX5" fmla="*/ 3530798 w 3612429"/>
              <a:gd name="connsiteY5" fmla="*/ 796384 h 1111268"/>
              <a:gd name="connsiteX6" fmla="*/ 3514125 w 3612429"/>
              <a:gd name="connsiteY6" fmla="*/ 803846 h 1111268"/>
              <a:gd name="connsiteX0" fmla="*/ 0 w 4146597"/>
              <a:gd name="connsiteY0" fmla="*/ 96991 h 1111268"/>
              <a:gd name="connsiteX1" fmla="*/ 648072 w 4146597"/>
              <a:gd name="connsiteY1" fmla="*/ 168999 h 1111268"/>
              <a:gd name="connsiteX2" fmla="*/ 1280518 w 4146597"/>
              <a:gd name="connsiteY2" fmla="*/ 132015 h 1111268"/>
              <a:gd name="connsiteX3" fmla="*/ 2232248 w 4146597"/>
              <a:gd name="connsiteY3" fmla="*/ 961088 h 1111268"/>
              <a:gd name="connsiteX4" fmla="*/ 3024336 w 4146597"/>
              <a:gd name="connsiteY4" fmla="*/ 1033095 h 1111268"/>
              <a:gd name="connsiteX5" fmla="*/ 3530798 w 4146597"/>
              <a:gd name="connsiteY5" fmla="*/ 796384 h 1111268"/>
              <a:gd name="connsiteX6" fmla="*/ 4143123 w 4146597"/>
              <a:gd name="connsiteY6" fmla="*/ 498190 h 1111268"/>
              <a:gd name="connsiteX0" fmla="*/ 1 w 3498526"/>
              <a:gd name="connsiteY0" fmla="*/ 168999 h 1111268"/>
              <a:gd name="connsiteX1" fmla="*/ 632447 w 3498526"/>
              <a:gd name="connsiteY1" fmla="*/ 132015 h 1111268"/>
              <a:gd name="connsiteX2" fmla="*/ 1584177 w 3498526"/>
              <a:gd name="connsiteY2" fmla="*/ 961088 h 1111268"/>
              <a:gd name="connsiteX3" fmla="*/ 2376265 w 3498526"/>
              <a:gd name="connsiteY3" fmla="*/ 1033095 h 1111268"/>
              <a:gd name="connsiteX4" fmla="*/ 2882727 w 3498526"/>
              <a:gd name="connsiteY4" fmla="*/ 796384 h 1111268"/>
              <a:gd name="connsiteX5" fmla="*/ 3495052 w 3498526"/>
              <a:gd name="connsiteY5" fmla="*/ 498190 h 1111268"/>
              <a:gd name="connsiteX0" fmla="*/ 0 w 2866079"/>
              <a:gd name="connsiteY0" fmla="*/ 0 h 979253"/>
              <a:gd name="connsiteX1" fmla="*/ 951730 w 2866079"/>
              <a:gd name="connsiteY1" fmla="*/ 829073 h 979253"/>
              <a:gd name="connsiteX2" fmla="*/ 1743818 w 2866079"/>
              <a:gd name="connsiteY2" fmla="*/ 901080 h 979253"/>
              <a:gd name="connsiteX3" fmla="*/ 2250280 w 2866079"/>
              <a:gd name="connsiteY3" fmla="*/ 664369 h 979253"/>
              <a:gd name="connsiteX4" fmla="*/ 2862605 w 2866079"/>
              <a:gd name="connsiteY4" fmla="*/ 366175 h 97925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866079" h="979253">
                <a:moveTo>
                  <a:pt x="0" y="0"/>
                </a:moveTo>
                <a:cubicBezTo>
                  <a:pt x="264029" y="132015"/>
                  <a:pt x="661094" y="678893"/>
                  <a:pt x="951730" y="829073"/>
                </a:cubicBezTo>
                <a:cubicBezTo>
                  <a:pt x="1242366" y="979253"/>
                  <a:pt x="1515392" y="928530"/>
                  <a:pt x="1743818" y="901080"/>
                </a:cubicBezTo>
                <a:lnTo>
                  <a:pt x="2250280" y="664369"/>
                </a:lnTo>
                <a:cubicBezTo>
                  <a:pt x="2331911" y="626161"/>
                  <a:pt x="2866079" y="364621"/>
                  <a:pt x="2862605" y="366175"/>
                </a:cubicBezTo>
              </a:path>
            </a:pathLst>
          </a:custGeom>
          <a:ln w="38100">
            <a:solidFill>
              <a:srgbClr val="FF00FF"/>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8" name="フリーフォーム 17"/>
          <p:cNvSpPr/>
          <p:nvPr/>
        </p:nvSpPr>
        <p:spPr>
          <a:xfrm>
            <a:off x="7889312" y="749224"/>
            <a:ext cx="1858495" cy="556453"/>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673894"/>
              <a:gd name="connsiteY0" fmla="*/ 219075 h 219075"/>
              <a:gd name="connsiteX1" fmla="*/ 466725 w 673894"/>
              <a:gd name="connsiteY1" fmla="*/ 73819 h 219075"/>
              <a:gd name="connsiteX2" fmla="*/ 673894 w 673894"/>
              <a:gd name="connsiteY2" fmla="*/ 0 h 219075"/>
              <a:gd name="connsiteX0" fmla="*/ 0 w 1320261"/>
              <a:gd name="connsiteY0" fmla="*/ 262102 h 262102"/>
              <a:gd name="connsiteX1" fmla="*/ 466725 w 1320261"/>
              <a:gd name="connsiteY1" fmla="*/ 116846 h 262102"/>
              <a:gd name="connsiteX2" fmla="*/ 1320261 w 1320261"/>
              <a:gd name="connsiteY2" fmla="*/ 0 h 262102"/>
              <a:gd name="connsiteX0" fmla="*/ 0 w 1320261"/>
              <a:gd name="connsiteY0" fmla="*/ 321784 h 321784"/>
              <a:gd name="connsiteX1" fmla="*/ 466725 w 1320261"/>
              <a:gd name="connsiteY1" fmla="*/ 176528 h 321784"/>
              <a:gd name="connsiteX2" fmla="*/ 995442 w 1320261"/>
              <a:gd name="connsiteY2" fmla="*/ 0 h 321784"/>
              <a:gd name="connsiteX3" fmla="*/ 1320261 w 1320261"/>
              <a:gd name="connsiteY3" fmla="*/ 59682 h 321784"/>
              <a:gd name="connsiteX0" fmla="*/ 0 w 1320261"/>
              <a:gd name="connsiteY0" fmla="*/ 321784 h 321784"/>
              <a:gd name="connsiteX1" fmla="*/ 466725 w 1320261"/>
              <a:gd name="connsiteY1" fmla="*/ 176528 h 321784"/>
              <a:gd name="connsiteX2" fmla="*/ 995442 w 1320261"/>
              <a:gd name="connsiteY2" fmla="*/ 0 h 321784"/>
              <a:gd name="connsiteX3" fmla="*/ 1185466 w 1320261"/>
              <a:gd name="connsiteY3" fmla="*/ 3552 h 321784"/>
              <a:gd name="connsiteX4" fmla="*/ 1320261 w 1320261"/>
              <a:gd name="connsiteY4" fmla="*/ 59682 h 321784"/>
              <a:gd name="connsiteX0" fmla="*/ 0 w 1320261"/>
              <a:gd name="connsiteY0" fmla="*/ 321784 h 321784"/>
              <a:gd name="connsiteX1" fmla="*/ 466725 w 1320261"/>
              <a:gd name="connsiteY1" fmla="*/ 176528 h 321784"/>
              <a:gd name="connsiteX2" fmla="*/ 995442 w 1320261"/>
              <a:gd name="connsiteY2" fmla="*/ 0 h 321784"/>
              <a:gd name="connsiteX3" fmla="*/ 1185466 w 1320261"/>
              <a:gd name="connsiteY3" fmla="*/ 3552 h 321784"/>
              <a:gd name="connsiteX4" fmla="*/ 1320261 w 1320261"/>
              <a:gd name="connsiteY4" fmla="*/ 59682 h 321784"/>
              <a:gd name="connsiteX0" fmla="*/ 0 w 1320261"/>
              <a:gd name="connsiteY0" fmla="*/ 350613 h 350613"/>
              <a:gd name="connsiteX1" fmla="*/ 466725 w 1320261"/>
              <a:gd name="connsiteY1" fmla="*/ 205357 h 350613"/>
              <a:gd name="connsiteX2" fmla="*/ 995442 w 1320261"/>
              <a:gd name="connsiteY2" fmla="*/ 28829 h 350613"/>
              <a:gd name="connsiteX3" fmla="*/ 1185466 w 1320261"/>
              <a:gd name="connsiteY3" fmla="*/ 32381 h 350613"/>
              <a:gd name="connsiteX4" fmla="*/ 1320261 w 1320261"/>
              <a:gd name="connsiteY4" fmla="*/ 88511 h 350613"/>
              <a:gd name="connsiteX0" fmla="*/ 0 w 1320261"/>
              <a:gd name="connsiteY0" fmla="*/ 350613 h 350613"/>
              <a:gd name="connsiteX1" fmla="*/ 466725 w 1320261"/>
              <a:gd name="connsiteY1" fmla="*/ 205357 h 350613"/>
              <a:gd name="connsiteX2" fmla="*/ 995442 w 1320261"/>
              <a:gd name="connsiteY2" fmla="*/ 28829 h 350613"/>
              <a:gd name="connsiteX3" fmla="*/ 1185466 w 1320261"/>
              <a:gd name="connsiteY3" fmla="*/ 32381 h 350613"/>
              <a:gd name="connsiteX4" fmla="*/ 1320261 w 1320261"/>
              <a:gd name="connsiteY4" fmla="*/ 88511 h 350613"/>
              <a:gd name="connsiteX0" fmla="*/ 0 w 1321782"/>
              <a:gd name="connsiteY0" fmla="*/ 350613 h 350613"/>
              <a:gd name="connsiteX1" fmla="*/ 466725 w 1321782"/>
              <a:gd name="connsiteY1" fmla="*/ 205357 h 350613"/>
              <a:gd name="connsiteX2" fmla="*/ 995442 w 1321782"/>
              <a:gd name="connsiteY2" fmla="*/ 28829 h 350613"/>
              <a:gd name="connsiteX3" fmla="*/ 1185466 w 1321782"/>
              <a:gd name="connsiteY3" fmla="*/ 32381 h 350613"/>
              <a:gd name="connsiteX4" fmla="*/ 1321782 w 1321782"/>
              <a:gd name="connsiteY4" fmla="*/ 77616 h 350613"/>
              <a:gd name="connsiteX0" fmla="*/ 0 w 1321782"/>
              <a:gd name="connsiteY0" fmla="*/ 351365 h 351365"/>
              <a:gd name="connsiteX1" fmla="*/ 466725 w 1321782"/>
              <a:gd name="connsiteY1" fmla="*/ 206109 h 351365"/>
              <a:gd name="connsiteX2" fmla="*/ 995442 w 1321782"/>
              <a:gd name="connsiteY2" fmla="*/ 29581 h 351365"/>
              <a:gd name="connsiteX3" fmla="*/ 1186987 w 1321782"/>
              <a:gd name="connsiteY3" fmla="*/ 28622 h 351365"/>
              <a:gd name="connsiteX4" fmla="*/ 1321782 w 1321782"/>
              <a:gd name="connsiteY4" fmla="*/ 78368 h 351365"/>
              <a:gd name="connsiteX0" fmla="*/ 0 w 1186987"/>
              <a:gd name="connsiteY0" fmla="*/ 351365 h 351365"/>
              <a:gd name="connsiteX1" fmla="*/ 466725 w 1186987"/>
              <a:gd name="connsiteY1" fmla="*/ 206109 h 351365"/>
              <a:gd name="connsiteX2" fmla="*/ 995442 w 1186987"/>
              <a:gd name="connsiteY2" fmla="*/ 29581 h 351365"/>
              <a:gd name="connsiteX3" fmla="*/ 1186987 w 1186987"/>
              <a:gd name="connsiteY3" fmla="*/ 28622 h 351365"/>
            </a:gdLst>
            <a:ahLst/>
            <a:cxnLst>
              <a:cxn ang="0">
                <a:pos x="connsiteX0" y="connsiteY0"/>
              </a:cxn>
              <a:cxn ang="0">
                <a:pos x="connsiteX1" y="connsiteY1"/>
              </a:cxn>
              <a:cxn ang="0">
                <a:pos x="connsiteX2" y="connsiteY2"/>
              </a:cxn>
              <a:cxn ang="0">
                <a:pos x="connsiteX3" y="connsiteY3"/>
              </a:cxn>
            </a:cxnLst>
            <a:rect l="l" t="t" r="r" b="b"/>
            <a:pathLst>
              <a:path w="1186987" h="351365">
                <a:moveTo>
                  <a:pt x="0" y="351365"/>
                </a:moveTo>
                <a:cubicBezTo>
                  <a:pt x="142478" y="293024"/>
                  <a:pt x="354409" y="242621"/>
                  <a:pt x="466725" y="206109"/>
                </a:cubicBezTo>
                <a:cubicBezTo>
                  <a:pt x="632632" y="152478"/>
                  <a:pt x="875398" y="59162"/>
                  <a:pt x="995442" y="29581"/>
                </a:cubicBezTo>
                <a:cubicBezTo>
                  <a:pt x="1115486" y="0"/>
                  <a:pt x="1132597" y="20491"/>
                  <a:pt x="1186987" y="28622"/>
                </a:cubicBezTo>
              </a:path>
            </a:pathLst>
          </a:custGeom>
          <a:ln w="38100">
            <a:solidFill>
              <a:srgbClr val="FF00FF"/>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9" name="正方形/長方形 18"/>
          <p:cNvSpPr/>
          <p:nvPr/>
        </p:nvSpPr>
        <p:spPr>
          <a:xfrm rot="20410299">
            <a:off x="7739557" y="1198391"/>
            <a:ext cx="560942" cy="146071"/>
          </a:xfrm>
          <a:prstGeom prst="rect">
            <a:avLst/>
          </a:prstGeom>
          <a:solidFill>
            <a:srgbClr val="FF00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フリーフォーム 19"/>
          <p:cNvSpPr/>
          <p:nvPr/>
        </p:nvSpPr>
        <p:spPr>
          <a:xfrm>
            <a:off x="5241032" y="623878"/>
            <a:ext cx="3287005" cy="1797010"/>
          </a:xfrm>
          <a:custGeom>
            <a:avLst/>
            <a:gdLst>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62038"/>
              <a:gd name="connsiteY0" fmla="*/ 423863 h 423863"/>
              <a:gd name="connsiteX1" fmla="*/ 388144 w 1062038"/>
              <a:gd name="connsiteY1" fmla="*/ 219075 h 423863"/>
              <a:gd name="connsiteX2" fmla="*/ 854869 w 1062038"/>
              <a:gd name="connsiteY2" fmla="*/ 73819 h 423863"/>
              <a:gd name="connsiteX3" fmla="*/ 1062038 w 1062038"/>
              <a:gd name="connsiteY3" fmla="*/ 0 h 423863"/>
              <a:gd name="connsiteX0" fmla="*/ 0 w 1001733"/>
              <a:gd name="connsiteY0" fmla="*/ 471784 h 471784"/>
              <a:gd name="connsiteX1" fmla="*/ 388144 w 1001733"/>
              <a:gd name="connsiteY1" fmla="*/ 266996 h 471784"/>
              <a:gd name="connsiteX2" fmla="*/ 854869 w 1001733"/>
              <a:gd name="connsiteY2" fmla="*/ 121740 h 471784"/>
              <a:gd name="connsiteX3" fmla="*/ 1001733 w 1001733"/>
              <a:gd name="connsiteY3" fmla="*/ 0 h 471784"/>
              <a:gd name="connsiteX0" fmla="*/ 1638843 w 2640576"/>
              <a:gd name="connsiteY0" fmla="*/ 471784 h 1519687"/>
              <a:gd name="connsiteX1" fmla="*/ 64691 w 2640576"/>
              <a:gd name="connsiteY1" fmla="*/ 1485556 h 1519687"/>
              <a:gd name="connsiteX2" fmla="*/ 2026987 w 2640576"/>
              <a:gd name="connsiteY2" fmla="*/ 266996 h 1519687"/>
              <a:gd name="connsiteX3" fmla="*/ 2493712 w 2640576"/>
              <a:gd name="connsiteY3" fmla="*/ 121740 h 1519687"/>
              <a:gd name="connsiteX4" fmla="*/ 2640576 w 2640576"/>
              <a:gd name="connsiteY4" fmla="*/ 0 h 1519687"/>
              <a:gd name="connsiteX0" fmla="*/ 1574152 w 2575885"/>
              <a:gd name="connsiteY0" fmla="*/ 471784 h 1485556"/>
              <a:gd name="connsiteX1" fmla="*/ 954032 w 2575885"/>
              <a:gd name="connsiteY1" fmla="*/ 910502 h 1485556"/>
              <a:gd name="connsiteX2" fmla="*/ 0 w 2575885"/>
              <a:gd name="connsiteY2" fmla="*/ 1485556 h 1485556"/>
              <a:gd name="connsiteX3" fmla="*/ 1962296 w 2575885"/>
              <a:gd name="connsiteY3" fmla="*/ 266996 h 1485556"/>
              <a:gd name="connsiteX4" fmla="*/ 2429021 w 2575885"/>
              <a:gd name="connsiteY4" fmla="*/ 121740 h 1485556"/>
              <a:gd name="connsiteX5" fmla="*/ 2575885 w 2575885"/>
              <a:gd name="connsiteY5" fmla="*/ 0 h 1485556"/>
              <a:gd name="connsiteX0" fmla="*/ 1621852 w 2623585"/>
              <a:gd name="connsiteY0" fmla="*/ 471784 h 1485555"/>
              <a:gd name="connsiteX1" fmla="*/ 1001732 w 2623585"/>
              <a:gd name="connsiteY1" fmla="*/ 910502 h 1485555"/>
              <a:gd name="connsiteX2" fmla="*/ 0 w 2623585"/>
              <a:gd name="connsiteY2" fmla="*/ 1485555 h 1485555"/>
              <a:gd name="connsiteX3" fmla="*/ 2009996 w 2623585"/>
              <a:gd name="connsiteY3" fmla="*/ 266996 h 1485555"/>
              <a:gd name="connsiteX4" fmla="*/ 2476721 w 2623585"/>
              <a:gd name="connsiteY4" fmla="*/ 121740 h 1485555"/>
              <a:gd name="connsiteX5" fmla="*/ 2623585 w 2623585"/>
              <a:gd name="connsiteY5" fmla="*/ 0 h 1485555"/>
              <a:gd name="connsiteX0" fmla="*/ 1001732 w 2623585"/>
              <a:gd name="connsiteY0" fmla="*/ 910502 h 1485555"/>
              <a:gd name="connsiteX1" fmla="*/ 0 w 2623585"/>
              <a:gd name="connsiteY1" fmla="*/ 1485555 h 1485555"/>
              <a:gd name="connsiteX2" fmla="*/ 2009996 w 2623585"/>
              <a:gd name="connsiteY2" fmla="*/ 266996 h 1485555"/>
              <a:gd name="connsiteX3" fmla="*/ 2476721 w 2623585"/>
              <a:gd name="connsiteY3" fmla="*/ 121740 h 1485555"/>
              <a:gd name="connsiteX4" fmla="*/ 2623585 w 2623585"/>
              <a:gd name="connsiteY4" fmla="*/ 0 h 1485555"/>
              <a:gd name="connsiteX0" fmla="*/ 0 w 2671287"/>
              <a:gd name="connsiteY0" fmla="*/ 1485556 h 1485556"/>
              <a:gd name="connsiteX1" fmla="*/ 47702 w 2671287"/>
              <a:gd name="connsiteY1" fmla="*/ 1485555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671287"/>
              <a:gd name="connsiteY0" fmla="*/ 1485556 h 1485556"/>
              <a:gd name="connsiteX1" fmla="*/ 1049435 w 2671287"/>
              <a:gd name="connsiteY1" fmla="*/ 910501 h 1485556"/>
              <a:gd name="connsiteX2" fmla="*/ 2057698 w 2671287"/>
              <a:gd name="connsiteY2" fmla="*/ 266996 h 1485556"/>
              <a:gd name="connsiteX3" fmla="*/ 2524423 w 2671287"/>
              <a:gd name="connsiteY3" fmla="*/ 121740 h 1485556"/>
              <a:gd name="connsiteX4" fmla="*/ 2671287 w 2671287"/>
              <a:gd name="connsiteY4" fmla="*/ 0 h 1485556"/>
              <a:gd name="connsiteX0" fmla="*/ 0 w 2575883"/>
              <a:gd name="connsiteY0" fmla="*/ 1437634 h 1437634"/>
              <a:gd name="connsiteX1" fmla="*/ 954031 w 2575883"/>
              <a:gd name="connsiteY1" fmla="*/ 910501 h 1437634"/>
              <a:gd name="connsiteX2" fmla="*/ 1962294 w 2575883"/>
              <a:gd name="connsiteY2" fmla="*/ 266996 h 1437634"/>
              <a:gd name="connsiteX3" fmla="*/ 2429019 w 2575883"/>
              <a:gd name="connsiteY3" fmla="*/ 121740 h 1437634"/>
              <a:gd name="connsiteX4" fmla="*/ 2575883 w 2575883"/>
              <a:gd name="connsiteY4" fmla="*/ 0 h 1437634"/>
              <a:gd name="connsiteX0" fmla="*/ 0 w 2575883"/>
              <a:gd name="connsiteY0" fmla="*/ 1437634 h 1437634"/>
              <a:gd name="connsiteX1" fmla="*/ 434868 w 2575883"/>
              <a:gd name="connsiteY1" fmla="*/ 1185846 h 1437634"/>
              <a:gd name="connsiteX2" fmla="*/ 954031 w 2575883"/>
              <a:gd name="connsiteY2" fmla="*/ 910501 h 1437634"/>
              <a:gd name="connsiteX3" fmla="*/ 1962294 w 2575883"/>
              <a:gd name="connsiteY3" fmla="*/ 266996 h 1437634"/>
              <a:gd name="connsiteX4" fmla="*/ 2429019 w 2575883"/>
              <a:gd name="connsiteY4" fmla="*/ 121740 h 1437634"/>
              <a:gd name="connsiteX5" fmla="*/ 2575883 w 2575883"/>
              <a:gd name="connsiteY5" fmla="*/ 0 h 1437634"/>
              <a:gd name="connsiteX0" fmla="*/ 0 w 2575883"/>
              <a:gd name="connsiteY0" fmla="*/ 1485556 h 1485556"/>
              <a:gd name="connsiteX1" fmla="*/ 434868 w 2575883"/>
              <a:gd name="connsiteY1" fmla="*/ 1185846 h 1485556"/>
              <a:gd name="connsiteX2" fmla="*/ 954031 w 2575883"/>
              <a:gd name="connsiteY2" fmla="*/ 910501 h 1485556"/>
              <a:gd name="connsiteX3" fmla="*/ 1962294 w 2575883"/>
              <a:gd name="connsiteY3" fmla="*/ 266996 h 1485556"/>
              <a:gd name="connsiteX4" fmla="*/ 2429019 w 2575883"/>
              <a:gd name="connsiteY4" fmla="*/ 121740 h 1485556"/>
              <a:gd name="connsiteX5" fmla="*/ 2575883 w 2575883"/>
              <a:gd name="connsiteY5" fmla="*/ 0 h 1485556"/>
              <a:gd name="connsiteX0" fmla="*/ 0 w 2589686"/>
              <a:gd name="connsiteY0" fmla="*/ 1456057 h 1456057"/>
              <a:gd name="connsiteX1" fmla="*/ 448671 w 2589686"/>
              <a:gd name="connsiteY1" fmla="*/ 1185846 h 1456057"/>
              <a:gd name="connsiteX2" fmla="*/ 967834 w 2589686"/>
              <a:gd name="connsiteY2" fmla="*/ 910501 h 1456057"/>
              <a:gd name="connsiteX3" fmla="*/ 1976097 w 2589686"/>
              <a:gd name="connsiteY3" fmla="*/ 266996 h 1456057"/>
              <a:gd name="connsiteX4" fmla="*/ 2442822 w 2589686"/>
              <a:gd name="connsiteY4" fmla="*/ 121740 h 1456057"/>
              <a:gd name="connsiteX5" fmla="*/ 2589686 w 2589686"/>
              <a:gd name="connsiteY5" fmla="*/ 0 h 1456057"/>
              <a:gd name="connsiteX0" fmla="*/ 0 w 3434511"/>
              <a:gd name="connsiteY0" fmla="*/ 1581397 h 1581397"/>
              <a:gd name="connsiteX1" fmla="*/ 1293496 w 3434511"/>
              <a:gd name="connsiteY1" fmla="*/ 1185846 h 1581397"/>
              <a:gd name="connsiteX2" fmla="*/ 1812659 w 3434511"/>
              <a:gd name="connsiteY2" fmla="*/ 910501 h 1581397"/>
              <a:gd name="connsiteX3" fmla="*/ 2820922 w 3434511"/>
              <a:gd name="connsiteY3" fmla="*/ 266996 h 1581397"/>
              <a:gd name="connsiteX4" fmla="*/ 3287647 w 3434511"/>
              <a:gd name="connsiteY4" fmla="*/ 121740 h 1581397"/>
              <a:gd name="connsiteX5" fmla="*/ 3434511 w 3434511"/>
              <a:gd name="connsiteY5" fmla="*/ 0 h 1581397"/>
              <a:gd name="connsiteX0" fmla="*/ 0 w 3434511"/>
              <a:gd name="connsiteY0" fmla="*/ 1581397 h 1581398"/>
              <a:gd name="connsiteX1" fmla="*/ 620120 w 3434511"/>
              <a:gd name="connsiteY1" fmla="*/ 1581398 h 1581398"/>
              <a:gd name="connsiteX2" fmla="*/ 1293496 w 3434511"/>
              <a:gd name="connsiteY2" fmla="*/ 1185846 h 1581398"/>
              <a:gd name="connsiteX3" fmla="*/ 1812659 w 3434511"/>
              <a:gd name="connsiteY3" fmla="*/ 910501 h 1581398"/>
              <a:gd name="connsiteX4" fmla="*/ 2820922 w 3434511"/>
              <a:gd name="connsiteY4" fmla="*/ 266996 h 1581398"/>
              <a:gd name="connsiteX5" fmla="*/ 3287647 w 3434511"/>
              <a:gd name="connsiteY5" fmla="*/ 121740 h 1581398"/>
              <a:gd name="connsiteX6" fmla="*/ 3434511 w 3434511"/>
              <a:gd name="connsiteY6" fmla="*/ 0 h 1581398"/>
              <a:gd name="connsiteX0" fmla="*/ 0 w 3434511"/>
              <a:gd name="connsiteY0" fmla="*/ 1581397 h 1581398"/>
              <a:gd name="connsiteX1" fmla="*/ 620120 w 3434511"/>
              <a:gd name="connsiteY1" fmla="*/ 1581398 h 1581398"/>
              <a:gd name="connsiteX2" fmla="*/ 938963 w 3434511"/>
              <a:gd name="connsiteY2" fmla="*/ 1429430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8"/>
              <a:gd name="connsiteX1" fmla="*/ 620120 w 3434511"/>
              <a:gd name="connsiteY1" fmla="*/ 1581398 h 1581398"/>
              <a:gd name="connsiteX2" fmla="*/ 922301 w 3434511"/>
              <a:gd name="connsiteY2" fmla="*/ 1399255 h 1581398"/>
              <a:gd name="connsiteX3" fmla="*/ 1293496 w 3434511"/>
              <a:gd name="connsiteY3" fmla="*/ 1185846 h 1581398"/>
              <a:gd name="connsiteX4" fmla="*/ 1812659 w 3434511"/>
              <a:gd name="connsiteY4" fmla="*/ 910501 h 1581398"/>
              <a:gd name="connsiteX5" fmla="*/ 2820922 w 3434511"/>
              <a:gd name="connsiteY5" fmla="*/ 266996 h 1581398"/>
              <a:gd name="connsiteX6" fmla="*/ 3287647 w 3434511"/>
              <a:gd name="connsiteY6" fmla="*/ 121740 h 1581398"/>
              <a:gd name="connsiteX7" fmla="*/ 3434511 w 3434511"/>
              <a:gd name="connsiteY7" fmla="*/ 0 h 1581398"/>
              <a:gd name="connsiteX0" fmla="*/ 0 w 3434511"/>
              <a:gd name="connsiteY0" fmla="*/ 1581397 h 1581397"/>
              <a:gd name="connsiteX1" fmla="*/ 472546 w 3434511"/>
              <a:gd name="connsiteY1" fmla="*/ 1578608 h 1581397"/>
              <a:gd name="connsiteX2" fmla="*/ 922301 w 3434511"/>
              <a:gd name="connsiteY2" fmla="*/ 1399255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293496 w 3434511"/>
              <a:gd name="connsiteY3" fmla="*/ 1185846 h 1581397"/>
              <a:gd name="connsiteX4" fmla="*/ 1812659 w 3434511"/>
              <a:gd name="connsiteY4" fmla="*/ 910501 h 1581397"/>
              <a:gd name="connsiteX5" fmla="*/ 2820922 w 3434511"/>
              <a:gd name="connsiteY5" fmla="*/ 266996 h 1581397"/>
              <a:gd name="connsiteX6" fmla="*/ 3287647 w 3434511"/>
              <a:gd name="connsiteY6" fmla="*/ 121740 h 1581397"/>
              <a:gd name="connsiteX7" fmla="*/ 3434511 w 3434511"/>
              <a:gd name="connsiteY7" fmla="*/ 0 h 1581397"/>
              <a:gd name="connsiteX0" fmla="*/ 0 w 3434511"/>
              <a:gd name="connsiteY0" fmla="*/ 1581397 h 1581397"/>
              <a:gd name="connsiteX1" fmla="*/ 472546 w 3434511"/>
              <a:gd name="connsiteY1" fmla="*/ 1578608 h 1581397"/>
              <a:gd name="connsiteX2" fmla="*/ 938618 w 3434511"/>
              <a:gd name="connsiteY2" fmla="*/ 1421226 h 1581397"/>
              <a:gd name="connsiteX3" fmla="*/ 1114800 w 3434511"/>
              <a:gd name="connsiteY3" fmla="*/ 1280169 h 1581397"/>
              <a:gd name="connsiteX4" fmla="*/ 1293496 w 3434511"/>
              <a:gd name="connsiteY4" fmla="*/ 1185846 h 1581397"/>
              <a:gd name="connsiteX5" fmla="*/ 1812659 w 3434511"/>
              <a:gd name="connsiteY5" fmla="*/ 910501 h 1581397"/>
              <a:gd name="connsiteX6" fmla="*/ 2820922 w 3434511"/>
              <a:gd name="connsiteY6" fmla="*/ 266996 h 1581397"/>
              <a:gd name="connsiteX7" fmla="*/ 3287647 w 3434511"/>
              <a:gd name="connsiteY7" fmla="*/ 121740 h 1581397"/>
              <a:gd name="connsiteX8" fmla="*/ 3434511 w 3434511"/>
              <a:gd name="connsiteY8" fmla="*/ 0 h 1581397"/>
              <a:gd name="connsiteX0" fmla="*/ 0 w 3434511"/>
              <a:gd name="connsiteY0" fmla="*/ 1581397 h 1581397"/>
              <a:gd name="connsiteX1" fmla="*/ 472546 w 3434511"/>
              <a:gd name="connsiteY1" fmla="*/ 1578608 h 1581397"/>
              <a:gd name="connsiteX2" fmla="*/ 667822 w 3434511"/>
              <a:gd name="connsiteY2" fmla="*/ 1533477 h 1581397"/>
              <a:gd name="connsiteX3" fmla="*/ 938618 w 3434511"/>
              <a:gd name="connsiteY3" fmla="*/ 1421226 h 1581397"/>
              <a:gd name="connsiteX4" fmla="*/ 1114800 w 3434511"/>
              <a:gd name="connsiteY4" fmla="*/ 1280169 h 1581397"/>
              <a:gd name="connsiteX5" fmla="*/ 1293496 w 3434511"/>
              <a:gd name="connsiteY5" fmla="*/ 1185846 h 1581397"/>
              <a:gd name="connsiteX6" fmla="*/ 1812659 w 3434511"/>
              <a:gd name="connsiteY6" fmla="*/ 910501 h 1581397"/>
              <a:gd name="connsiteX7" fmla="*/ 2820922 w 3434511"/>
              <a:gd name="connsiteY7" fmla="*/ 266996 h 1581397"/>
              <a:gd name="connsiteX8" fmla="*/ 3287647 w 3434511"/>
              <a:gd name="connsiteY8" fmla="*/ 121740 h 1581397"/>
              <a:gd name="connsiteX9" fmla="*/ 3434511 w 3434511"/>
              <a:gd name="connsiteY9" fmla="*/ 0 h 1581397"/>
              <a:gd name="connsiteX0" fmla="*/ 0 w 3434511"/>
              <a:gd name="connsiteY0" fmla="*/ 1581397 h 1588496"/>
              <a:gd name="connsiteX1" fmla="*/ 227712 w 3434511"/>
              <a:gd name="connsiteY1" fmla="*/ 1588496 h 1588496"/>
              <a:gd name="connsiteX2" fmla="*/ 472546 w 3434511"/>
              <a:gd name="connsiteY2" fmla="*/ 1578608 h 1588496"/>
              <a:gd name="connsiteX3" fmla="*/ 667822 w 3434511"/>
              <a:gd name="connsiteY3" fmla="*/ 1533477 h 1588496"/>
              <a:gd name="connsiteX4" fmla="*/ 938618 w 3434511"/>
              <a:gd name="connsiteY4" fmla="*/ 1421226 h 1588496"/>
              <a:gd name="connsiteX5" fmla="*/ 1114800 w 3434511"/>
              <a:gd name="connsiteY5" fmla="*/ 1280169 h 1588496"/>
              <a:gd name="connsiteX6" fmla="*/ 1293496 w 3434511"/>
              <a:gd name="connsiteY6" fmla="*/ 1185846 h 1588496"/>
              <a:gd name="connsiteX7" fmla="*/ 1812659 w 3434511"/>
              <a:gd name="connsiteY7" fmla="*/ 910501 h 1588496"/>
              <a:gd name="connsiteX8" fmla="*/ 2820922 w 3434511"/>
              <a:gd name="connsiteY8" fmla="*/ 266996 h 1588496"/>
              <a:gd name="connsiteX9" fmla="*/ 3287647 w 3434511"/>
              <a:gd name="connsiteY9" fmla="*/ 121740 h 1588496"/>
              <a:gd name="connsiteX10" fmla="*/ 3434511 w 3434511"/>
              <a:gd name="connsiteY10" fmla="*/ 0 h 1588496"/>
              <a:gd name="connsiteX0" fmla="*/ 0 w 3291406"/>
              <a:gd name="connsiteY0" fmla="*/ 1581398 h 1588496"/>
              <a:gd name="connsiteX1" fmla="*/ 84607 w 3291406"/>
              <a:gd name="connsiteY1" fmla="*/ 1588496 h 1588496"/>
              <a:gd name="connsiteX2" fmla="*/ 329441 w 3291406"/>
              <a:gd name="connsiteY2" fmla="*/ 1578608 h 1588496"/>
              <a:gd name="connsiteX3" fmla="*/ 524717 w 3291406"/>
              <a:gd name="connsiteY3" fmla="*/ 1533477 h 1588496"/>
              <a:gd name="connsiteX4" fmla="*/ 795513 w 3291406"/>
              <a:gd name="connsiteY4" fmla="*/ 1421226 h 1588496"/>
              <a:gd name="connsiteX5" fmla="*/ 971695 w 3291406"/>
              <a:gd name="connsiteY5" fmla="*/ 1280169 h 1588496"/>
              <a:gd name="connsiteX6" fmla="*/ 1150391 w 3291406"/>
              <a:gd name="connsiteY6" fmla="*/ 1185846 h 1588496"/>
              <a:gd name="connsiteX7" fmla="*/ 1669554 w 3291406"/>
              <a:gd name="connsiteY7" fmla="*/ 910501 h 1588496"/>
              <a:gd name="connsiteX8" fmla="*/ 2677817 w 3291406"/>
              <a:gd name="connsiteY8" fmla="*/ 266996 h 1588496"/>
              <a:gd name="connsiteX9" fmla="*/ 3144542 w 3291406"/>
              <a:gd name="connsiteY9" fmla="*/ 121740 h 1588496"/>
              <a:gd name="connsiteX10" fmla="*/ 3291406 w 3291406"/>
              <a:gd name="connsiteY10" fmla="*/ 0 h 1588496"/>
              <a:gd name="connsiteX0" fmla="*/ 0 w 3206799"/>
              <a:gd name="connsiteY0" fmla="*/ 1588496 h 1588496"/>
              <a:gd name="connsiteX1" fmla="*/ 244834 w 3206799"/>
              <a:gd name="connsiteY1" fmla="*/ 1578608 h 1588496"/>
              <a:gd name="connsiteX2" fmla="*/ 440110 w 3206799"/>
              <a:gd name="connsiteY2" fmla="*/ 1533477 h 1588496"/>
              <a:gd name="connsiteX3" fmla="*/ 710906 w 3206799"/>
              <a:gd name="connsiteY3" fmla="*/ 1421226 h 1588496"/>
              <a:gd name="connsiteX4" fmla="*/ 887088 w 3206799"/>
              <a:gd name="connsiteY4" fmla="*/ 1280169 h 1588496"/>
              <a:gd name="connsiteX5" fmla="*/ 1065784 w 3206799"/>
              <a:gd name="connsiteY5" fmla="*/ 1185846 h 1588496"/>
              <a:gd name="connsiteX6" fmla="*/ 1584947 w 3206799"/>
              <a:gd name="connsiteY6" fmla="*/ 910501 h 1588496"/>
              <a:gd name="connsiteX7" fmla="*/ 2593210 w 3206799"/>
              <a:gd name="connsiteY7" fmla="*/ 266996 h 1588496"/>
              <a:gd name="connsiteX8" fmla="*/ 3059935 w 3206799"/>
              <a:gd name="connsiteY8" fmla="*/ 121740 h 1588496"/>
              <a:gd name="connsiteX9" fmla="*/ 3206799 w 3206799"/>
              <a:gd name="connsiteY9" fmla="*/ 0 h 1588496"/>
              <a:gd name="connsiteX0" fmla="*/ 0 w 2961965"/>
              <a:gd name="connsiteY0" fmla="*/ 1578608 h 1578608"/>
              <a:gd name="connsiteX1" fmla="*/ 195276 w 2961965"/>
              <a:gd name="connsiteY1" fmla="*/ 1533477 h 1578608"/>
              <a:gd name="connsiteX2" fmla="*/ 466072 w 2961965"/>
              <a:gd name="connsiteY2" fmla="*/ 1421226 h 1578608"/>
              <a:gd name="connsiteX3" fmla="*/ 642254 w 2961965"/>
              <a:gd name="connsiteY3" fmla="*/ 1280169 h 1578608"/>
              <a:gd name="connsiteX4" fmla="*/ 820950 w 2961965"/>
              <a:gd name="connsiteY4" fmla="*/ 1185846 h 1578608"/>
              <a:gd name="connsiteX5" fmla="*/ 1340113 w 2961965"/>
              <a:gd name="connsiteY5" fmla="*/ 910501 h 1578608"/>
              <a:gd name="connsiteX6" fmla="*/ 2348376 w 2961965"/>
              <a:gd name="connsiteY6" fmla="*/ 266996 h 1578608"/>
              <a:gd name="connsiteX7" fmla="*/ 2815101 w 2961965"/>
              <a:gd name="connsiteY7" fmla="*/ 121740 h 1578608"/>
              <a:gd name="connsiteX8" fmla="*/ 2961965 w 2961965"/>
              <a:gd name="connsiteY8" fmla="*/ 0 h 1578608"/>
              <a:gd name="connsiteX0" fmla="*/ 0 w 2766689"/>
              <a:gd name="connsiteY0" fmla="*/ 1533477 h 1533477"/>
              <a:gd name="connsiteX1" fmla="*/ 270796 w 2766689"/>
              <a:gd name="connsiteY1" fmla="*/ 1421226 h 1533477"/>
              <a:gd name="connsiteX2" fmla="*/ 446978 w 2766689"/>
              <a:gd name="connsiteY2" fmla="*/ 1280169 h 1533477"/>
              <a:gd name="connsiteX3" fmla="*/ 625674 w 2766689"/>
              <a:gd name="connsiteY3" fmla="*/ 1185846 h 1533477"/>
              <a:gd name="connsiteX4" fmla="*/ 1144837 w 2766689"/>
              <a:gd name="connsiteY4" fmla="*/ 910501 h 1533477"/>
              <a:gd name="connsiteX5" fmla="*/ 2153100 w 2766689"/>
              <a:gd name="connsiteY5" fmla="*/ 266996 h 1533477"/>
              <a:gd name="connsiteX6" fmla="*/ 2619825 w 2766689"/>
              <a:gd name="connsiteY6" fmla="*/ 121740 h 1533477"/>
              <a:gd name="connsiteX7" fmla="*/ 2766689 w 2766689"/>
              <a:gd name="connsiteY7" fmla="*/ 0 h 1533477"/>
              <a:gd name="connsiteX0" fmla="*/ 0 w 2749762"/>
              <a:gd name="connsiteY0" fmla="*/ 1527574 h 1527574"/>
              <a:gd name="connsiteX1" fmla="*/ 253869 w 2749762"/>
              <a:gd name="connsiteY1" fmla="*/ 1421226 h 1527574"/>
              <a:gd name="connsiteX2" fmla="*/ 430051 w 2749762"/>
              <a:gd name="connsiteY2" fmla="*/ 1280169 h 1527574"/>
              <a:gd name="connsiteX3" fmla="*/ 608747 w 2749762"/>
              <a:gd name="connsiteY3" fmla="*/ 1185846 h 1527574"/>
              <a:gd name="connsiteX4" fmla="*/ 1127910 w 2749762"/>
              <a:gd name="connsiteY4" fmla="*/ 910501 h 1527574"/>
              <a:gd name="connsiteX5" fmla="*/ 2136173 w 2749762"/>
              <a:gd name="connsiteY5" fmla="*/ 266996 h 1527574"/>
              <a:gd name="connsiteX6" fmla="*/ 2602898 w 2749762"/>
              <a:gd name="connsiteY6" fmla="*/ 121740 h 1527574"/>
              <a:gd name="connsiteX7" fmla="*/ 2749762 w 2749762"/>
              <a:gd name="connsiteY7" fmla="*/ 0 h 1527574"/>
              <a:gd name="connsiteX0" fmla="*/ 0 w 2749762"/>
              <a:gd name="connsiteY0" fmla="*/ 1527574 h 1541105"/>
              <a:gd name="connsiteX1" fmla="*/ 19539 w 2749762"/>
              <a:gd name="connsiteY1" fmla="*/ 1541105 h 1541105"/>
              <a:gd name="connsiteX2" fmla="*/ 253869 w 2749762"/>
              <a:gd name="connsiteY2" fmla="*/ 1421226 h 1541105"/>
              <a:gd name="connsiteX3" fmla="*/ 430051 w 2749762"/>
              <a:gd name="connsiteY3" fmla="*/ 1280169 h 1541105"/>
              <a:gd name="connsiteX4" fmla="*/ 608747 w 2749762"/>
              <a:gd name="connsiteY4" fmla="*/ 1185846 h 1541105"/>
              <a:gd name="connsiteX5" fmla="*/ 1127910 w 2749762"/>
              <a:gd name="connsiteY5" fmla="*/ 910501 h 1541105"/>
              <a:gd name="connsiteX6" fmla="*/ 2136173 w 2749762"/>
              <a:gd name="connsiteY6" fmla="*/ 266996 h 1541105"/>
              <a:gd name="connsiteX7" fmla="*/ 2602898 w 2749762"/>
              <a:gd name="connsiteY7" fmla="*/ 121740 h 1541105"/>
              <a:gd name="connsiteX8" fmla="*/ 2749762 w 2749762"/>
              <a:gd name="connsiteY8" fmla="*/ 0 h 1541105"/>
              <a:gd name="connsiteX0" fmla="*/ 0 w 2602898"/>
              <a:gd name="connsiteY0" fmla="*/ 1405834 h 1419365"/>
              <a:gd name="connsiteX1" fmla="*/ 19539 w 2602898"/>
              <a:gd name="connsiteY1" fmla="*/ 1419365 h 1419365"/>
              <a:gd name="connsiteX2" fmla="*/ 253869 w 2602898"/>
              <a:gd name="connsiteY2" fmla="*/ 1299486 h 1419365"/>
              <a:gd name="connsiteX3" fmla="*/ 430051 w 2602898"/>
              <a:gd name="connsiteY3" fmla="*/ 1158429 h 1419365"/>
              <a:gd name="connsiteX4" fmla="*/ 608747 w 2602898"/>
              <a:gd name="connsiteY4" fmla="*/ 1064106 h 1419365"/>
              <a:gd name="connsiteX5" fmla="*/ 1127910 w 2602898"/>
              <a:gd name="connsiteY5" fmla="*/ 788761 h 1419365"/>
              <a:gd name="connsiteX6" fmla="*/ 2136173 w 2602898"/>
              <a:gd name="connsiteY6" fmla="*/ 145256 h 1419365"/>
              <a:gd name="connsiteX7" fmla="*/ 2602898 w 2602898"/>
              <a:gd name="connsiteY7" fmla="*/ 0 h 1419365"/>
              <a:gd name="connsiteX0" fmla="*/ 0 w 2491134"/>
              <a:gd name="connsiteY0" fmla="*/ 1389318 h 1402849"/>
              <a:gd name="connsiteX1" fmla="*/ 19539 w 2491134"/>
              <a:gd name="connsiteY1" fmla="*/ 1402849 h 1402849"/>
              <a:gd name="connsiteX2" fmla="*/ 253869 w 2491134"/>
              <a:gd name="connsiteY2" fmla="*/ 1282970 h 1402849"/>
              <a:gd name="connsiteX3" fmla="*/ 430051 w 2491134"/>
              <a:gd name="connsiteY3" fmla="*/ 1141913 h 1402849"/>
              <a:gd name="connsiteX4" fmla="*/ 608747 w 2491134"/>
              <a:gd name="connsiteY4" fmla="*/ 1047590 h 1402849"/>
              <a:gd name="connsiteX5" fmla="*/ 1127910 w 2491134"/>
              <a:gd name="connsiteY5" fmla="*/ 772245 h 1402849"/>
              <a:gd name="connsiteX6" fmla="*/ 2136173 w 2491134"/>
              <a:gd name="connsiteY6" fmla="*/ 128740 h 1402849"/>
              <a:gd name="connsiteX7" fmla="*/ 2491134 w 2491134"/>
              <a:gd name="connsiteY7" fmla="*/ 0 h 1402849"/>
              <a:gd name="connsiteX0" fmla="*/ 0 w 2491134"/>
              <a:gd name="connsiteY0" fmla="*/ 1389318 h 1402849"/>
              <a:gd name="connsiteX1" fmla="*/ 19539 w 2491134"/>
              <a:gd name="connsiteY1" fmla="*/ 1402849 h 1402849"/>
              <a:gd name="connsiteX2" fmla="*/ 253869 w 2491134"/>
              <a:gd name="connsiteY2" fmla="*/ 1282970 h 1402849"/>
              <a:gd name="connsiteX3" fmla="*/ 430051 w 2491134"/>
              <a:gd name="connsiteY3" fmla="*/ 1141913 h 1402849"/>
              <a:gd name="connsiteX4" fmla="*/ 608747 w 2491134"/>
              <a:gd name="connsiteY4" fmla="*/ 1047590 h 1402849"/>
              <a:gd name="connsiteX5" fmla="*/ 1127910 w 2491134"/>
              <a:gd name="connsiteY5" fmla="*/ 772245 h 1402849"/>
              <a:gd name="connsiteX6" fmla="*/ 2136173 w 2491134"/>
              <a:gd name="connsiteY6" fmla="*/ 128740 h 1402849"/>
              <a:gd name="connsiteX7" fmla="*/ 2491134 w 2491134"/>
              <a:gd name="connsiteY7" fmla="*/ 0 h 1402849"/>
              <a:gd name="connsiteX0" fmla="*/ 0 w 2531510"/>
              <a:gd name="connsiteY0" fmla="*/ 1388528 h 1402059"/>
              <a:gd name="connsiteX1" fmla="*/ 19539 w 2531510"/>
              <a:gd name="connsiteY1" fmla="*/ 1402059 h 1402059"/>
              <a:gd name="connsiteX2" fmla="*/ 253869 w 2531510"/>
              <a:gd name="connsiteY2" fmla="*/ 1282180 h 1402059"/>
              <a:gd name="connsiteX3" fmla="*/ 430051 w 2531510"/>
              <a:gd name="connsiteY3" fmla="*/ 1141123 h 1402059"/>
              <a:gd name="connsiteX4" fmla="*/ 608747 w 2531510"/>
              <a:gd name="connsiteY4" fmla="*/ 1046800 h 1402059"/>
              <a:gd name="connsiteX5" fmla="*/ 1127910 w 2531510"/>
              <a:gd name="connsiteY5" fmla="*/ 771455 h 1402059"/>
              <a:gd name="connsiteX6" fmla="*/ 2136173 w 2531510"/>
              <a:gd name="connsiteY6" fmla="*/ 127950 h 1402059"/>
              <a:gd name="connsiteX7" fmla="*/ 2531510 w 2531510"/>
              <a:gd name="connsiteY7" fmla="*/ 3756 h 1402059"/>
              <a:gd name="connsiteX0" fmla="*/ 0 w 2531510"/>
              <a:gd name="connsiteY0" fmla="*/ 1388528 h 1388528"/>
              <a:gd name="connsiteX1" fmla="*/ 253869 w 2531510"/>
              <a:gd name="connsiteY1" fmla="*/ 1282180 h 1388528"/>
              <a:gd name="connsiteX2" fmla="*/ 430051 w 2531510"/>
              <a:gd name="connsiteY2" fmla="*/ 1141123 h 1388528"/>
              <a:gd name="connsiteX3" fmla="*/ 608747 w 2531510"/>
              <a:gd name="connsiteY3" fmla="*/ 1046800 h 1388528"/>
              <a:gd name="connsiteX4" fmla="*/ 1127910 w 2531510"/>
              <a:gd name="connsiteY4" fmla="*/ 771455 h 1388528"/>
              <a:gd name="connsiteX5" fmla="*/ 2136173 w 2531510"/>
              <a:gd name="connsiteY5" fmla="*/ 127950 h 1388528"/>
              <a:gd name="connsiteX6" fmla="*/ 2531510 w 2531510"/>
              <a:gd name="connsiteY6" fmla="*/ 3756 h 1388528"/>
              <a:gd name="connsiteX0" fmla="*/ 0 w 2440670"/>
              <a:gd name="connsiteY0" fmla="*/ 1359333 h 1359333"/>
              <a:gd name="connsiteX1" fmla="*/ 163029 w 2440670"/>
              <a:gd name="connsiteY1" fmla="*/ 1282180 h 1359333"/>
              <a:gd name="connsiteX2" fmla="*/ 339211 w 2440670"/>
              <a:gd name="connsiteY2" fmla="*/ 1141123 h 1359333"/>
              <a:gd name="connsiteX3" fmla="*/ 517907 w 2440670"/>
              <a:gd name="connsiteY3" fmla="*/ 1046800 h 1359333"/>
              <a:gd name="connsiteX4" fmla="*/ 1037070 w 2440670"/>
              <a:gd name="connsiteY4" fmla="*/ 771455 h 1359333"/>
              <a:gd name="connsiteX5" fmla="*/ 2045333 w 2440670"/>
              <a:gd name="connsiteY5" fmla="*/ 127950 h 1359333"/>
              <a:gd name="connsiteX6" fmla="*/ 2440670 w 2440670"/>
              <a:gd name="connsiteY6" fmla="*/ 3756 h 1359333"/>
              <a:gd name="connsiteX0" fmla="*/ 0 w 2390545"/>
              <a:gd name="connsiteY0" fmla="*/ 1335510 h 1335510"/>
              <a:gd name="connsiteX1" fmla="*/ 112904 w 2390545"/>
              <a:gd name="connsiteY1" fmla="*/ 1282180 h 1335510"/>
              <a:gd name="connsiteX2" fmla="*/ 289086 w 2390545"/>
              <a:gd name="connsiteY2" fmla="*/ 1141123 h 1335510"/>
              <a:gd name="connsiteX3" fmla="*/ 467782 w 2390545"/>
              <a:gd name="connsiteY3" fmla="*/ 1046800 h 1335510"/>
              <a:gd name="connsiteX4" fmla="*/ 986945 w 2390545"/>
              <a:gd name="connsiteY4" fmla="*/ 771455 h 1335510"/>
              <a:gd name="connsiteX5" fmla="*/ 1995208 w 2390545"/>
              <a:gd name="connsiteY5" fmla="*/ 127950 h 1335510"/>
              <a:gd name="connsiteX6" fmla="*/ 2390545 w 2390545"/>
              <a:gd name="connsiteY6" fmla="*/ 3756 h 1335510"/>
              <a:gd name="connsiteX0" fmla="*/ 0 w 2390466"/>
              <a:gd name="connsiteY0" fmla="*/ 1349136 h 1349136"/>
              <a:gd name="connsiteX1" fmla="*/ 112825 w 2390466"/>
              <a:gd name="connsiteY1" fmla="*/ 1282180 h 1349136"/>
              <a:gd name="connsiteX2" fmla="*/ 289007 w 2390466"/>
              <a:gd name="connsiteY2" fmla="*/ 1141123 h 1349136"/>
              <a:gd name="connsiteX3" fmla="*/ 467703 w 2390466"/>
              <a:gd name="connsiteY3" fmla="*/ 1046800 h 1349136"/>
              <a:gd name="connsiteX4" fmla="*/ 986866 w 2390466"/>
              <a:gd name="connsiteY4" fmla="*/ 771455 h 1349136"/>
              <a:gd name="connsiteX5" fmla="*/ 1995129 w 2390466"/>
              <a:gd name="connsiteY5" fmla="*/ 127950 h 1349136"/>
              <a:gd name="connsiteX6" fmla="*/ 2390466 w 2390466"/>
              <a:gd name="connsiteY6" fmla="*/ 3756 h 1349136"/>
              <a:gd name="connsiteX0" fmla="*/ 0 w 2390466"/>
              <a:gd name="connsiteY0" fmla="*/ 1349136 h 1349136"/>
              <a:gd name="connsiteX1" fmla="*/ 289007 w 2390466"/>
              <a:gd name="connsiteY1" fmla="*/ 1141123 h 1349136"/>
              <a:gd name="connsiteX2" fmla="*/ 467703 w 2390466"/>
              <a:gd name="connsiteY2" fmla="*/ 1046800 h 1349136"/>
              <a:gd name="connsiteX3" fmla="*/ 986866 w 2390466"/>
              <a:gd name="connsiteY3" fmla="*/ 771455 h 1349136"/>
              <a:gd name="connsiteX4" fmla="*/ 1995129 w 2390466"/>
              <a:gd name="connsiteY4" fmla="*/ 127950 h 1349136"/>
              <a:gd name="connsiteX5" fmla="*/ 2390466 w 2390466"/>
              <a:gd name="connsiteY5" fmla="*/ 3756 h 1349136"/>
              <a:gd name="connsiteX0" fmla="*/ 0 w 2390466"/>
              <a:gd name="connsiteY0" fmla="*/ 1349136 h 1349136"/>
              <a:gd name="connsiteX1" fmla="*/ 467703 w 2390466"/>
              <a:gd name="connsiteY1" fmla="*/ 1046800 h 1349136"/>
              <a:gd name="connsiteX2" fmla="*/ 986866 w 2390466"/>
              <a:gd name="connsiteY2" fmla="*/ 771455 h 1349136"/>
              <a:gd name="connsiteX3" fmla="*/ 1995129 w 2390466"/>
              <a:gd name="connsiteY3" fmla="*/ 127950 h 1349136"/>
              <a:gd name="connsiteX4" fmla="*/ 2390466 w 2390466"/>
              <a:gd name="connsiteY4" fmla="*/ 3756 h 1349136"/>
              <a:gd name="connsiteX0" fmla="*/ 0 w 2099349"/>
              <a:gd name="connsiteY0" fmla="*/ 1134700 h 1134700"/>
              <a:gd name="connsiteX1" fmla="*/ 176586 w 2099349"/>
              <a:gd name="connsiteY1" fmla="*/ 1046800 h 1134700"/>
              <a:gd name="connsiteX2" fmla="*/ 695749 w 2099349"/>
              <a:gd name="connsiteY2" fmla="*/ 771455 h 1134700"/>
              <a:gd name="connsiteX3" fmla="*/ 1704012 w 2099349"/>
              <a:gd name="connsiteY3" fmla="*/ 127950 h 1134700"/>
              <a:gd name="connsiteX4" fmla="*/ 2099349 w 2099349"/>
              <a:gd name="connsiteY4" fmla="*/ 3756 h 11347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99349" h="1134700">
                <a:moveTo>
                  <a:pt x="0" y="1134700"/>
                </a:moveTo>
                <a:lnTo>
                  <a:pt x="176586" y="1046800"/>
                </a:lnTo>
                <a:lnTo>
                  <a:pt x="695749" y="771455"/>
                </a:lnTo>
                <a:cubicBezTo>
                  <a:pt x="863793" y="664204"/>
                  <a:pt x="1470079" y="255900"/>
                  <a:pt x="1704012" y="127950"/>
                </a:cubicBezTo>
                <a:cubicBezTo>
                  <a:pt x="1937945" y="0"/>
                  <a:pt x="1987033" y="40268"/>
                  <a:pt x="2099349" y="3756"/>
                </a:cubicBezTo>
              </a:path>
            </a:pathLst>
          </a:custGeom>
          <a:ln w="38100">
            <a:solidFill>
              <a:srgbClr val="FF99FF"/>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1" name="正方形/長方形 20"/>
          <p:cNvSpPr/>
          <p:nvPr/>
        </p:nvSpPr>
        <p:spPr>
          <a:xfrm rot="15939691">
            <a:off x="7856212" y="5659675"/>
            <a:ext cx="444901" cy="108267"/>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正方形/長方形 21"/>
          <p:cNvSpPr/>
          <p:nvPr/>
        </p:nvSpPr>
        <p:spPr>
          <a:xfrm rot="19698702">
            <a:off x="7472312" y="889905"/>
            <a:ext cx="463405" cy="146071"/>
          </a:xfrm>
          <a:prstGeom prst="rect">
            <a:avLst/>
          </a:prstGeom>
          <a:solidFill>
            <a:srgbClr val="FF99FF"/>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フリーフォーム 22"/>
          <p:cNvSpPr/>
          <p:nvPr/>
        </p:nvSpPr>
        <p:spPr>
          <a:xfrm>
            <a:off x="7931373" y="620688"/>
            <a:ext cx="488820" cy="5926985"/>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06387 w 878681"/>
              <a:gd name="connsiteY7" fmla="*/ 6166051 h 6166051"/>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14901 w 878681"/>
              <a:gd name="connsiteY7" fmla="*/ 5802040 h 6166051"/>
              <a:gd name="connsiteX8" fmla="*/ 606387 w 878681"/>
              <a:gd name="connsiteY8" fmla="*/ 6166051 h 6166051"/>
              <a:gd name="connsiteX0" fmla="*/ 0 w 611981"/>
              <a:gd name="connsiteY0" fmla="*/ 0 h 5956501"/>
              <a:gd name="connsiteX1" fmla="*/ 266700 w 611981"/>
              <a:gd name="connsiteY1" fmla="*/ 647700 h 5956501"/>
              <a:gd name="connsiteX2" fmla="*/ 611981 w 611981"/>
              <a:gd name="connsiteY2" fmla="*/ 1807369 h 5956501"/>
              <a:gd name="connsiteX3" fmla="*/ 447675 w 611981"/>
              <a:gd name="connsiteY3" fmla="*/ 2676525 h 5956501"/>
              <a:gd name="connsiteX4" fmla="*/ 253330 w 611981"/>
              <a:gd name="connsiteY4" fmla="*/ 4544541 h 5956501"/>
              <a:gd name="connsiteX5" fmla="*/ 253330 w 611981"/>
              <a:gd name="connsiteY5" fmla="*/ 5120605 h 5956501"/>
              <a:gd name="connsiteX6" fmla="*/ 348201 w 611981"/>
              <a:gd name="connsiteY6" fmla="*/ 5592490 h 5956501"/>
              <a:gd name="connsiteX7" fmla="*/ 339687 w 611981"/>
              <a:gd name="connsiteY7" fmla="*/ 5956501 h 5956501"/>
              <a:gd name="connsiteX0" fmla="*/ 0 w 458527"/>
              <a:gd name="connsiteY0" fmla="*/ 0 h 5571666"/>
              <a:gd name="connsiteX1" fmla="*/ 113246 w 458527"/>
              <a:gd name="connsiteY1" fmla="*/ 262865 h 5571666"/>
              <a:gd name="connsiteX2" fmla="*/ 458527 w 458527"/>
              <a:gd name="connsiteY2" fmla="*/ 1422534 h 5571666"/>
              <a:gd name="connsiteX3" fmla="*/ 294221 w 458527"/>
              <a:gd name="connsiteY3" fmla="*/ 2291690 h 5571666"/>
              <a:gd name="connsiteX4" fmla="*/ 99876 w 458527"/>
              <a:gd name="connsiteY4" fmla="*/ 4159706 h 5571666"/>
              <a:gd name="connsiteX5" fmla="*/ 99876 w 458527"/>
              <a:gd name="connsiteY5" fmla="*/ 4735770 h 5571666"/>
              <a:gd name="connsiteX6" fmla="*/ 194747 w 458527"/>
              <a:gd name="connsiteY6" fmla="*/ 5207655 h 5571666"/>
              <a:gd name="connsiteX7" fmla="*/ 186233 w 458527"/>
              <a:gd name="connsiteY7" fmla="*/ 5571666 h 5571666"/>
              <a:gd name="connsiteX0" fmla="*/ 0 w 471282"/>
              <a:gd name="connsiteY0" fmla="*/ 0 h 5600835"/>
              <a:gd name="connsiteX1" fmla="*/ 126001 w 471282"/>
              <a:gd name="connsiteY1" fmla="*/ 292034 h 5600835"/>
              <a:gd name="connsiteX2" fmla="*/ 471282 w 471282"/>
              <a:gd name="connsiteY2" fmla="*/ 1451703 h 5600835"/>
              <a:gd name="connsiteX3" fmla="*/ 306976 w 471282"/>
              <a:gd name="connsiteY3" fmla="*/ 2320859 h 5600835"/>
              <a:gd name="connsiteX4" fmla="*/ 112631 w 471282"/>
              <a:gd name="connsiteY4" fmla="*/ 4188875 h 5600835"/>
              <a:gd name="connsiteX5" fmla="*/ 112631 w 471282"/>
              <a:gd name="connsiteY5" fmla="*/ 4764939 h 5600835"/>
              <a:gd name="connsiteX6" fmla="*/ 207502 w 471282"/>
              <a:gd name="connsiteY6" fmla="*/ 5236824 h 5600835"/>
              <a:gd name="connsiteX7" fmla="*/ 198988 w 471282"/>
              <a:gd name="connsiteY7" fmla="*/ 5600835 h 560083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71282" h="5600835">
                <a:moveTo>
                  <a:pt x="0" y="0"/>
                </a:moveTo>
                <a:lnTo>
                  <a:pt x="126001" y="292034"/>
                </a:lnTo>
                <a:lnTo>
                  <a:pt x="471282" y="1451703"/>
                </a:lnTo>
                <a:lnTo>
                  <a:pt x="306976" y="2320859"/>
                </a:lnTo>
                <a:lnTo>
                  <a:pt x="112631" y="4188875"/>
                </a:lnTo>
                <a:lnTo>
                  <a:pt x="112631" y="4764939"/>
                </a:lnTo>
                <a:lnTo>
                  <a:pt x="207502" y="5236824"/>
                </a:lnTo>
                <a:lnTo>
                  <a:pt x="198988" y="5600835"/>
                </a:lnTo>
              </a:path>
            </a:pathLst>
          </a:custGeom>
          <a:ln w="50800" cmpd="dbl">
            <a:solidFill>
              <a:srgbClr val="FF99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4" name="正方形/長方形 23"/>
          <p:cNvSpPr/>
          <p:nvPr/>
        </p:nvSpPr>
        <p:spPr>
          <a:xfrm rot="15099558">
            <a:off x="7788164" y="987290"/>
            <a:ext cx="601737" cy="140200"/>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テキスト ボックス 24"/>
          <p:cNvSpPr txBox="1"/>
          <p:nvPr/>
        </p:nvSpPr>
        <p:spPr>
          <a:xfrm rot="404797">
            <a:off x="8033202" y="3226888"/>
            <a:ext cx="92333" cy="643821"/>
          </a:xfrm>
          <a:prstGeom prst="rect">
            <a:avLst/>
          </a:prstGeom>
          <a:solidFill>
            <a:schemeClr val="bg1"/>
          </a:solidFill>
          <a:ln>
            <a:noFill/>
            <a:prstDash val="sysDash"/>
          </a:ln>
        </p:spPr>
        <p:txBody>
          <a:bodyPr vert="eaVert" wrap="square" lIns="0" tIns="0" rIns="0" bIns="0" rtlCol="0" anchor="ctr" anchorCtr="1">
            <a:spAutoFit/>
          </a:bodyPr>
          <a:lstStyle/>
          <a:p>
            <a:r>
              <a:rPr kumimoji="1" lang="ja-JP" altLang="en-US" sz="600" dirty="0" smtClean="0"/>
              <a:t>大阪城公園駅</a:t>
            </a:r>
          </a:p>
        </p:txBody>
      </p:sp>
      <p:sp>
        <p:nvSpPr>
          <p:cNvPr id="26" name="正方形/長方形 25"/>
          <p:cNvSpPr/>
          <p:nvPr/>
        </p:nvSpPr>
        <p:spPr>
          <a:xfrm rot="16586262">
            <a:off x="7783305" y="3502013"/>
            <a:ext cx="828536" cy="115001"/>
          </a:xfrm>
          <a:prstGeom prst="rect">
            <a:avLst/>
          </a:prstGeom>
          <a:solidFill>
            <a:srgbClr val="FF990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7600113" y="5412552"/>
            <a:ext cx="437839" cy="110012"/>
          </a:xfrm>
          <a:prstGeom prst="rect">
            <a:avLst/>
          </a:prstGeom>
          <a:solidFill>
            <a:srgbClr val="33CC33"/>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テキスト ボックス 27"/>
          <p:cNvSpPr txBox="1"/>
          <p:nvPr/>
        </p:nvSpPr>
        <p:spPr>
          <a:xfrm>
            <a:off x="7917593" y="5260851"/>
            <a:ext cx="92333" cy="460639"/>
          </a:xfrm>
          <a:prstGeom prst="rect">
            <a:avLst/>
          </a:prstGeom>
          <a:solidFill>
            <a:schemeClr val="bg1"/>
          </a:solidFill>
          <a:ln>
            <a:noFill/>
            <a:prstDash val="sysDash"/>
          </a:ln>
        </p:spPr>
        <p:txBody>
          <a:bodyPr vert="eaVert" wrap="square" lIns="0" tIns="0" rIns="0" bIns="0" rtlCol="0" anchor="ctr" anchorCtr="1">
            <a:spAutoFit/>
          </a:bodyPr>
          <a:lstStyle/>
          <a:p>
            <a:r>
              <a:rPr kumimoji="1" lang="ja-JP" altLang="en-US" sz="600" dirty="0" smtClean="0"/>
              <a:t>森ノ宮駅</a:t>
            </a:r>
          </a:p>
        </p:txBody>
      </p:sp>
      <p:sp>
        <p:nvSpPr>
          <p:cNvPr id="29" name="テキスト ボックス 28"/>
          <p:cNvSpPr txBox="1"/>
          <p:nvPr/>
        </p:nvSpPr>
        <p:spPr>
          <a:xfrm>
            <a:off x="6654042" y="1069849"/>
            <a:ext cx="2250396" cy="292353"/>
          </a:xfrm>
          <a:prstGeom prst="rect">
            <a:avLst/>
          </a:prstGeom>
          <a:noFill/>
          <a:ln w="12700">
            <a:noFill/>
          </a:ln>
        </p:spPr>
        <p:txBody>
          <a:bodyPr wrap="square" lIns="91406" tIns="45703" rIns="91406" bIns="45703" rtlCol="0">
            <a:spAutoFit/>
          </a:bodyPr>
          <a:lstStyle/>
          <a:p>
            <a:pPr algn="ctr"/>
            <a:r>
              <a:rPr lang="ja-JP" altLang="en-US" sz="1300" b="1" dirty="0" smtClean="0"/>
              <a:t>京橋</a:t>
            </a:r>
            <a:endParaRPr lang="ja-JP" altLang="en-US" sz="1300" b="1" dirty="0"/>
          </a:p>
        </p:txBody>
      </p:sp>
      <p:pic>
        <p:nvPicPr>
          <p:cNvPr id="33" name="Picture 3"/>
          <p:cNvPicPr>
            <a:picLocks noChangeAspect="1" noChangeArrowheads="1"/>
          </p:cNvPicPr>
          <p:nvPr/>
        </p:nvPicPr>
        <p:blipFill>
          <a:blip r:embed="rId3" cstate="email"/>
          <a:srcRect/>
          <a:stretch>
            <a:fillRect/>
          </a:stretch>
        </p:blipFill>
        <p:spPr bwMode="auto">
          <a:xfrm>
            <a:off x="4742997" y="630037"/>
            <a:ext cx="1580846" cy="1826087"/>
          </a:xfrm>
          <a:prstGeom prst="rect">
            <a:avLst/>
          </a:prstGeom>
          <a:noFill/>
          <a:ln w="9525">
            <a:noFill/>
            <a:miter lim="800000"/>
            <a:headEnd/>
            <a:tailEnd/>
          </a:ln>
        </p:spPr>
      </p:pic>
      <p:sp>
        <p:nvSpPr>
          <p:cNvPr id="34" name="角丸四角形 33"/>
          <p:cNvSpPr/>
          <p:nvPr/>
        </p:nvSpPr>
        <p:spPr>
          <a:xfrm>
            <a:off x="5789059" y="1518944"/>
            <a:ext cx="138769" cy="156547"/>
          </a:xfrm>
          <a:prstGeom prst="roundRect">
            <a:avLst>
              <a:gd name="adj" fmla="val 49999"/>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テキスト ボックス 34"/>
          <p:cNvSpPr txBox="1"/>
          <p:nvPr/>
        </p:nvSpPr>
        <p:spPr>
          <a:xfrm>
            <a:off x="4775565" y="2045800"/>
            <a:ext cx="1560491" cy="369332"/>
          </a:xfrm>
          <a:prstGeom prst="rect">
            <a:avLst/>
          </a:prstGeom>
          <a:noFill/>
        </p:spPr>
        <p:txBody>
          <a:bodyPr wrap="square" tIns="0" bIns="0" rtlCol="0" anchor="ctr" anchorCtr="0">
            <a:spAutoFit/>
          </a:bodyPr>
          <a:lstStyle/>
          <a:p>
            <a:r>
              <a:rPr lang="ja-JP" altLang="en-US" sz="1200" dirty="0" smtClean="0"/>
              <a:t>大阪城公園、</a:t>
            </a:r>
            <a:endParaRPr lang="en-US" altLang="ja-JP" sz="1200" dirty="0" smtClean="0"/>
          </a:p>
          <a:p>
            <a:r>
              <a:rPr lang="ja-JP" altLang="en-US" sz="1200" dirty="0" smtClean="0"/>
              <a:t>森之宮、京橋・</a:t>
            </a:r>
            <a:r>
              <a:rPr lang="en-US" altLang="ja-JP" sz="1200" dirty="0" smtClean="0"/>
              <a:t>OBP</a:t>
            </a:r>
          </a:p>
        </p:txBody>
      </p:sp>
      <p:cxnSp>
        <p:nvCxnSpPr>
          <p:cNvPr id="36" name="直線矢印コネクタ 35"/>
          <p:cNvCxnSpPr/>
          <p:nvPr/>
        </p:nvCxnSpPr>
        <p:spPr>
          <a:xfrm flipV="1">
            <a:off x="5475596" y="1635967"/>
            <a:ext cx="300034" cy="300035"/>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4782714" y="630685"/>
            <a:ext cx="817257" cy="215444"/>
          </a:xfrm>
          <a:prstGeom prst="rect">
            <a:avLst/>
          </a:prstGeom>
          <a:solidFill>
            <a:schemeClr val="bg1"/>
          </a:solidFill>
        </p:spPr>
        <p:txBody>
          <a:bodyPr wrap="square" lIns="0" tIns="0" rIns="0" bIns="0" rtlCol="0">
            <a:spAutoFit/>
          </a:bodyPr>
          <a:lstStyle/>
          <a:p>
            <a:endParaRPr kumimoji="1" lang="ja-JP" altLang="en-US" sz="1400" dirty="0">
              <a:latin typeface="Meiryo UI" pitchFamily="50" charset="-128"/>
              <a:ea typeface="Meiryo UI" pitchFamily="50" charset="-128"/>
              <a:cs typeface="Meiryo UI" pitchFamily="50" charset="-128"/>
            </a:endParaRPr>
          </a:p>
        </p:txBody>
      </p:sp>
      <p:sp>
        <p:nvSpPr>
          <p:cNvPr id="37" name="フリーフォーム 36"/>
          <p:cNvSpPr/>
          <p:nvPr/>
        </p:nvSpPr>
        <p:spPr>
          <a:xfrm>
            <a:off x="6319870" y="1537217"/>
            <a:ext cx="2119450" cy="143337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95450" h="1146628">
                <a:moveTo>
                  <a:pt x="1550080" y="0"/>
                </a:moveTo>
                <a:lnTo>
                  <a:pt x="955973" y="204479"/>
                </a:lnTo>
                <a:lnTo>
                  <a:pt x="0" y="732745"/>
                </a:lnTo>
                <a:lnTo>
                  <a:pt x="307068" y="866321"/>
                </a:lnTo>
                <a:lnTo>
                  <a:pt x="582839" y="851807"/>
                </a:lnTo>
                <a:lnTo>
                  <a:pt x="1105354" y="1084036"/>
                </a:lnTo>
                <a:lnTo>
                  <a:pt x="1585006" y="1146628"/>
                </a:lnTo>
                <a:lnTo>
                  <a:pt x="1695450" y="532720"/>
                </a:lnTo>
                <a:lnTo>
                  <a:pt x="1672318" y="369433"/>
                </a:lnTo>
                <a:lnTo>
                  <a:pt x="1550080" y="0"/>
                </a:lnTo>
                <a:close/>
              </a:path>
            </a:pathLst>
          </a:custGeom>
          <a:solidFill>
            <a:srgbClr val="DCE6F2">
              <a:alpha val="40000"/>
            </a:srgbClr>
          </a:solidFill>
          <a:ln>
            <a:solidFill>
              <a:schemeClr val="tx1"/>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kumimoji="1" lang="ja-JP" altLang="en-US"/>
          </a:p>
        </p:txBody>
      </p:sp>
      <p:sp>
        <p:nvSpPr>
          <p:cNvPr id="38" name="テキスト ボックス 37"/>
          <p:cNvSpPr txBox="1"/>
          <p:nvPr/>
        </p:nvSpPr>
        <p:spPr>
          <a:xfrm rot="20117767">
            <a:off x="6860067" y="1917987"/>
            <a:ext cx="92333" cy="1039026"/>
          </a:xfrm>
          <a:prstGeom prst="rect">
            <a:avLst/>
          </a:prstGeom>
          <a:solidFill>
            <a:schemeClr val="bg1"/>
          </a:solidFill>
          <a:ln>
            <a:noFill/>
            <a:prstDash val="sysDash"/>
          </a:ln>
        </p:spPr>
        <p:txBody>
          <a:bodyPr vert="eaVert" wrap="square" lIns="0" tIns="0" rIns="0" bIns="0" rtlCol="0" anchor="ctr" anchorCtr="1">
            <a:spAutoFit/>
          </a:bodyPr>
          <a:lstStyle/>
          <a:p>
            <a:r>
              <a:rPr kumimoji="1" lang="ja-JP" altLang="en-US" sz="600" dirty="0" smtClean="0"/>
              <a:t>大阪ビジネスパーク駅</a:t>
            </a:r>
          </a:p>
        </p:txBody>
      </p:sp>
      <p:sp>
        <p:nvSpPr>
          <p:cNvPr id="39" name="テキスト ボックス 38"/>
          <p:cNvSpPr txBox="1"/>
          <p:nvPr/>
        </p:nvSpPr>
        <p:spPr>
          <a:xfrm>
            <a:off x="7664775" y="984012"/>
            <a:ext cx="401179" cy="92333"/>
          </a:xfrm>
          <a:prstGeom prst="rect">
            <a:avLst/>
          </a:prstGeom>
          <a:solidFill>
            <a:schemeClr val="bg1"/>
          </a:solidFill>
          <a:ln>
            <a:noFill/>
            <a:prstDash val="sysDash"/>
          </a:ln>
        </p:spPr>
        <p:txBody>
          <a:bodyPr wrap="square" lIns="0" tIns="0" rIns="0" bIns="0" rtlCol="0" anchor="ctr" anchorCtr="1">
            <a:spAutoFit/>
          </a:bodyPr>
          <a:lstStyle/>
          <a:p>
            <a:r>
              <a:rPr lang="ja-JP" altLang="en-US" sz="600" dirty="0" smtClean="0"/>
              <a:t>京橋駅</a:t>
            </a:r>
            <a:endParaRPr kumimoji="1" lang="ja-JP" altLang="en-US" sz="600" dirty="0" smtClean="0"/>
          </a:p>
        </p:txBody>
      </p:sp>
      <p:sp>
        <p:nvSpPr>
          <p:cNvPr id="40" name="上下矢印 39"/>
          <p:cNvSpPr/>
          <p:nvPr/>
        </p:nvSpPr>
        <p:spPr>
          <a:xfrm>
            <a:off x="7424923" y="1370223"/>
            <a:ext cx="630111" cy="574742"/>
          </a:xfrm>
          <a:prstGeom prst="upDownArrow">
            <a:avLst>
              <a:gd name="adj1" fmla="val 50000"/>
              <a:gd name="adj2" fmla="val 27172"/>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上下矢印 40"/>
          <p:cNvSpPr/>
          <p:nvPr/>
        </p:nvSpPr>
        <p:spPr>
          <a:xfrm rot="1454348">
            <a:off x="7335123" y="2656871"/>
            <a:ext cx="630111" cy="574742"/>
          </a:xfrm>
          <a:prstGeom prst="upDownArrow">
            <a:avLst>
              <a:gd name="adj1" fmla="val 50000"/>
              <a:gd name="adj2" fmla="val 27172"/>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フリーフォーム 41"/>
          <p:cNvSpPr/>
          <p:nvPr/>
        </p:nvSpPr>
        <p:spPr>
          <a:xfrm>
            <a:off x="7960079" y="655967"/>
            <a:ext cx="462361" cy="5891707"/>
          </a:xfrm>
          <a:custGeom>
            <a:avLst/>
            <a:gdLst>
              <a:gd name="connsiteX0" fmla="*/ 0 w 914400"/>
              <a:gd name="connsiteY0" fmla="*/ 0 h 4324350"/>
              <a:gd name="connsiteX1" fmla="*/ 266700 w 914400"/>
              <a:gd name="connsiteY1" fmla="*/ 209550 h 4324350"/>
              <a:gd name="connsiteX2" fmla="*/ 533400 w 914400"/>
              <a:gd name="connsiteY2" fmla="*/ 857250 h 4324350"/>
              <a:gd name="connsiteX3" fmla="*/ 914400 w 914400"/>
              <a:gd name="connsiteY3" fmla="*/ 2028825 h 4324350"/>
              <a:gd name="connsiteX4" fmla="*/ 714375 w 914400"/>
              <a:gd name="connsiteY4" fmla="*/ 2886075 h 4324350"/>
              <a:gd name="connsiteX5" fmla="*/ 542925 w 914400"/>
              <a:gd name="connsiteY5" fmla="*/ 4324350 h 4324350"/>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92038 w 914400"/>
              <a:gd name="connsiteY5"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92038 w 914400"/>
              <a:gd name="connsiteY6" fmla="*/ 5978227 h 5978227"/>
              <a:gd name="connsiteX0" fmla="*/ 0 w 914400"/>
              <a:gd name="connsiteY0" fmla="*/ 0 h 5978227"/>
              <a:gd name="connsiteX1" fmla="*/ 266700 w 914400"/>
              <a:gd name="connsiteY1" fmla="*/ 209550 h 5978227"/>
              <a:gd name="connsiteX2" fmla="*/ 533400 w 914400"/>
              <a:gd name="connsiteY2" fmla="*/ 857250 h 5978227"/>
              <a:gd name="connsiteX3" fmla="*/ 914400 w 914400"/>
              <a:gd name="connsiteY3" fmla="*/ 2028825 h 5978227"/>
              <a:gd name="connsiteX4" fmla="*/ 714375 w 914400"/>
              <a:gd name="connsiteY4" fmla="*/ 2886075 h 5978227"/>
              <a:gd name="connsiteX5" fmla="*/ 520030 w 914400"/>
              <a:gd name="connsiteY5" fmla="*/ 4754091 h 5978227"/>
              <a:gd name="connsiteX6" fmla="*/ 520030 w 914400"/>
              <a:gd name="connsiteY6" fmla="*/ 5330155 h 5978227"/>
              <a:gd name="connsiteX7" fmla="*/ 592038 w 91440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17787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80070"/>
              <a:gd name="connsiteY0" fmla="*/ 0 h 5978227"/>
              <a:gd name="connsiteX1" fmla="*/ 266700 w 880070"/>
              <a:gd name="connsiteY1" fmla="*/ 209550 h 5978227"/>
              <a:gd name="connsiteX2" fmla="*/ 533400 w 880070"/>
              <a:gd name="connsiteY2" fmla="*/ 857250 h 5978227"/>
              <a:gd name="connsiteX3" fmla="*/ 880070 w 880070"/>
              <a:gd name="connsiteY3" fmla="*/ 2089795 h 5978227"/>
              <a:gd name="connsiteX4" fmla="*/ 714375 w 880070"/>
              <a:gd name="connsiteY4" fmla="*/ 2886075 h 5978227"/>
              <a:gd name="connsiteX5" fmla="*/ 520030 w 880070"/>
              <a:gd name="connsiteY5" fmla="*/ 4754091 h 5978227"/>
              <a:gd name="connsiteX6" fmla="*/ 520030 w 880070"/>
              <a:gd name="connsiteY6" fmla="*/ 5330155 h 5978227"/>
              <a:gd name="connsiteX7" fmla="*/ 592038 w 880070"/>
              <a:gd name="connsiteY7" fmla="*/ 5978227 h 5978227"/>
              <a:gd name="connsiteX0" fmla="*/ 0 w 878681"/>
              <a:gd name="connsiteY0" fmla="*/ 0 h 5978227"/>
              <a:gd name="connsiteX1" fmla="*/ 266700 w 878681"/>
              <a:gd name="connsiteY1" fmla="*/ 209550 h 5978227"/>
              <a:gd name="connsiteX2" fmla="*/ 533400 w 878681"/>
              <a:gd name="connsiteY2" fmla="*/ 857250 h 5978227"/>
              <a:gd name="connsiteX3" fmla="*/ 878681 w 878681"/>
              <a:gd name="connsiteY3" fmla="*/ 2016919 h 5978227"/>
              <a:gd name="connsiteX4" fmla="*/ 714375 w 878681"/>
              <a:gd name="connsiteY4" fmla="*/ 2886075 h 5978227"/>
              <a:gd name="connsiteX5" fmla="*/ 520030 w 878681"/>
              <a:gd name="connsiteY5" fmla="*/ 4754091 h 5978227"/>
              <a:gd name="connsiteX6" fmla="*/ 520030 w 878681"/>
              <a:gd name="connsiteY6" fmla="*/ 5330155 h 5978227"/>
              <a:gd name="connsiteX7" fmla="*/ 592038 w 878681"/>
              <a:gd name="connsiteY7" fmla="*/ 5978227 h 5978227"/>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06387 w 878681"/>
              <a:gd name="connsiteY7" fmla="*/ 6166051 h 6166051"/>
              <a:gd name="connsiteX0" fmla="*/ 0 w 878681"/>
              <a:gd name="connsiteY0" fmla="*/ 0 h 6166051"/>
              <a:gd name="connsiteX1" fmla="*/ 266700 w 878681"/>
              <a:gd name="connsiteY1" fmla="*/ 209550 h 6166051"/>
              <a:gd name="connsiteX2" fmla="*/ 533400 w 878681"/>
              <a:gd name="connsiteY2" fmla="*/ 857250 h 6166051"/>
              <a:gd name="connsiteX3" fmla="*/ 878681 w 878681"/>
              <a:gd name="connsiteY3" fmla="*/ 2016919 h 6166051"/>
              <a:gd name="connsiteX4" fmla="*/ 714375 w 878681"/>
              <a:gd name="connsiteY4" fmla="*/ 2886075 h 6166051"/>
              <a:gd name="connsiteX5" fmla="*/ 520030 w 878681"/>
              <a:gd name="connsiteY5" fmla="*/ 4754091 h 6166051"/>
              <a:gd name="connsiteX6" fmla="*/ 520030 w 878681"/>
              <a:gd name="connsiteY6" fmla="*/ 5330155 h 6166051"/>
              <a:gd name="connsiteX7" fmla="*/ 614901 w 878681"/>
              <a:gd name="connsiteY7" fmla="*/ 5802040 h 6166051"/>
              <a:gd name="connsiteX8" fmla="*/ 606387 w 878681"/>
              <a:gd name="connsiteY8" fmla="*/ 6166051 h 6166051"/>
              <a:gd name="connsiteX0" fmla="*/ 0 w 611981"/>
              <a:gd name="connsiteY0" fmla="*/ 0 h 5956501"/>
              <a:gd name="connsiteX1" fmla="*/ 266700 w 611981"/>
              <a:gd name="connsiteY1" fmla="*/ 647700 h 5956501"/>
              <a:gd name="connsiteX2" fmla="*/ 611981 w 611981"/>
              <a:gd name="connsiteY2" fmla="*/ 1807369 h 5956501"/>
              <a:gd name="connsiteX3" fmla="*/ 447675 w 611981"/>
              <a:gd name="connsiteY3" fmla="*/ 2676525 h 5956501"/>
              <a:gd name="connsiteX4" fmla="*/ 253330 w 611981"/>
              <a:gd name="connsiteY4" fmla="*/ 4544541 h 5956501"/>
              <a:gd name="connsiteX5" fmla="*/ 253330 w 611981"/>
              <a:gd name="connsiteY5" fmla="*/ 5120605 h 5956501"/>
              <a:gd name="connsiteX6" fmla="*/ 348201 w 611981"/>
              <a:gd name="connsiteY6" fmla="*/ 5592490 h 5956501"/>
              <a:gd name="connsiteX7" fmla="*/ 339687 w 611981"/>
              <a:gd name="connsiteY7" fmla="*/ 5956501 h 5956501"/>
              <a:gd name="connsiteX0" fmla="*/ 0 w 445773"/>
              <a:gd name="connsiteY0" fmla="*/ 0 h 5567499"/>
              <a:gd name="connsiteX1" fmla="*/ 100492 w 445773"/>
              <a:gd name="connsiteY1" fmla="*/ 258698 h 5567499"/>
              <a:gd name="connsiteX2" fmla="*/ 445773 w 445773"/>
              <a:gd name="connsiteY2" fmla="*/ 1418367 h 5567499"/>
              <a:gd name="connsiteX3" fmla="*/ 281467 w 445773"/>
              <a:gd name="connsiteY3" fmla="*/ 2287523 h 5567499"/>
              <a:gd name="connsiteX4" fmla="*/ 87122 w 445773"/>
              <a:gd name="connsiteY4" fmla="*/ 4155539 h 5567499"/>
              <a:gd name="connsiteX5" fmla="*/ 87122 w 445773"/>
              <a:gd name="connsiteY5" fmla="*/ 4731603 h 5567499"/>
              <a:gd name="connsiteX6" fmla="*/ 181993 w 445773"/>
              <a:gd name="connsiteY6" fmla="*/ 5203488 h 5567499"/>
              <a:gd name="connsiteX7" fmla="*/ 173479 w 445773"/>
              <a:gd name="connsiteY7" fmla="*/ 5567499 h 55674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445773" h="5567499">
                <a:moveTo>
                  <a:pt x="0" y="0"/>
                </a:moveTo>
                <a:lnTo>
                  <a:pt x="100492" y="258698"/>
                </a:lnTo>
                <a:lnTo>
                  <a:pt x="445773" y="1418367"/>
                </a:lnTo>
                <a:lnTo>
                  <a:pt x="281467" y="2287523"/>
                </a:lnTo>
                <a:lnTo>
                  <a:pt x="87122" y="4155539"/>
                </a:lnTo>
                <a:lnTo>
                  <a:pt x="87122" y="4731603"/>
                </a:lnTo>
                <a:lnTo>
                  <a:pt x="181993" y="5203488"/>
                </a:lnTo>
                <a:lnTo>
                  <a:pt x="173479" y="5567499"/>
                </a:lnTo>
              </a:path>
            </a:pathLst>
          </a:custGeom>
          <a:ln w="50800" cmpd="sng">
            <a:solidFill>
              <a:srgbClr val="FF9900"/>
            </a:solidFill>
            <a:prstDash val="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43" name="テキスト ボックス 42"/>
          <p:cNvSpPr txBox="1"/>
          <p:nvPr/>
        </p:nvSpPr>
        <p:spPr>
          <a:xfrm>
            <a:off x="8079731" y="1601571"/>
            <a:ext cx="1525259" cy="369332"/>
          </a:xfrm>
          <a:prstGeom prst="rect">
            <a:avLst/>
          </a:prstGeom>
          <a:noFill/>
          <a:ln w="12700">
            <a:solidFill>
              <a:schemeClr val="tx1"/>
            </a:solidFill>
          </a:ln>
        </p:spPr>
        <p:txBody>
          <a:bodyPr wrap="square" lIns="0" tIns="0" rIns="0" bIns="0" rtlCol="0" anchor="t" anchorCtr="0">
            <a:spAutoFit/>
          </a:bodyPr>
          <a:lstStyle/>
          <a:p>
            <a:pPr marL="180975" indent="-180975"/>
            <a:r>
              <a:rPr lang="ja-JP" altLang="en-US" sz="1200" b="1" dirty="0" smtClean="0"/>
              <a:t>③京橋・　大阪ビジネスパーク（ＯＢＰ）</a:t>
            </a:r>
            <a:endParaRPr lang="ja-JP" altLang="en-US" sz="1200" b="1" dirty="0"/>
          </a:p>
        </p:txBody>
      </p:sp>
      <p:sp>
        <p:nvSpPr>
          <p:cNvPr id="44" name="テキスト ボックス 43"/>
          <p:cNvSpPr txBox="1"/>
          <p:nvPr/>
        </p:nvSpPr>
        <p:spPr>
          <a:xfrm>
            <a:off x="6609192" y="2060848"/>
            <a:ext cx="2250396" cy="492408"/>
          </a:xfrm>
          <a:prstGeom prst="rect">
            <a:avLst/>
          </a:prstGeom>
          <a:noFill/>
          <a:ln w="12700">
            <a:noFill/>
          </a:ln>
        </p:spPr>
        <p:txBody>
          <a:bodyPr wrap="square" lIns="91406" tIns="45703" rIns="91406" bIns="45703" rtlCol="0">
            <a:spAutoFit/>
          </a:bodyPr>
          <a:lstStyle/>
          <a:p>
            <a:pPr algn="ctr"/>
            <a:r>
              <a:rPr lang="ja-JP" altLang="en-US" sz="1300" b="1" dirty="0" smtClean="0"/>
              <a:t>大阪ビジネスパーク</a:t>
            </a:r>
            <a:endParaRPr lang="en-US" altLang="ja-JP" sz="1300" b="1" dirty="0" smtClean="0"/>
          </a:p>
          <a:p>
            <a:pPr algn="ctr"/>
            <a:r>
              <a:rPr lang="ja-JP" altLang="en-US" sz="1300" b="1" dirty="0" smtClean="0"/>
              <a:t>（</a:t>
            </a:r>
            <a:r>
              <a:rPr lang="en-US" altLang="ja-JP" sz="1300" b="1" dirty="0" smtClean="0"/>
              <a:t>OBP)</a:t>
            </a:r>
            <a:endParaRPr lang="ja-JP" altLang="en-US" sz="1300" b="1" dirty="0"/>
          </a:p>
        </p:txBody>
      </p:sp>
      <p:sp>
        <p:nvSpPr>
          <p:cNvPr id="45" name="上下矢印 44"/>
          <p:cNvSpPr/>
          <p:nvPr/>
        </p:nvSpPr>
        <p:spPr>
          <a:xfrm rot="5793873">
            <a:off x="7772504" y="4261898"/>
            <a:ext cx="630111" cy="574742"/>
          </a:xfrm>
          <a:prstGeom prst="upDownArrow">
            <a:avLst>
              <a:gd name="adj1" fmla="val 50000"/>
              <a:gd name="adj2" fmla="val 27172"/>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テキスト ボックス 27"/>
          <p:cNvSpPr txBox="1"/>
          <p:nvPr/>
        </p:nvSpPr>
        <p:spPr>
          <a:xfrm>
            <a:off x="8249998" y="4042882"/>
            <a:ext cx="1214935" cy="184666"/>
          </a:xfrm>
          <a:prstGeom prst="rect">
            <a:avLst/>
          </a:prstGeom>
          <a:noFill/>
          <a:ln w="12700">
            <a:solidFill>
              <a:schemeClr val="tx1"/>
            </a:solidFill>
          </a:ln>
        </p:spPr>
        <p:txBody>
          <a:bodyPr wrap="square" lIns="0" tIns="0" rIns="0" bIns="0" rtlCol="0" anchor="ctr" anchorCtr="0">
            <a:spAutoFit/>
          </a:bodyPr>
          <a:lstStyle/>
          <a:p>
            <a:pPr algn="ctr"/>
            <a:r>
              <a:rPr lang="ja-JP" altLang="en-US" sz="1200" b="1" dirty="0" smtClean="0"/>
              <a:t>②森之宮</a:t>
            </a:r>
            <a:endParaRPr lang="ja-JP" altLang="en-US" sz="1200" b="1" dirty="0"/>
          </a:p>
        </p:txBody>
      </p:sp>
      <p:sp>
        <p:nvSpPr>
          <p:cNvPr id="48" name="スライド番号プレースホルダ 47"/>
          <p:cNvSpPr>
            <a:spLocks noGrp="1"/>
          </p:cNvSpPr>
          <p:nvPr>
            <p:ph type="sldNum" sz="quarter" idx="12"/>
          </p:nvPr>
        </p:nvSpPr>
        <p:spPr/>
        <p:txBody>
          <a:bodyPr/>
          <a:lstStyle/>
          <a:p>
            <a:fld id="{37EF5067-3AB7-4642-9103-42CBD40CC6D9}" type="slidenum">
              <a:rPr kumimoji="1" lang="ja-JP" altLang="en-US" smtClean="0"/>
              <a:pPr/>
              <a:t>22</a:t>
            </a:fld>
            <a:endParaRPr kumimoji="1" lang="ja-JP" altLang="en-US" dirty="0"/>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464" y="486919"/>
            <a:ext cx="9649072" cy="6329519"/>
          </a:xfrm>
          <a:prstGeom prst="rect">
            <a:avLst/>
          </a:prstGeom>
          <a:noFill/>
          <a:ln>
            <a:noFill/>
            <a:prstDash val="sysDash"/>
          </a:ln>
        </p:spPr>
        <p:txBody>
          <a:bodyPr wrap="square" rtlCol="0">
            <a:noAutofit/>
          </a:bodyPr>
          <a:lstStyle/>
          <a:p>
            <a:r>
              <a:rPr lang="ja-JP" altLang="en-US" sz="1400" dirty="0" smtClean="0"/>
              <a:t>○課題と取組み</a:t>
            </a:r>
            <a:endParaRPr lang="en-US" altLang="ja-JP" sz="1400" dirty="0" smtClean="0"/>
          </a:p>
        </p:txBody>
      </p:sp>
      <p:graphicFrame>
        <p:nvGraphicFramePr>
          <p:cNvPr id="10" name="表 9"/>
          <p:cNvGraphicFramePr>
            <a:graphicFrameLocks noGrp="1"/>
          </p:cNvGraphicFramePr>
          <p:nvPr/>
        </p:nvGraphicFramePr>
        <p:xfrm>
          <a:off x="200472" y="1002944"/>
          <a:ext cx="9505062" cy="1201920"/>
        </p:xfrm>
        <a:graphic>
          <a:graphicData uri="http://schemas.openxmlformats.org/drawingml/2006/table">
            <a:tbl>
              <a:tblPr firstRow="1" bandRow="1">
                <a:tableStyleId>{5C22544A-7EE6-4342-B048-85BDC9FD1C3A}</a:tableStyleId>
              </a:tblPr>
              <a:tblGrid>
                <a:gridCol w="936104"/>
                <a:gridCol w="1512168"/>
                <a:gridCol w="3024336"/>
                <a:gridCol w="4032454"/>
              </a:tblGrid>
              <a:tr h="277088">
                <a:tc>
                  <a:txBody>
                    <a:bodyPr/>
                    <a:lstStyle/>
                    <a:p>
                      <a:pPr algn="ct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rPr>
                        <a:t>事項</a:t>
                      </a: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875040">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j-ea"/>
                          <a:ea typeface="+mj-ea"/>
                        </a:rPr>
                        <a:t>施設の活用</a:t>
                      </a:r>
                      <a:endParaRPr kumimoji="1" lang="en-US" altLang="ja-JP" sz="1200" b="0" dirty="0" smtClean="0">
                        <a:solidFill>
                          <a:schemeClr val="tx1"/>
                        </a:solidFill>
                        <a:latin typeface="+mj-ea"/>
                        <a:ea typeface="+mj-ea"/>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80975" indent="-180975">
                        <a:lnSpc>
                          <a:spcPct val="100000"/>
                        </a:lnSpc>
                      </a:pPr>
                      <a:r>
                        <a:rPr lang="ja-JP" altLang="en-US" sz="1200" b="0" dirty="0" smtClean="0">
                          <a:solidFill>
                            <a:schemeClr val="tx1"/>
                          </a:solidFill>
                          <a:latin typeface="ＭＳ Ｐ明朝" pitchFamily="18" charset="-128"/>
                          <a:ea typeface="ＭＳ Ｐ明朝" pitchFamily="18" charset="-128"/>
                        </a:rPr>
                        <a:t>○世界的な歴史観光拠点への再整備</a:t>
                      </a:r>
                      <a:endParaRPr kumimoji="1" lang="en-US" altLang="ja-JP"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indent="-95250">
                        <a:lnSpc>
                          <a:spcPct val="100000"/>
                        </a:lnSpc>
                      </a:pPr>
                      <a:r>
                        <a:rPr lang="ja-JP" altLang="en-US" sz="1200" dirty="0" smtClean="0">
                          <a:latin typeface="ＭＳ Ｐ明朝" pitchFamily="18" charset="-128"/>
                          <a:ea typeface="ＭＳ Ｐ明朝" pitchFamily="18" charset="-128"/>
                        </a:rPr>
                        <a:t>・水と緑豊かな都心オアシスであるとともに、歴史的文化的資産が集積しているが、そのポテンシャルを十分に活かしきれていない。</a:t>
                      </a:r>
                      <a:endParaRPr lang="en-US" altLang="ja-JP" sz="1200" dirty="0" smtClean="0">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n-ea"/>
                          <a:ea typeface="+mn-ea"/>
                        </a:rPr>
                        <a:t>①大阪城公園の世界的な歴史観光拠点への再整備</a:t>
                      </a:r>
                      <a:endParaRPr lang="en-US" altLang="ja-JP" sz="1200" b="0" dirty="0" smtClean="0">
                        <a:solidFill>
                          <a:schemeClr val="tx1"/>
                        </a:solidFill>
                        <a:latin typeface="+mn-ea"/>
                        <a:ea typeface="+mn-ea"/>
                      </a:endParaRPr>
                    </a:p>
                    <a:p>
                      <a:pPr marL="177800" indent="-177800">
                        <a:lnSpc>
                          <a:spcPct val="100000"/>
                        </a:lnSpc>
                      </a:pPr>
                      <a:r>
                        <a:rPr kumimoji="1" lang="ja-JP" altLang="en-US" sz="1200" b="0" dirty="0" smtClean="0">
                          <a:solidFill>
                            <a:schemeClr val="tx1"/>
                          </a:solidFill>
                          <a:latin typeface="ＭＳ Ｐ明朝" pitchFamily="18" charset="-128"/>
                          <a:ea typeface="ＭＳ Ｐ明朝" pitchFamily="18" charset="-128"/>
                        </a:rPr>
                        <a:t>　・民間事業者によるパークマネジメント事業により、世界的な歴史観光拠点とする。</a:t>
                      </a:r>
                      <a:endParaRPr lang="ja-JP" altLang="en-US" sz="1200" dirty="0" smtClean="0">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13" name="テキスト ボックス 12"/>
          <p:cNvSpPr txBox="1"/>
          <p:nvPr/>
        </p:nvSpPr>
        <p:spPr>
          <a:xfrm>
            <a:off x="200472" y="836712"/>
            <a:ext cx="1656184" cy="166712"/>
          </a:xfrm>
          <a:prstGeom prst="rect">
            <a:avLst/>
          </a:prstGeom>
          <a:noFill/>
          <a:ln>
            <a:noFill/>
            <a:prstDash val="sysDash"/>
          </a:ln>
        </p:spPr>
        <p:txBody>
          <a:bodyPr wrap="square" lIns="0" tIns="0" bIns="0" rtlCol="0" anchor="b" anchorCtr="0">
            <a:spAutoFit/>
          </a:bodyPr>
          <a:lstStyle/>
          <a:p>
            <a:pPr>
              <a:lnSpc>
                <a:spcPts val="1300"/>
              </a:lnSpc>
            </a:pPr>
            <a:r>
              <a:rPr kumimoji="1" lang="ja-JP" altLang="en-US" sz="1200" dirty="0" smtClean="0"/>
              <a:t>■大阪城公園</a:t>
            </a:r>
          </a:p>
        </p:txBody>
      </p:sp>
      <p:sp>
        <p:nvSpPr>
          <p:cNvPr id="11" name="テキスト ボックス 10"/>
          <p:cNvSpPr txBox="1"/>
          <p:nvPr/>
        </p:nvSpPr>
        <p:spPr>
          <a:xfrm>
            <a:off x="200472" y="2387070"/>
            <a:ext cx="1656184" cy="166712"/>
          </a:xfrm>
          <a:prstGeom prst="rect">
            <a:avLst/>
          </a:prstGeom>
          <a:noFill/>
          <a:ln>
            <a:noFill/>
            <a:prstDash val="sysDash"/>
          </a:ln>
        </p:spPr>
        <p:txBody>
          <a:bodyPr wrap="square" lIns="0" tIns="0" bIns="0" rtlCol="0" anchor="b" anchorCtr="0">
            <a:spAutoFit/>
          </a:bodyPr>
          <a:lstStyle/>
          <a:p>
            <a:pPr>
              <a:lnSpc>
                <a:spcPts val="1300"/>
              </a:lnSpc>
            </a:pPr>
            <a:r>
              <a:rPr kumimoji="1" lang="ja-JP" altLang="en-US" sz="1200" dirty="0" smtClean="0"/>
              <a:t>■森之宮</a:t>
            </a:r>
          </a:p>
        </p:txBody>
      </p:sp>
      <p:graphicFrame>
        <p:nvGraphicFramePr>
          <p:cNvPr id="12" name="表 11"/>
          <p:cNvGraphicFramePr>
            <a:graphicFrameLocks noGrp="1"/>
          </p:cNvGraphicFramePr>
          <p:nvPr/>
        </p:nvGraphicFramePr>
        <p:xfrm>
          <a:off x="200472" y="2569798"/>
          <a:ext cx="9505062" cy="1385280"/>
        </p:xfrm>
        <a:graphic>
          <a:graphicData uri="http://schemas.openxmlformats.org/drawingml/2006/table">
            <a:tbl>
              <a:tblPr firstRow="1" bandRow="1">
                <a:tableStyleId>{5C22544A-7EE6-4342-B048-85BDC9FD1C3A}</a:tableStyleId>
              </a:tblPr>
              <a:tblGrid>
                <a:gridCol w="936104"/>
                <a:gridCol w="1512168"/>
                <a:gridCol w="3024336"/>
                <a:gridCol w="4032454"/>
              </a:tblGrid>
              <a:tr h="216024">
                <a:tc>
                  <a:txBody>
                    <a:bodyPr/>
                    <a:lstStyle/>
                    <a:p>
                      <a:pPr algn="ct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rPr>
                        <a:t>事項</a:t>
                      </a: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478074">
                <a:tc>
                  <a:txBody>
                    <a:bodyPr/>
                    <a:lstStyle/>
                    <a:p>
                      <a:pPr>
                        <a:lnSpc>
                          <a:spcPct val="100000"/>
                        </a:lnSpc>
                      </a:pPr>
                      <a:r>
                        <a:rPr kumimoji="1" lang="ja-JP" altLang="en-US" sz="1200" b="0" dirty="0" smtClean="0">
                          <a:solidFill>
                            <a:schemeClr val="tx1"/>
                          </a:solidFill>
                          <a:latin typeface="+mj-ea"/>
                          <a:ea typeface="+mj-ea"/>
                        </a:rPr>
                        <a:t>土地利用</a:t>
                      </a:r>
                      <a:endParaRPr kumimoji="1" lang="en-US" altLang="ja-JP" sz="1200" b="0" dirty="0" smtClean="0">
                        <a:solidFill>
                          <a:schemeClr val="tx1"/>
                        </a:solidFill>
                        <a:latin typeface="+mj-ea"/>
                        <a:ea typeface="+mj-ea"/>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80975" indent="-180975">
                        <a:lnSpc>
                          <a:spcPct val="100000"/>
                        </a:lnSpc>
                      </a:pPr>
                      <a:r>
                        <a:rPr kumimoji="1" lang="ja-JP" altLang="en-US" sz="1200" b="0" dirty="0" smtClean="0">
                          <a:solidFill>
                            <a:schemeClr val="tx1"/>
                          </a:solidFill>
                          <a:latin typeface="ＭＳ Ｐ明朝" pitchFamily="18" charset="-128"/>
                          <a:ea typeface="ＭＳ Ｐ明朝" pitchFamily="18" charset="-128"/>
                        </a:rPr>
                        <a:t>○未利用地等の活用</a:t>
                      </a:r>
                      <a:endParaRPr kumimoji="1" lang="en-US" altLang="ja-JP" sz="1200" b="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indent="-95250">
                        <a:lnSpc>
                          <a:spcPct val="100000"/>
                        </a:lnSpc>
                      </a:pPr>
                      <a:r>
                        <a:rPr lang="ja-JP" altLang="en-US" sz="1200" dirty="0" smtClean="0">
                          <a:solidFill>
                            <a:schemeClr val="tx1"/>
                          </a:solidFill>
                          <a:latin typeface="ＭＳ Ｐ明朝" pitchFamily="18" charset="-128"/>
                          <a:ea typeface="ＭＳ Ｐ明朝" pitchFamily="18" charset="-128"/>
                        </a:rPr>
                        <a:t>・大阪城公園・大阪ビジネスパークと近接し、ごみ焼却場跡地、建替え用地など大規模な未利用地を有するポテンシャルが高い地区であるものの、その強みを活かせていない。</a:t>
                      </a:r>
                      <a:endParaRPr lang="en-US" altLang="ja-JP" sz="120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mn-ea"/>
                          <a:ea typeface="+mn-ea"/>
                        </a:rPr>
                        <a:t>②森之宮のまちづくり</a:t>
                      </a:r>
                    </a:p>
                    <a:p>
                      <a:pPr marL="177800" indent="-177800">
                        <a:lnSpc>
                          <a:spcPct val="100000"/>
                        </a:lnSpc>
                      </a:pPr>
                      <a:r>
                        <a:rPr kumimoji="1" lang="ja-JP" altLang="en-US" sz="1200" b="0" dirty="0" smtClean="0">
                          <a:solidFill>
                            <a:schemeClr val="tx1"/>
                          </a:solidFill>
                          <a:latin typeface="ＭＳ Ｐ明朝" pitchFamily="18" charset="-128"/>
                          <a:ea typeface="ＭＳ Ｐ明朝" pitchFamily="18" charset="-128"/>
                        </a:rPr>
                        <a:t>　・大規模な土地利用転換を図り、</a:t>
                      </a:r>
                      <a:r>
                        <a:rPr lang="ja-JP" altLang="en-US" sz="1200" dirty="0" smtClean="0">
                          <a:solidFill>
                            <a:schemeClr val="tx1"/>
                          </a:solidFill>
                          <a:latin typeface="ＭＳ Ｐ明朝" pitchFamily="18" charset="-128"/>
                          <a:ea typeface="ＭＳ Ｐ明朝" pitchFamily="18" charset="-128"/>
                        </a:rPr>
                        <a:t>少子高齢化への対応などの地域の活力の向上に資するまちづくりを行う。</a:t>
                      </a:r>
                      <a:endParaRPr lang="ja-JP" altLang="en-US" sz="1200" dirty="0" smtClean="0">
                        <a:latin typeface="ＭＳ Ｐ明朝" pitchFamily="18" charset="-128"/>
                        <a:ea typeface="ＭＳ Ｐ明朝" pitchFamily="18" charset="-128"/>
                      </a:endParaRPr>
                    </a:p>
                    <a:p>
                      <a:pPr marL="177800" indent="-177800">
                        <a:lnSpc>
                          <a:spcPct val="100000"/>
                        </a:lnSpc>
                      </a:pPr>
                      <a:r>
                        <a:rPr kumimoji="1" lang="ja-JP" altLang="en-US" sz="1200" b="0" dirty="0" smtClean="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大学等や成長産業を立地させ、多様な世代の居住ニーズに対応した住環境の整備を行う。</a:t>
                      </a:r>
                      <a:endParaRPr lang="ja-JP" altLang="en-US" sz="1200" dirty="0" smtClean="0">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14" name="テキスト ボックス 13"/>
          <p:cNvSpPr txBox="1"/>
          <p:nvPr/>
        </p:nvSpPr>
        <p:spPr>
          <a:xfrm>
            <a:off x="200472" y="4173867"/>
            <a:ext cx="2808312" cy="166712"/>
          </a:xfrm>
          <a:prstGeom prst="rect">
            <a:avLst/>
          </a:prstGeom>
          <a:noFill/>
          <a:ln>
            <a:noFill/>
            <a:prstDash val="sysDash"/>
          </a:ln>
        </p:spPr>
        <p:txBody>
          <a:bodyPr wrap="square" lIns="0" tIns="0" bIns="0" rtlCol="0" anchor="b" anchorCtr="0">
            <a:spAutoFit/>
          </a:bodyPr>
          <a:lstStyle/>
          <a:p>
            <a:pPr>
              <a:lnSpc>
                <a:spcPts val="1300"/>
              </a:lnSpc>
            </a:pPr>
            <a:r>
              <a:rPr lang="ja-JP" altLang="en-US" sz="1200" dirty="0" smtClean="0">
                <a:latin typeface="+mn-ea"/>
              </a:rPr>
              <a:t>■京橋・大阪ビジネスパーク（ＯＢＰ）</a:t>
            </a:r>
            <a:endParaRPr kumimoji="1" lang="ja-JP" altLang="en-US" sz="1200" dirty="0" smtClean="0">
              <a:latin typeface="+mn-ea"/>
            </a:endParaRPr>
          </a:p>
        </p:txBody>
      </p:sp>
      <p:graphicFrame>
        <p:nvGraphicFramePr>
          <p:cNvPr id="15" name="表 14"/>
          <p:cNvGraphicFramePr>
            <a:graphicFrameLocks noGrp="1"/>
          </p:cNvGraphicFramePr>
          <p:nvPr>
            <p:extLst>
              <p:ext uri="{D42A27DB-BD31-4B8C-83A1-F6EECF244321}">
                <p14:modId xmlns:p14="http://schemas.microsoft.com/office/powerpoint/2010/main" val="2526847305"/>
              </p:ext>
            </p:extLst>
          </p:nvPr>
        </p:nvGraphicFramePr>
        <p:xfrm>
          <a:off x="200517" y="4412587"/>
          <a:ext cx="9577018" cy="2293013"/>
        </p:xfrm>
        <a:graphic>
          <a:graphicData uri="http://schemas.openxmlformats.org/drawingml/2006/table">
            <a:tbl>
              <a:tblPr firstRow="1" bandRow="1">
                <a:tableStyleId>{5C22544A-7EE6-4342-B048-85BDC9FD1C3A}</a:tableStyleId>
              </a:tblPr>
              <a:tblGrid>
                <a:gridCol w="943192"/>
                <a:gridCol w="1523616"/>
                <a:gridCol w="3047233"/>
                <a:gridCol w="4062977"/>
              </a:tblGrid>
              <a:tr h="216024">
                <a:tc>
                  <a:txBody>
                    <a:bodyPr/>
                    <a:lstStyle/>
                    <a:p>
                      <a:pPr algn="ct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rPr>
                        <a:t>事項</a:t>
                      </a: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課題</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ja-JP" altLang="en-US" sz="1200" b="0" dirty="0" smtClean="0">
                          <a:solidFill>
                            <a:schemeClr val="tx1"/>
                          </a:solidFill>
                        </a:rPr>
                        <a:t>取組み</a:t>
                      </a:r>
                      <a:endParaRPr kumimoji="1" lang="ja-JP" altLang="en-US" sz="1200" b="0" dirty="0">
                        <a:solidFill>
                          <a:schemeClr val="tx1"/>
                        </a:solidFill>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r h="1966133">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j-ea"/>
                          <a:ea typeface="+mj-ea"/>
                        </a:rPr>
                        <a:t>土地利用</a:t>
                      </a:r>
                      <a:endParaRPr kumimoji="1" lang="en-US" altLang="ja-JP" sz="1200" b="0" dirty="0" smtClean="0">
                        <a:solidFill>
                          <a:schemeClr val="tx1"/>
                        </a:solidFill>
                        <a:latin typeface="+mj-ea"/>
                        <a:ea typeface="+mj-ea"/>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180975" marR="0" indent="-180975" algn="l" defTabSz="957700" rtl="0" eaLnBrk="1" fontAlgn="auto" latinLnBrk="0" hangingPunct="1">
                        <a:lnSpc>
                          <a:spcPct val="100000"/>
                        </a:lnSpc>
                        <a:spcBef>
                          <a:spcPts val="0"/>
                        </a:spcBef>
                        <a:spcAft>
                          <a:spcPts val="0"/>
                        </a:spcAft>
                        <a:buClrTx/>
                        <a:buSzTx/>
                        <a:buFontTx/>
                        <a:buNone/>
                        <a:tabLst/>
                        <a:defRPr/>
                      </a:pPr>
                      <a:r>
                        <a:rPr lang="ja-JP" altLang="en-US" sz="1200" dirty="0" smtClean="0">
                          <a:latin typeface="ＭＳ Ｐ明朝" pitchFamily="18" charset="-128"/>
                          <a:ea typeface="ＭＳ Ｐ明朝" pitchFamily="18" charset="-128"/>
                        </a:rPr>
                        <a:t>○市街地・鉄道ターミナルの更新</a:t>
                      </a:r>
                      <a:endParaRPr lang="en-US" altLang="ja-JP" sz="1200" dirty="0" smtClean="0">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marR="0" indent="-95250" algn="l" defTabSz="9577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ＭＳ Ｐ明朝" pitchFamily="18" charset="-128"/>
                          <a:ea typeface="ＭＳ Ｐ明朝" pitchFamily="18" charset="-128"/>
                          <a:cs typeface="+mn-cs"/>
                        </a:rPr>
                        <a:t>・</a:t>
                      </a:r>
                      <a:r>
                        <a:rPr lang="ja-JP" altLang="en-US" sz="1200" dirty="0" smtClean="0">
                          <a:latin typeface="ＭＳ Ｐ明朝" pitchFamily="18" charset="-128"/>
                          <a:ea typeface="ＭＳ Ｐ明朝" pitchFamily="18" charset="-128"/>
                        </a:rPr>
                        <a:t>京橋は大阪第</a:t>
                      </a:r>
                      <a:r>
                        <a:rPr lang="en-US" altLang="ja-JP" sz="1200" dirty="0" smtClean="0">
                          <a:latin typeface="ＭＳ Ｐ明朝" pitchFamily="18" charset="-128"/>
                          <a:ea typeface="ＭＳ Ｐ明朝" pitchFamily="18" charset="-128"/>
                        </a:rPr>
                        <a:t>4</a:t>
                      </a:r>
                      <a:r>
                        <a:rPr lang="ja-JP" altLang="en-US" sz="1200" dirty="0" smtClean="0">
                          <a:latin typeface="ＭＳ Ｐ明朝" pitchFamily="18" charset="-128"/>
                          <a:ea typeface="ＭＳ Ｐ明朝" pitchFamily="18" charset="-128"/>
                        </a:rPr>
                        <a:t>の乗降客数があるターミナル。ターミナルに乗り入れる路線（</a:t>
                      </a:r>
                      <a:r>
                        <a:rPr lang="en-US" altLang="ja-JP" sz="1200" dirty="0" smtClean="0">
                          <a:latin typeface="ＭＳ Ｐ明朝" pitchFamily="18" charset="-128"/>
                          <a:ea typeface="ＭＳ Ｐ明朝" pitchFamily="18" charset="-128"/>
                        </a:rPr>
                        <a:t>JR</a:t>
                      </a:r>
                      <a:r>
                        <a:rPr lang="ja-JP" altLang="en-US" sz="1200" dirty="0" smtClean="0">
                          <a:latin typeface="ＭＳ Ｐ明朝" pitchFamily="18" charset="-128"/>
                          <a:ea typeface="ＭＳ Ｐ明朝" pitchFamily="18" charset="-128"/>
                        </a:rPr>
                        <a:t>・京阪・地下鉄）相互間の乗換えや大阪ビジネスパークへの動線には多くの上下移動をともない、また、歩行者動線も交錯している。</a:t>
                      </a:r>
                      <a:endParaRPr kumimoji="1" lang="en-US" altLang="ja-JP" sz="1200" kern="1200" dirty="0" smtClean="0">
                        <a:solidFill>
                          <a:schemeClr val="tx1"/>
                        </a:solidFill>
                        <a:latin typeface="ＭＳ Ｐ明朝" pitchFamily="18" charset="-128"/>
                        <a:ea typeface="ＭＳ Ｐ明朝" pitchFamily="18" charset="-128"/>
                        <a:cs typeface="+mn-cs"/>
                      </a:endParaRPr>
                    </a:p>
                    <a:p>
                      <a:pPr marL="95250" marR="0" indent="-95250" algn="l" defTabSz="957700" rtl="0" eaLnBrk="1" fontAlgn="auto" latinLnBrk="0" hangingPunct="1">
                        <a:lnSpc>
                          <a:spcPct val="100000"/>
                        </a:lnSpc>
                        <a:spcBef>
                          <a:spcPts val="0"/>
                        </a:spcBef>
                        <a:spcAft>
                          <a:spcPts val="0"/>
                        </a:spcAft>
                        <a:buClrTx/>
                        <a:buSzTx/>
                        <a:buFontTx/>
                        <a:buNone/>
                        <a:tabLst/>
                        <a:defRPr/>
                      </a:pPr>
                      <a:r>
                        <a:rPr kumimoji="1" lang="ja-JP" altLang="en-US" sz="1200" kern="1200" dirty="0" smtClean="0">
                          <a:solidFill>
                            <a:schemeClr val="tx1"/>
                          </a:solidFill>
                          <a:latin typeface="ＭＳ Ｐ明朝" pitchFamily="18" charset="-128"/>
                          <a:ea typeface="ＭＳ Ｐ明朝" pitchFamily="18" charset="-128"/>
                          <a:cs typeface="+mn-cs"/>
                        </a:rPr>
                        <a:t>・大阪ビジネスパークはまちび</a:t>
                      </a:r>
                      <a:r>
                        <a:rPr kumimoji="1" lang="ja-JP" altLang="en-US" sz="1200" kern="1200" dirty="0" err="1" smtClean="0">
                          <a:solidFill>
                            <a:schemeClr val="tx1"/>
                          </a:solidFill>
                          <a:latin typeface="ＭＳ Ｐ明朝" pitchFamily="18" charset="-128"/>
                          <a:ea typeface="ＭＳ Ｐ明朝" pitchFamily="18" charset="-128"/>
                          <a:cs typeface="+mn-cs"/>
                        </a:rPr>
                        <a:t>らき</a:t>
                      </a:r>
                      <a:r>
                        <a:rPr kumimoji="1" lang="ja-JP" altLang="en-US" sz="1200" kern="1200" dirty="0" smtClean="0">
                          <a:solidFill>
                            <a:schemeClr val="tx1"/>
                          </a:solidFill>
                          <a:latin typeface="ＭＳ Ｐ明朝" pitchFamily="18" charset="-128"/>
                          <a:ea typeface="ＭＳ Ｐ明朝" pitchFamily="18" charset="-128"/>
                          <a:cs typeface="+mn-cs"/>
                        </a:rPr>
                        <a:t>から約</a:t>
                      </a:r>
                      <a:r>
                        <a:rPr kumimoji="1" lang="en-US" altLang="ja-JP" sz="1200" kern="1200" dirty="0" smtClean="0">
                          <a:solidFill>
                            <a:schemeClr val="tx1"/>
                          </a:solidFill>
                          <a:latin typeface="ＭＳ Ｐ明朝" pitchFamily="18" charset="-128"/>
                          <a:ea typeface="ＭＳ Ｐ明朝" pitchFamily="18" charset="-128"/>
                          <a:cs typeface="+mn-cs"/>
                        </a:rPr>
                        <a:t>30</a:t>
                      </a:r>
                      <a:r>
                        <a:rPr kumimoji="1" lang="ja-JP" altLang="en-US" sz="1200" kern="1200" dirty="0" smtClean="0">
                          <a:solidFill>
                            <a:schemeClr val="tx1"/>
                          </a:solidFill>
                          <a:latin typeface="ＭＳ Ｐ明朝" pitchFamily="18" charset="-128"/>
                          <a:ea typeface="ＭＳ Ｐ明朝" pitchFamily="18" charset="-128"/>
                          <a:cs typeface="+mn-cs"/>
                        </a:rPr>
                        <a:t>年経過し、今後大規模な改修・更新時期を迎えるにあたり、他の拠点開発と区別化できるコンセプトが必要となっている。</a:t>
                      </a:r>
                      <a:endParaRPr kumimoji="1" lang="en-US" altLang="ja-JP" sz="1200" kern="1200" dirty="0" smtClean="0">
                        <a:solidFill>
                          <a:schemeClr val="tx1"/>
                        </a:solidFill>
                        <a:latin typeface="ＭＳ Ｐ明朝" pitchFamily="18" charset="-128"/>
                        <a:ea typeface="ＭＳ Ｐ明朝" pitchFamily="18" charset="-128"/>
                        <a:cs typeface="+mn-cs"/>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95250" marR="0" indent="-95250" algn="l" defTabSz="9577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n-ea"/>
                          <a:ea typeface="+mn-ea"/>
                        </a:rPr>
                        <a:t>③京橋駅周辺の歩行者ﾈｯﾄﾜｰｸの向上と、</a:t>
                      </a:r>
                      <a:r>
                        <a:rPr lang="en-US" altLang="ja-JP" sz="1200" b="0" dirty="0" smtClean="0">
                          <a:solidFill>
                            <a:schemeClr val="tx1"/>
                          </a:solidFill>
                          <a:latin typeface="+mn-ea"/>
                          <a:ea typeface="+mn-ea"/>
                        </a:rPr>
                        <a:t>OBP</a:t>
                      </a:r>
                      <a:r>
                        <a:rPr kumimoji="1" lang="ja-JP" altLang="en-US" sz="1200" kern="1200" dirty="0" smtClean="0">
                          <a:solidFill>
                            <a:schemeClr val="tx1"/>
                          </a:solidFill>
                          <a:latin typeface="+mn-ea"/>
                          <a:ea typeface="+mn-ea"/>
                          <a:cs typeface="+mn-cs"/>
                        </a:rPr>
                        <a:t>の再生</a:t>
                      </a:r>
                      <a:endParaRPr lang="en-US" altLang="ja-JP" sz="1200" dirty="0" smtClean="0">
                        <a:solidFill>
                          <a:schemeClr val="tx1"/>
                        </a:solidFill>
                        <a:latin typeface="+mn-ea"/>
                        <a:ea typeface="+mn-ea"/>
                      </a:endParaRPr>
                    </a:p>
                    <a:p>
                      <a:pPr marL="88900" marR="0" indent="-8890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ターミナルに乗り入れる路線（</a:t>
                      </a:r>
                      <a:r>
                        <a:rPr lang="en-US" altLang="ja-JP" sz="1200" dirty="0" smtClean="0">
                          <a:solidFill>
                            <a:schemeClr val="tx1"/>
                          </a:solidFill>
                          <a:latin typeface="ＭＳ Ｐ明朝" pitchFamily="18" charset="-128"/>
                          <a:ea typeface="ＭＳ Ｐ明朝" pitchFamily="18" charset="-128"/>
                        </a:rPr>
                        <a:t>JR</a:t>
                      </a:r>
                      <a:r>
                        <a:rPr lang="ja-JP" altLang="en-US" sz="1200" dirty="0" smtClean="0">
                          <a:solidFill>
                            <a:schemeClr val="tx1"/>
                          </a:solidFill>
                          <a:latin typeface="ＭＳ Ｐ明朝" pitchFamily="18" charset="-128"/>
                          <a:ea typeface="ＭＳ Ｐ明朝" pitchFamily="18" charset="-128"/>
                        </a:rPr>
                        <a:t>・京阪・地下鉄）相互間、　　　　　　　　</a:t>
                      </a:r>
                      <a:endParaRPr lang="en-US" altLang="ja-JP" sz="1200" dirty="0" smtClean="0">
                        <a:solidFill>
                          <a:schemeClr val="tx1"/>
                        </a:solidFill>
                        <a:latin typeface="ＭＳ Ｐ明朝" pitchFamily="18" charset="-128"/>
                        <a:ea typeface="ＭＳ Ｐ明朝" pitchFamily="18" charset="-128"/>
                      </a:endParaRPr>
                    </a:p>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大阪ビジネスパークへの動線のバリアフリーを促進し、歩　</a:t>
                      </a:r>
                      <a:endParaRPr lang="en-US" altLang="ja-JP" sz="1200" dirty="0" smtClean="0">
                        <a:solidFill>
                          <a:schemeClr val="tx1"/>
                        </a:solidFill>
                        <a:latin typeface="ＭＳ Ｐ明朝" pitchFamily="18" charset="-128"/>
                        <a:ea typeface="ＭＳ Ｐ明朝" pitchFamily="18" charset="-128"/>
                      </a:endParaRPr>
                    </a:p>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行者の安全性・快適性を高めるなど歩行者ネットワークの</a:t>
                      </a:r>
                      <a:endParaRPr lang="en-US" altLang="ja-JP" sz="1200" dirty="0" smtClean="0">
                        <a:solidFill>
                          <a:schemeClr val="tx1"/>
                        </a:solidFill>
                        <a:latin typeface="ＭＳ Ｐ明朝" pitchFamily="18" charset="-128"/>
                        <a:ea typeface="ＭＳ Ｐ明朝" pitchFamily="18" charset="-128"/>
                      </a:endParaRPr>
                    </a:p>
                    <a:p>
                      <a:pPr marL="88900" marR="0" indent="-88900" algn="l" defTabSz="9577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ＭＳ Ｐ明朝" pitchFamily="18" charset="-128"/>
                          <a:ea typeface="ＭＳ Ｐ明朝" pitchFamily="18" charset="-128"/>
                        </a:rPr>
                        <a:t>　　向上を図り、周辺エリアとの連携強化を図る。</a:t>
                      </a:r>
                      <a:endParaRPr lang="en-US" altLang="ja-JP" sz="1200" dirty="0" smtClean="0">
                        <a:solidFill>
                          <a:schemeClr val="tx1"/>
                        </a:solidFill>
                        <a:latin typeface="ＭＳ Ｐ明朝" pitchFamily="18" charset="-128"/>
                        <a:ea typeface="ＭＳ Ｐ明朝" pitchFamily="18" charset="-128"/>
                      </a:endParaRPr>
                    </a:p>
                    <a:p>
                      <a:pPr marL="177800" marR="0" indent="-17780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a:t>
                      </a:r>
                      <a:r>
                        <a:rPr kumimoji="1" lang="ja-JP" altLang="en-US" sz="1200" kern="1200" dirty="0" smtClean="0">
                          <a:solidFill>
                            <a:schemeClr val="tx1"/>
                          </a:solidFill>
                          <a:latin typeface="ＭＳ Ｐ明朝" pitchFamily="18" charset="-128"/>
                          <a:ea typeface="ＭＳ Ｐ明朝" pitchFamily="18" charset="-128"/>
                          <a:cs typeface="+mn-cs"/>
                        </a:rPr>
                        <a:t>大阪ビジネスパークを</a:t>
                      </a:r>
                      <a:r>
                        <a:rPr lang="ja-JP" altLang="en-US" sz="1200" b="0" dirty="0" smtClean="0">
                          <a:solidFill>
                            <a:schemeClr val="tx1"/>
                          </a:solidFill>
                          <a:latin typeface="ＭＳ Ｐ明朝" pitchFamily="18" charset="-128"/>
                          <a:ea typeface="ＭＳ Ｐ明朝" pitchFamily="18" charset="-128"/>
                        </a:rPr>
                        <a:t>災害時などリスク発生時の業務継続性</a:t>
                      </a:r>
                      <a:r>
                        <a:rPr kumimoji="1" lang="ja-JP" altLang="en-US" sz="1200" kern="1200" dirty="0" smtClean="0">
                          <a:solidFill>
                            <a:schemeClr val="tx1"/>
                          </a:solidFill>
                          <a:latin typeface="ＭＳ Ｐ明朝" pitchFamily="18" charset="-128"/>
                          <a:ea typeface="ＭＳ Ｐ明朝" pitchFamily="18" charset="-128"/>
                          <a:cs typeface="+mn-cs"/>
                        </a:rPr>
                        <a:t>に強い街として再生し、国際的なビジネス拠点をめざす。</a:t>
                      </a:r>
                      <a:endParaRPr lang="en-US" altLang="ja-JP" sz="1200" dirty="0" smtClean="0">
                        <a:solidFill>
                          <a:schemeClr val="tx1"/>
                        </a:solidFill>
                        <a:latin typeface="ＭＳ Ｐ明朝" pitchFamily="18" charset="-128"/>
                        <a:ea typeface="ＭＳ Ｐ明朝" pitchFamily="18" charset="-128"/>
                      </a:endParaRPr>
                    </a:p>
                  </a:txBody>
                  <a:tcPr marL="72001" marR="72001" marT="72000" marB="72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16" name="Rectangle 2"/>
          <p:cNvSpPr txBox="1">
            <a:spLocks noChangeArrowheads="1"/>
          </p:cNvSpPr>
          <p:nvPr/>
        </p:nvSpPr>
        <p:spPr bwMode="auto">
          <a:xfrm>
            <a:off x="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５．大阪城公園、森之宮、京橋･大阪ビジネスパーク</a:t>
            </a:r>
            <a:endParaRPr lang="en-US" altLang="ja-JP" sz="1400" b="1" dirty="0" smtClean="0">
              <a:solidFill>
                <a:schemeClr val="bg1"/>
              </a:solidFill>
              <a:latin typeface="ＭＳ ゴシック" pitchFamily="49" charset="-128"/>
              <a:ea typeface="ＭＳ ゴシック" pitchFamily="49" charset="-128"/>
            </a:endParaRPr>
          </a:p>
        </p:txBody>
      </p:sp>
      <p:sp>
        <p:nvSpPr>
          <p:cNvPr id="18" name="スライド番号プレースホルダ 17"/>
          <p:cNvSpPr>
            <a:spLocks noGrp="1"/>
          </p:cNvSpPr>
          <p:nvPr>
            <p:ph type="sldNum" sz="quarter" idx="12"/>
          </p:nvPr>
        </p:nvSpPr>
        <p:spPr/>
        <p:txBody>
          <a:bodyPr/>
          <a:lstStyle/>
          <a:p>
            <a:fld id="{37EF5067-3AB7-4642-9103-42CBD40CC6D9}" type="slidenum">
              <a:rPr kumimoji="1" lang="ja-JP" altLang="en-US" smtClean="0"/>
              <a:pPr/>
              <a:t>23</a:t>
            </a:fld>
            <a:endParaRPr kumimoji="1" lang="ja-JP" altLang="en-US" dirty="0"/>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2"/>
          <p:cNvSpPr txBox="1">
            <a:spLocks noChangeArrowheads="1"/>
          </p:cNvSpPr>
          <p:nvPr/>
        </p:nvSpPr>
        <p:spPr bwMode="auto">
          <a:xfrm>
            <a:off x="0" y="0"/>
            <a:ext cx="9906000" cy="451272"/>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５．大阪城公園、森之宮、京橋･大阪ビジネスパーク</a:t>
            </a:r>
            <a:endParaRPr lang="en-US" altLang="ja-JP" sz="1400" b="1" dirty="0" smtClean="0">
              <a:solidFill>
                <a:schemeClr val="bg1"/>
              </a:solidFill>
              <a:latin typeface="ＭＳ ゴシック" pitchFamily="49" charset="-128"/>
              <a:ea typeface="ＭＳ ゴシック" pitchFamily="49" charset="-128"/>
            </a:endParaRPr>
          </a:p>
        </p:txBody>
      </p:sp>
      <p:sp>
        <p:nvSpPr>
          <p:cNvPr id="7" name="テキスト ボックス 6"/>
          <p:cNvSpPr txBox="1"/>
          <p:nvPr/>
        </p:nvSpPr>
        <p:spPr>
          <a:xfrm>
            <a:off x="50" y="476672"/>
            <a:ext cx="2956259" cy="338554"/>
          </a:xfrm>
          <a:prstGeom prst="rect">
            <a:avLst/>
          </a:prstGeom>
          <a:noFill/>
        </p:spPr>
        <p:txBody>
          <a:bodyPr wrap="none" rtlCol="0">
            <a:spAutoFit/>
          </a:bodyPr>
          <a:lstStyle/>
          <a:p>
            <a:pPr lvl="0"/>
            <a:r>
              <a:rPr kumimoji="1" lang="ja-JP" altLang="en-US" sz="1600" dirty="0" smtClean="0"/>
              <a:t>○今後の取組み（スケジュール）</a:t>
            </a:r>
            <a:endParaRPr kumimoji="1" lang="en-US" altLang="ja-JP" sz="1600" dirty="0" smtClean="0"/>
          </a:p>
        </p:txBody>
      </p:sp>
      <p:pic>
        <p:nvPicPr>
          <p:cNvPr id="35843" name="Picture 3"/>
          <p:cNvPicPr>
            <a:picLocks noChangeAspect="1" noChangeArrowheads="1"/>
          </p:cNvPicPr>
          <p:nvPr/>
        </p:nvPicPr>
        <p:blipFill>
          <a:blip r:embed="rId2" cstate="email"/>
          <a:srcRect/>
          <a:stretch>
            <a:fillRect/>
          </a:stretch>
        </p:blipFill>
        <p:spPr bwMode="auto">
          <a:xfrm>
            <a:off x="272480" y="861294"/>
            <a:ext cx="9417496" cy="4871962"/>
          </a:xfrm>
          <a:prstGeom prst="rect">
            <a:avLst/>
          </a:prstGeom>
          <a:noFill/>
          <a:ln w="9525">
            <a:noFill/>
            <a:miter lim="800000"/>
            <a:headEnd/>
            <a:tailEnd/>
          </a:ln>
          <a:effectLst/>
        </p:spPr>
      </p:pic>
      <p:sp>
        <p:nvSpPr>
          <p:cNvPr id="10" name="角丸四角形 9"/>
          <p:cNvSpPr/>
          <p:nvPr/>
        </p:nvSpPr>
        <p:spPr>
          <a:xfrm>
            <a:off x="288032" y="6141418"/>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11" name="テキスト ボックス 10"/>
          <p:cNvSpPr txBox="1"/>
          <p:nvPr/>
        </p:nvSpPr>
        <p:spPr>
          <a:xfrm>
            <a:off x="236109" y="5852438"/>
            <a:ext cx="6697667" cy="338554"/>
          </a:xfrm>
          <a:prstGeom prst="rect">
            <a:avLst/>
          </a:prstGeom>
          <a:noFill/>
        </p:spPr>
        <p:txBody>
          <a:bodyPr wrap="none" rtlCol="0">
            <a:spAutoFit/>
          </a:bodyPr>
          <a:lstStyle/>
          <a:p>
            <a:pPr lvl="0"/>
            <a:r>
              <a:rPr lang="ja-JP" altLang="en-US" sz="1600" dirty="0" smtClean="0"/>
              <a:t>○</a:t>
            </a:r>
            <a:r>
              <a:rPr lang="en-US" altLang="ja-JP" sz="1600" dirty="0" smtClean="0"/>
              <a:t>『</a:t>
            </a:r>
            <a:r>
              <a:rPr lang="ja-JP" altLang="en-US" sz="1600" dirty="0" smtClean="0"/>
              <a:t>大阪城公園、森之宮、京橋・大阪ビジネスパーク</a:t>
            </a:r>
            <a:r>
              <a:rPr lang="en-US" altLang="ja-JP" sz="1600" dirty="0" smtClean="0"/>
              <a:t>』</a:t>
            </a:r>
            <a:r>
              <a:rPr lang="ja-JP" altLang="en-US" sz="1600" dirty="0" smtClean="0"/>
              <a:t>エリアの担当部局一覧</a:t>
            </a:r>
            <a:endParaRPr lang="en-US" altLang="ja-JP" sz="1600" dirty="0" smtClean="0"/>
          </a:p>
        </p:txBody>
      </p:sp>
      <p:sp>
        <p:nvSpPr>
          <p:cNvPr id="12" name="テキスト ボックス 11"/>
          <p:cNvSpPr txBox="1"/>
          <p:nvPr/>
        </p:nvSpPr>
        <p:spPr>
          <a:xfrm>
            <a:off x="452133" y="6180922"/>
            <a:ext cx="2816797" cy="523220"/>
          </a:xfrm>
          <a:prstGeom prst="rect">
            <a:avLst/>
          </a:prstGeom>
          <a:noFill/>
        </p:spPr>
        <p:txBody>
          <a:bodyPr wrap="none" rtlCol="0">
            <a:spAutoFit/>
          </a:bodyPr>
          <a:lstStyle/>
          <a:p>
            <a:pPr lvl="0"/>
            <a:r>
              <a:rPr lang="ja-JP" altLang="en-US" sz="1400" dirty="0" smtClean="0">
                <a:latin typeface="ＭＳ Ｐ明朝" pitchFamily="18" charset="-128"/>
                <a:ea typeface="ＭＳ Ｐ明朝" pitchFamily="18" charset="-128"/>
              </a:rPr>
              <a:t>・大阪市：都市計画局、経済戦略局</a:t>
            </a:r>
            <a:endParaRPr lang="en-US" altLang="ja-JP" sz="1400" dirty="0" smtClean="0">
              <a:latin typeface="ＭＳ Ｐ明朝" pitchFamily="18" charset="-128"/>
              <a:ea typeface="ＭＳ Ｐ明朝" pitchFamily="18" charset="-128"/>
            </a:endParaRPr>
          </a:p>
          <a:p>
            <a:pPr lvl="0"/>
            <a:r>
              <a:rPr lang="ja-JP" altLang="en-US" sz="1400" dirty="0" smtClean="0">
                <a:latin typeface="ＭＳ Ｐ明朝" pitchFamily="18" charset="-128"/>
                <a:ea typeface="ＭＳ Ｐ明朝" pitchFamily="18" charset="-128"/>
              </a:rPr>
              <a:t>・大阪府：住宅まちづくり部</a:t>
            </a:r>
            <a:endParaRPr lang="en-US" altLang="ja-JP" sz="1400" dirty="0" smtClean="0">
              <a:latin typeface="ＭＳ Ｐ明朝" pitchFamily="18" charset="-128"/>
              <a:ea typeface="ＭＳ Ｐ明朝" pitchFamily="18" charset="-128"/>
            </a:endParaRPr>
          </a:p>
        </p:txBody>
      </p:sp>
      <p:sp>
        <p:nvSpPr>
          <p:cNvPr id="13" name="スライド番号プレースホルダ 12"/>
          <p:cNvSpPr>
            <a:spLocks noGrp="1"/>
          </p:cNvSpPr>
          <p:nvPr>
            <p:ph type="sldNum" sz="quarter" idx="12"/>
          </p:nvPr>
        </p:nvSpPr>
        <p:spPr/>
        <p:txBody>
          <a:bodyPr/>
          <a:lstStyle/>
          <a:p>
            <a:fld id="{37EF5067-3AB7-4642-9103-42CBD40CC6D9}" type="slidenum">
              <a:rPr kumimoji="1" lang="ja-JP" altLang="en-US" smtClean="0"/>
              <a:pPr/>
              <a:t>24</a:t>
            </a:fld>
            <a:endParaRPr kumimoji="1" lang="ja-JP" altLang="en-US" dirty="0"/>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30626" y="507999"/>
            <a:ext cx="9652000" cy="6183085"/>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4" name="Rectangle 2"/>
          <p:cNvSpPr txBox="1">
            <a:spLocks noChangeArrowheads="1"/>
          </p:cNvSpPr>
          <p:nvPr/>
        </p:nvSpPr>
        <p:spPr bwMode="auto">
          <a:xfrm>
            <a:off x="0" y="2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６．湾岸部</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2050" name="Rectangle 2"/>
          <p:cNvSpPr>
            <a:spLocks noChangeArrowheads="1"/>
          </p:cNvSpPr>
          <p:nvPr/>
        </p:nvSpPr>
        <p:spPr bwMode="auto">
          <a:xfrm>
            <a:off x="123363" y="447644"/>
            <a:ext cx="9593943" cy="6485686"/>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pPr>
              <a:lnSpc>
                <a:spcPct val="150000"/>
              </a:lnSpc>
            </a:pPr>
            <a:r>
              <a:rPr lang="ja-JP" altLang="ja-JP" sz="1400" b="1" dirty="0" smtClean="0"/>
              <a:t>１．エリアの</a:t>
            </a:r>
            <a:r>
              <a:rPr lang="ja-JP" altLang="en-US" sz="1400" b="1" dirty="0" smtClean="0"/>
              <a:t>現状</a:t>
            </a:r>
            <a:endParaRPr lang="ja-JP" altLang="ja-JP" sz="1400" dirty="0" smtClean="0"/>
          </a:p>
          <a:p>
            <a:pPr marL="180975" lvl="0" indent="-180975">
              <a:lnSpc>
                <a:spcPct val="1500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大阪の湾岸部は、</a:t>
            </a:r>
            <a:r>
              <a:rPr lang="ja-JP" altLang="en-US" sz="1300" dirty="0" smtClean="0">
                <a:latin typeface="ＭＳ Ｐ明朝" pitchFamily="18" charset="-128"/>
                <a:ea typeface="ＭＳ Ｐ明朝" pitchFamily="18" charset="-128"/>
              </a:rPr>
              <a:t>都心部の</a:t>
            </a:r>
            <a:r>
              <a:rPr lang="ja-JP" altLang="ja-JP" sz="1300" dirty="0" smtClean="0">
                <a:latin typeface="ＭＳ Ｐ明朝" pitchFamily="18" charset="-128"/>
                <a:ea typeface="ＭＳ Ｐ明朝" pitchFamily="18" charset="-128"/>
              </a:rPr>
              <a:t>建設残土</a:t>
            </a:r>
            <a:r>
              <a:rPr lang="ja-JP" altLang="en-US" sz="1300" dirty="0" smtClean="0">
                <a:latin typeface="ＭＳ Ｐ明朝" pitchFamily="18" charset="-128"/>
                <a:ea typeface="ＭＳ Ｐ明朝" pitchFamily="18" charset="-128"/>
              </a:rPr>
              <a:t>やごみの焼却灰</a:t>
            </a:r>
            <a:r>
              <a:rPr lang="ja-JP" altLang="ja-JP" sz="1300" dirty="0" smtClean="0">
                <a:latin typeface="ＭＳ Ｐ明朝" pitchFamily="18" charset="-128"/>
                <a:ea typeface="ＭＳ Ｐ明朝" pitchFamily="18" charset="-128"/>
              </a:rPr>
              <a:t>等の受け入れによって</a:t>
            </a:r>
            <a:r>
              <a:rPr lang="en-US" altLang="ja-JP" sz="1300" dirty="0" smtClean="0">
                <a:latin typeface="ＭＳ Ｐ明朝" pitchFamily="18" charset="-128"/>
                <a:ea typeface="ＭＳ Ｐ明朝" pitchFamily="18" charset="-128"/>
              </a:rPr>
              <a:t>1970</a:t>
            </a:r>
            <a:r>
              <a:rPr lang="ja-JP" altLang="ja-JP" sz="1300" dirty="0" smtClean="0">
                <a:latin typeface="ＭＳ Ｐ明朝" pitchFamily="18" charset="-128"/>
                <a:ea typeface="ＭＳ Ｐ明朝" pitchFamily="18" charset="-128"/>
              </a:rPr>
              <a:t>年代以降、土地造成が進み、総面積（</a:t>
            </a:r>
            <a:r>
              <a:rPr lang="en-US" altLang="ja-JP" sz="1300" dirty="0" smtClean="0">
                <a:latin typeface="ＭＳ Ｐ明朝" pitchFamily="18" charset="-128"/>
                <a:ea typeface="ＭＳ Ｐ明朝" pitchFamily="18" charset="-128"/>
              </a:rPr>
              <a:t>1,655ha</a:t>
            </a:r>
            <a:r>
              <a:rPr lang="ja-JP" altLang="ja-JP" sz="1300" dirty="0" smtClean="0">
                <a:latin typeface="ＭＳ Ｐ明朝" pitchFamily="18" charset="-128"/>
                <a:ea typeface="ＭＳ Ｐ明朝" pitchFamily="18" charset="-128"/>
              </a:rPr>
              <a:t>）は</a:t>
            </a:r>
            <a:r>
              <a:rPr lang="ja-JP" altLang="en-US" sz="1300" dirty="0" smtClean="0">
                <a:latin typeface="ＭＳ Ｐ明朝" pitchFamily="18" charset="-128"/>
                <a:ea typeface="ＭＳ Ｐ明朝" pitchFamily="18" charset="-128"/>
              </a:rPr>
              <a:t>阪神甲子園球場の約</a:t>
            </a:r>
            <a:r>
              <a:rPr lang="en-US" altLang="ja-JP" sz="1300" dirty="0" smtClean="0">
                <a:latin typeface="ＭＳ Ｐ明朝" pitchFamily="18" charset="-128"/>
                <a:ea typeface="ＭＳ Ｐ明朝" pitchFamily="18" charset="-128"/>
              </a:rPr>
              <a:t>430</a:t>
            </a:r>
            <a:r>
              <a:rPr lang="ja-JP" altLang="en-US" sz="1300" dirty="0" smtClean="0">
                <a:latin typeface="ＭＳ Ｐ明朝" pitchFamily="18" charset="-128"/>
                <a:ea typeface="ＭＳ Ｐ明朝" pitchFamily="18" charset="-128"/>
              </a:rPr>
              <a:t>個に相当する</a:t>
            </a:r>
            <a:r>
              <a:rPr lang="ja-JP" altLang="ja-JP" sz="1300" dirty="0" smtClean="0">
                <a:latin typeface="ＭＳ Ｐ明朝" pitchFamily="18" charset="-128"/>
                <a:ea typeface="ＭＳ Ｐ明朝" pitchFamily="18" charset="-128"/>
              </a:rPr>
              <a:t>。</a:t>
            </a:r>
          </a:p>
          <a:p>
            <a:pPr marL="180975" lvl="0" indent="-180975">
              <a:lnSpc>
                <a:spcPct val="1500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咲洲はインテックスや</a:t>
            </a:r>
            <a:r>
              <a:rPr lang="en-US" altLang="ja-JP" sz="1300" dirty="0" smtClean="0">
                <a:latin typeface="ＭＳ Ｐ明朝" pitchFamily="18" charset="-128"/>
                <a:ea typeface="ＭＳ Ｐ明朝" pitchFamily="18" charset="-128"/>
              </a:rPr>
              <a:t>ATC</a:t>
            </a:r>
            <a:r>
              <a:rPr lang="ja-JP" altLang="en-US" sz="1300" dirty="0" smtClean="0">
                <a:latin typeface="ＭＳ Ｐ明朝" pitchFamily="18" charset="-128"/>
                <a:ea typeface="ＭＳ Ｐ明朝" pitchFamily="18" charset="-128"/>
              </a:rPr>
              <a:t>など業務・商業が集積するほか、</a:t>
            </a:r>
            <a:r>
              <a:rPr lang="en-US" altLang="ja-JP" sz="1300" dirty="0" smtClean="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南港ポートタウン（住居専用地域）には</a:t>
            </a:r>
            <a:r>
              <a:rPr lang="en-US" altLang="ja-JP" sz="1300" dirty="0" smtClean="0">
                <a:latin typeface="ＭＳ Ｐ明朝" pitchFamily="18" charset="-128"/>
                <a:ea typeface="ＭＳ Ｐ明朝" pitchFamily="18" charset="-128"/>
              </a:rPr>
              <a:t>2.3</a:t>
            </a:r>
            <a:r>
              <a:rPr lang="ja-JP" altLang="ja-JP" sz="1300" dirty="0" smtClean="0">
                <a:latin typeface="ＭＳ Ｐ明朝" pitchFamily="18" charset="-128"/>
                <a:ea typeface="ＭＳ Ｐ明朝" pitchFamily="18" charset="-128"/>
              </a:rPr>
              <a:t>万人が</a:t>
            </a:r>
            <a:r>
              <a:rPr lang="ja-JP" altLang="en-US" sz="1300" dirty="0" smtClean="0">
                <a:latin typeface="ＭＳ Ｐ明朝" pitchFamily="18" charset="-128"/>
                <a:ea typeface="ＭＳ Ｐ明朝" pitchFamily="18" charset="-128"/>
              </a:rPr>
              <a:t>生活する</a:t>
            </a:r>
            <a:r>
              <a:rPr lang="ja-JP" altLang="ja-JP" sz="1300" dirty="0" smtClean="0">
                <a:latin typeface="ＭＳ Ｐ明朝" pitchFamily="18" charset="-128"/>
                <a:ea typeface="ＭＳ Ｐ明朝" pitchFamily="18" charset="-128"/>
              </a:rPr>
              <a:t>。舞</a:t>
            </a:r>
            <a:r>
              <a:rPr lang="ja-JP" altLang="en-US" sz="1300" dirty="0" smtClean="0">
                <a:latin typeface="ＭＳ Ｐ明朝" pitchFamily="18" charset="-128"/>
                <a:ea typeface="ＭＳ Ｐ明朝" pitchFamily="18" charset="-128"/>
              </a:rPr>
              <a:t>洲</a:t>
            </a:r>
            <a:r>
              <a:rPr lang="ja-JP" altLang="ja-JP" sz="1300" dirty="0" smtClean="0">
                <a:latin typeface="ＭＳ Ｐ明朝" pitchFamily="18" charset="-128"/>
                <a:ea typeface="ＭＳ Ｐ明朝" pitchFamily="18" charset="-128"/>
              </a:rPr>
              <a:t>はスポーツ施設と</a:t>
            </a:r>
            <a:r>
              <a:rPr lang="ja-JP" altLang="en-US" sz="1300" dirty="0" smtClean="0">
                <a:latin typeface="ＭＳ Ｐ明朝" pitchFamily="18" charset="-128"/>
                <a:ea typeface="ＭＳ Ｐ明朝" pitchFamily="18" charset="-128"/>
              </a:rPr>
              <a:t>大規模な物流施設等</a:t>
            </a:r>
            <a:r>
              <a:rPr lang="ja-JP" altLang="ja-JP" sz="1300" dirty="0" smtClean="0">
                <a:latin typeface="ＭＳ Ｐ明朝" pitchFamily="18" charset="-128"/>
                <a:ea typeface="ＭＳ Ｐ明朝" pitchFamily="18" charset="-128"/>
              </a:rPr>
              <a:t>が集積</a:t>
            </a:r>
            <a:r>
              <a:rPr lang="ja-JP" altLang="en-US" sz="1300" dirty="0" smtClean="0">
                <a:latin typeface="ＭＳ Ｐ明朝" pitchFamily="18" charset="-128"/>
                <a:ea typeface="ＭＳ Ｐ明朝" pitchFamily="18" charset="-128"/>
              </a:rPr>
              <a:t>する。また、</a:t>
            </a:r>
            <a:r>
              <a:rPr lang="ja-JP" altLang="ja-JP" sz="1300" dirty="0" smtClean="0">
                <a:latin typeface="ＭＳ Ｐ明朝" pitchFamily="18" charset="-128"/>
                <a:ea typeface="ＭＳ Ｐ明朝" pitchFamily="18" charset="-128"/>
              </a:rPr>
              <a:t>夢洲は大阪・関西の物流機能の中心を担</a:t>
            </a:r>
            <a:r>
              <a:rPr lang="ja-JP" altLang="en-US" sz="1300" dirty="0" smtClean="0">
                <a:latin typeface="ＭＳ Ｐ明朝" pitchFamily="18" charset="-128"/>
                <a:ea typeface="ＭＳ Ｐ明朝" pitchFamily="18" charset="-128"/>
              </a:rPr>
              <a:t>う</a:t>
            </a:r>
            <a:r>
              <a:rPr lang="ja-JP" altLang="ja-JP" sz="1300" dirty="0" smtClean="0">
                <a:latin typeface="ＭＳ Ｐ明朝" pitchFamily="18" charset="-128"/>
                <a:ea typeface="ＭＳ Ｐ明朝" pitchFamily="18" charset="-128"/>
              </a:rPr>
              <a:t>国際コンテナターミナル</a:t>
            </a:r>
            <a:r>
              <a:rPr lang="ja-JP" altLang="en-US" sz="1300" dirty="0" smtClean="0">
                <a:latin typeface="ＭＳ Ｐ明朝" pitchFamily="18" charset="-128"/>
                <a:ea typeface="ＭＳ Ｐ明朝" pitchFamily="18" charset="-128"/>
              </a:rPr>
              <a:t>が立地するほか、</a:t>
            </a:r>
            <a:r>
              <a:rPr lang="en-US" altLang="ja-JP" sz="1300" dirty="0" smtClean="0">
                <a:latin typeface="ＭＳ Ｐ明朝" pitchFamily="18" charset="-128"/>
                <a:ea typeface="ＭＳ Ｐ明朝" pitchFamily="18" charset="-128"/>
              </a:rPr>
              <a:t>10MW</a:t>
            </a:r>
            <a:r>
              <a:rPr lang="ja-JP" altLang="en-US" sz="1300" dirty="0" smtClean="0">
                <a:latin typeface="ＭＳ Ｐ明朝" pitchFamily="18" charset="-128"/>
                <a:ea typeface="ＭＳ Ｐ明朝" pitchFamily="18" charset="-128"/>
              </a:rPr>
              <a:t>の</a:t>
            </a:r>
            <a:r>
              <a:rPr lang="ja-JP" altLang="ja-JP" sz="1300" dirty="0" smtClean="0">
                <a:latin typeface="ＭＳ Ｐ明朝" pitchFamily="18" charset="-128"/>
                <a:ea typeface="ＭＳ Ｐ明朝" pitchFamily="18" charset="-128"/>
              </a:rPr>
              <a:t>メガソーラ</a:t>
            </a:r>
            <a:r>
              <a:rPr lang="ja-JP" altLang="en-US" sz="1300" dirty="0" smtClean="0">
                <a:latin typeface="ＭＳ Ｐ明朝" pitchFamily="18" charset="-128"/>
                <a:ea typeface="ＭＳ Ｐ明朝" pitchFamily="18" charset="-128"/>
              </a:rPr>
              <a:t>ーが稼働するなど環境・新エネルギーの拠点となっている</a:t>
            </a:r>
            <a:r>
              <a:rPr lang="ja-JP" altLang="ja-JP" sz="1300" dirty="0" smtClean="0">
                <a:latin typeface="ＭＳ Ｐ明朝" pitchFamily="18" charset="-128"/>
                <a:ea typeface="ＭＳ Ｐ明朝" pitchFamily="18" charset="-128"/>
              </a:rPr>
              <a:t>。</a:t>
            </a:r>
            <a:endParaRPr lang="ja-JP" altLang="ja-JP" sz="300" dirty="0" smtClean="0">
              <a:latin typeface="ＭＳ Ｐ明朝" pitchFamily="18" charset="-128"/>
              <a:ea typeface="ＭＳ Ｐ明朝" pitchFamily="18" charset="-128"/>
            </a:endParaRPr>
          </a:p>
          <a:p>
            <a:r>
              <a:rPr lang="en-US" altLang="ja-JP" sz="300" dirty="0" smtClean="0">
                <a:latin typeface="ＭＳ Ｐ明朝" pitchFamily="18" charset="-128"/>
                <a:ea typeface="ＭＳ Ｐ明朝" pitchFamily="18" charset="-128"/>
              </a:rPr>
              <a:t> </a:t>
            </a:r>
            <a:endParaRPr lang="en-US" altLang="ja-JP" sz="800" dirty="0" smtClean="0">
              <a:latin typeface="ＭＳ Ｐ明朝" pitchFamily="18" charset="-128"/>
              <a:ea typeface="ＭＳ Ｐ明朝" pitchFamily="18" charset="-128"/>
            </a:endParaRPr>
          </a:p>
          <a:p>
            <a:pPr>
              <a:lnSpc>
                <a:spcPct val="150000"/>
              </a:lnSpc>
            </a:pPr>
            <a:r>
              <a:rPr lang="ja-JP" altLang="ja-JP" sz="1400" b="1" dirty="0" smtClean="0"/>
              <a:t>２．エリアの課題</a:t>
            </a:r>
            <a:endParaRPr lang="ja-JP" altLang="ja-JP" sz="1400" dirty="0" smtClean="0"/>
          </a:p>
          <a:p>
            <a:pPr marL="180975" lvl="0" indent="-180975">
              <a:lnSpc>
                <a:spcPct val="150000"/>
              </a:lnSpc>
            </a:pPr>
            <a:r>
              <a:rPr lang="ja-JP" altLang="en-US" sz="1300" dirty="0" smtClean="0">
                <a:latin typeface="ＭＳ Ｐ明朝" pitchFamily="18" charset="-128"/>
                <a:ea typeface="ＭＳ Ｐ明朝" pitchFamily="18" charset="-128"/>
              </a:rPr>
              <a:t>　・バブル崩壊以降、景気の低迷や工場のアジアシフトに伴い、土地売却が停滞し、企業所有地の開発が進行していない。</a:t>
            </a:r>
            <a:endParaRPr lang="en-US" altLang="ja-JP" sz="1300" dirty="0" smtClean="0">
              <a:latin typeface="ＭＳ Ｐ明朝" pitchFamily="18" charset="-128"/>
              <a:ea typeface="ＭＳ Ｐ明朝" pitchFamily="18" charset="-128"/>
            </a:endParaRPr>
          </a:p>
          <a:p>
            <a:pPr marL="180975" lvl="0" indent="-180975">
              <a:lnSpc>
                <a:spcPct val="150000"/>
              </a:lnSpc>
            </a:pPr>
            <a:r>
              <a:rPr lang="ja-JP" altLang="en-US" sz="1300" dirty="0" smtClean="0">
                <a:latin typeface="ＭＳ Ｐ明朝" pitchFamily="18" charset="-128"/>
                <a:ea typeface="ＭＳ Ｐ明朝" pitchFamily="18" charset="-128"/>
              </a:rPr>
              <a:t>　・また、咲洲の近年開発が進んでいるエリアにおいても、街区単位のパッチワーク的な開発状況となっている。</a:t>
            </a:r>
            <a:endParaRPr lang="en-US" altLang="ja-JP" sz="1300" dirty="0" smtClean="0">
              <a:latin typeface="ＭＳ Ｐ明朝" pitchFamily="18" charset="-128"/>
              <a:ea typeface="ＭＳ Ｐ明朝" pitchFamily="18" charset="-128"/>
            </a:endParaRPr>
          </a:p>
          <a:p>
            <a:pPr marL="180975" lvl="0" indent="-180975">
              <a:lnSpc>
                <a:spcPct val="1500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夢洲</a:t>
            </a:r>
            <a:r>
              <a:rPr lang="ja-JP" altLang="en-US" sz="1300" dirty="0" smtClean="0">
                <a:latin typeface="ＭＳ Ｐ明朝" pitchFamily="18" charset="-128"/>
                <a:ea typeface="ＭＳ Ｐ明朝" pitchFamily="18" charset="-128"/>
              </a:rPr>
              <a:t>においては、</a:t>
            </a:r>
            <a:r>
              <a:rPr lang="ja-JP" altLang="ja-JP" sz="1300" dirty="0" smtClean="0">
                <a:latin typeface="ＭＳ Ｐ明朝" pitchFamily="18" charset="-128"/>
                <a:ea typeface="ＭＳ Ｐ明朝" pitchFamily="18" charset="-128"/>
              </a:rPr>
              <a:t>東部</a:t>
            </a:r>
            <a:r>
              <a:rPr lang="ja-JP" altLang="en-US" sz="1300" dirty="0" smtClean="0">
                <a:latin typeface="ＭＳ Ｐ明朝" pitchFamily="18" charset="-128"/>
                <a:ea typeface="ＭＳ Ｐ明朝" pitchFamily="18" charset="-128"/>
              </a:rPr>
              <a:t>に国際</a:t>
            </a:r>
            <a:r>
              <a:rPr lang="ja-JP" altLang="ja-JP" sz="1300" dirty="0" smtClean="0">
                <a:latin typeface="ＭＳ Ｐ明朝" pitchFamily="18" charset="-128"/>
                <a:ea typeface="ＭＳ Ｐ明朝" pitchFamily="18" charset="-128"/>
              </a:rPr>
              <a:t>コンテナターミナル</a:t>
            </a:r>
            <a:r>
              <a:rPr lang="ja-JP" altLang="en-US" sz="1300" dirty="0" smtClean="0">
                <a:latin typeface="ＭＳ Ｐ明朝" pitchFamily="18" charset="-128"/>
                <a:ea typeface="ＭＳ Ｐ明朝" pitchFamily="18" charset="-128"/>
              </a:rPr>
              <a:t>が稼働しているが、中央部の広大な敷地は現在ほとんどが埋め立て中（約</a:t>
            </a:r>
            <a:r>
              <a:rPr lang="en-US" altLang="ja-JP" sz="1300" dirty="0" smtClean="0">
                <a:latin typeface="ＭＳ Ｐ明朝" pitchFamily="18" charset="-128"/>
                <a:ea typeface="ＭＳ Ｐ明朝" pitchFamily="18" charset="-128"/>
              </a:rPr>
              <a:t>170ha</a:t>
            </a:r>
            <a:r>
              <a:rPr lang="ja-JP" altLang="en-US" sz="1300" dirty="0" err="1" smtClean="0">
                <a:latin typeface="ＭＳ Ｐ明朝" pitchFamily="18" charset="-128"/>
                <a:ea typeface="ＭＳ Ｐ明朝" pitchFamily="18" charset="-128"/>
              </a:rPr>
              <a:t>、</a:t>
            </a:r>
            <a:r>
              <a:rPr lang="ja-JP" altLang="en-US" sz="1300" dirty="0" smtClean="0">
                <a:latin typeface="ＭＳ Ｐ明朝" pitchFamily="18" charset="-128"/>
                <a:ea typeface="ＭＳ Ｐ明朝" pitchFamily="18" charset="-128"/>
              </a:rPr>
              <a:t>うち約</a:t>
            </a:r>
            <a:r>
              <a:rPr lang="en-US" altLang="ja-JP" sz="1300" dirty="0" smtClean="0">
                <a:latin typeface="ＭＳ Ｐ明朝" pitchFamily="18" charset="-128"/>
                <a:ea typeface="ＭＳ Ｐ明朝" pitchFamily="18" charset="-128"/>
              </a:rPr>
              <a:t>20ha</a:t>
            </a:r>
            <a:r>
              <a:rPr lang="ja-JP" altLang="en-US" sz="1300" dirty="0" smtClean="0">
                <a:latin typeface="ＭＳ Ｐ明朝" pitchFamily="18" charset="-128"/>
                <a:ea typeface="ＭＳ Ｐ明朝" pitchFamily="18" charset="-128"/>
              </a:rPr>
              <a:t>は埋立済）であり、開発の方向性を定める必要がある。</a:t>
            </a:r>
            <a:endParaRPr lang="ja-JP" altLang="ja-JP" sz="300" dirty="0" smtClean="0">
              <a:latin typeface="ＭＳ Ｐ明朝" pitchFamily="18" charset="-128"/>
              <a:ea typeface="ＭＳ Ｐ明朝" pitchFamily="18" charset="-128"/>
            </a:endParaRPr>
          </a:p>
          <a:p>
            <a:r>
              <a:rPr lang="en-US" altLang="ja-JP" sz="300" dirty="0" smtClean="0">
                <a:latin typeface="ＭＳ Ｐ明朝" pitchFamily="18" charset="-128"/>
                <a:ea typeface="ＭＳ Ｐ明朝" pitchFamily="18" charset="-128"/>
              </a:rPr>
              <a:t> </a:t>
            </a:r>
            <a:endParaRPr lang="ja-JP" altLang="ja-JP" sz="1200" dirty="0" smtClean="0"/>
          </a:p>
          <a:p>
            <a:pPr>
              <a:lnSpc>
                <a:spcPct val="150000"/>
              </a:lnSpc>
            </a:pPr>
            <a:r>
              <a:rPr lang="ja-JP" altLang="ja-JP" sz="1400" b="1" dirty="0" smtClean="0"/>
              <a:t>３．近年の動向</a:t>
            </a:r>
            <a:endParaRPr lang="ja-JP" altLang="ja-JP" sz="1400" dirty="0" smtClean="0"/>
          </a:p>
          <a:p>
            <a:pPr marL="180975" lvl="0" indent="-180975">
              <a:lnSpc>
                <a:spcPct val="1500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関西イノベーション</a:t>
            </a:r>
            <a:r>
              <a:rPr lang="ja-JP" altLang="en-US" sz="1300" dirty="0" smtClean="0">
                <a:latin typeface="ＭＳ Ｐ明朝" pitchFamily="18" charset="-128"/>
                <a:ea typeface="ＭＳ Ｐ明朝" pitchFamily="18" charset="-128"/>
              </a:rPr>
              <a:t>国際戦略総合</a:t>
            </a:r>
            <a:r>
              <a:rPr lang="ja-JP" altLang="ja-JP" sz="1300" dirty="0" smtClean="0">
                <a:latin typeface="ＭＳ Ｐ明朝" pitchFamily="18" charset="-128"/>
                <a:ea typeface="ＭＳ Ｐ明朝" pitchFamily="18" charset="-128"/>
              </a:rPr>
              <a:t>特区の指定</a:t>
            </a:r>
            <a:r>
              <a:rPr lang="ja-JP" altLang="en-US" sz="1300" dirty="0" smtClean="0">
                <a:latin typeface="ＭＳ Ｐ明朝" pitchFamily="18" charset="-128"/>
                <a:ea typeface="ＭＳ Ｐ明朝" pitchFamily="18" charset="-128"/>
              </a:rPr>
              <a:t>とあわせた地方</a:t>
            </a:r>
            <a:r>
              <a:rPr lang="ja-JP" altLang="ja-JP" sz="1300" dirty="0" smtClean="0">
                <a:latin typeface="ＭＳ Ｐ明朝" pitchFamily="18" charset="-128"/>
                <a:ea typeface="ＭＳ Ｐ明朝" pitchFamily="18" charset="-128"/>
              </a:rPr>
              <a:t>税</a:t>
            </a:r>
            <a:r>
              <a:rPr lang="en-US" altLang="ja-JP" sz="1300" dirty="0" smtClean="0">
                <a:latin typeface="ＭＳ Ｐ明朝" pitchFamily="18" charset="-128"/>
                <a:ea typeface="ＭＳ Ｐ明朝" pitchFamily="18" charset="-128"/>
              </a:rPr>
              <a:t>(</a:t>
            </a:r>
            <a:r>
              <a:rPr lang="ja-JP" altLang="en-US" sz="1300" dirty="0" smtClean="0">
                <a:latin typeface="ＭＳ Ｐ明朝" pitchFamily="18" charset="-128"/>
                <a:ea typeface="ＭＳ Ｐ明朝" pitchFamily="18" charset="-128"/>
              </a:rPr>
              <a:t>府・市）の</a:t>
            </a:r>
            <a:r>
              <a:rPr lang="ja-JP" altLang="ja-JP" sz="1300" dirty="0" smtClean="0">
                <a:latin typeface="ＭＳ Ｐ明朝" pitchFamily="18" charset="-128"/>
                <a:ea typeface="ＭＳ Ｐ明朝" pitchFamily="18" charset="-128"/>
              </a:rPr>
              <a:t>優遇策により企業誘致に弾みがつくとともに、咲</a:t>
            </a:r>
            <a:r>
              <a:rPr lang="ja-JP" altLang="en-US" sz="1300" dirty="0" smtClean="0">
                <a:latin typeface="ＭＳ Ｐ明朝" pitchFamily="18" charset="-128"/>
                <a:ea typeface="ＭＳ Ｐ明朝" pitchFamily="18" charset="-128"/>
              </a:rPr>
              <a:t>洲</a:t>
            </a:r>
            <a:r>
              <a:rPr lang="ja-JP" altLang="ja-JP" sz="1300" dirty="0" smtClean="0">
                <a:latin typeface="ＭＳ Ｐ明朝" pitchFamily="18" charset="-128"/>
                <a:ea typeface="ＭＳ Ｐ明朝" pitchFamily="18" charset="-128"/>
              </a:rPr>
              <a:t>では、</a:t>
            </a:r>
            <a:r>
              <a:rPr lang="ja-JP" altLang="en-US" sz="1300" dirty="0" smtClean="0">
                <a:latin typeface="ＭＳ Ｐ明朝" pitchFamily="18" charset="-128"/>
                <a:ea typeface="ＭＳ Ｐ明朝" pitchFamily="18" charset="-128"/>
              </a:rPr>
              <a:t>旧</a:t>
            </a:r>
            <a:r>
              <a:rPr lang="en-US" altLang="ja-JP" sz="1300" dirty="0" smtClean="0">
                <a:latin typeface="ＭＳ Ｐ明朝" pitchFamily="18" charset="-128"/>
                <a:ea typeface="ＭＳ Ｐ明朝" pitchFamily="18" charset="-128"/>
              </a:rPr>
              <a:t>WTC</a:t>
            </a:r>
            <a:r>
              <a:rPr lang="ja-JP" altLang="en-US" sz="1300" dirty="0" smtClean="0">
                <a:latin typeface="ＭＳ Ｐ明朝" pitchFamily="18" charset="-128"/>
                <a:ea typeface="ＭＳ Ｐ明朝" pitchFamily="18" charset="-128"/>
              </a:rPr>
              <a:t>ビル</a:t>
            </a:r>
            <a:r>
              <a:rPr lang="ja-JP" altLang="ja-JP" sz="1300" dirty="0" smtClean="0">
                <a:latin typeface="ＭＳ Ｐ明朝" pitchFamily="18" charset="-128"/>
                <a:ea typeface="ＭＳ Ｐ明朝" pitchFamily="18" charset="-128"/>
              </a:rPr>
              <a:t>の大阪府庁舎としての活用や複数街区で一体的な開発をめざした土地売却の</a:t>
            </a:r>
            <a:r>
              <a:rPr lang="ja-JP" altLang="en-US" sz="1300" dirty="0" smtClean="0">
                <a:latin typeface="ＭＳ Ｐ明朝" pitchFamily="18" charset="-128"/>
                <a:ea typeface="ＭＳ Ｐ明朝" pitchFamily="18" charset="-128"/>
              </a:rPr>
              <a:t>事前確認手続の</a:t>
            </a:r>
            <a:r>
              <a:rPr lang="ja-JP" altLang="ja-JP" sz="1300" dirty="0" smtClean="0">
                <a:latin typeface="ＭＳ Ｐ明朝" pitchFamily="18" charset="-128"/>
                <a:ea typeface="ＭＳ Ｐ明朝" pitchFamily="18" charset="-128"/>
              </a:rPr>
              <a:t>実施、</a:t>
            </a:r>
            <a:r>
              <a:rPr lang="ja-JP" altLang="en-US" sz="1300" dirty="0" smtClean="0">
                <a:latin typeface="ＭＳ Ｐ明朝" pitchFamily="18" charset="-128"/>
                <a:ea typeface="ＭＳ Ｐ明朝" pitchFamily="18" charset="-128"/>
              </a:rPr>
              <a:t>法案の整備を見据え</a:t>
            </a:r>
            <a:r>
              <a:rPr lang="ja-JP" altLang="ja-JP" sz="1300" dirty="0" smtClean="0">
                <a:latin typeface="ＭＳ Ｐ明朝" pitchFamily="18" charset="-128"/>
                <a:ea typeface="ＭＳ Ｐ明朝" pitchFamily="18" charset="-128"/>
              </a:rPr>
              <a:t>夢</a:t>
            </a:r>
            <a:r>
              <a:rPr lang="ja-JP" altLang="en-US" sz="1300" dirty="0" smtClean="0">
                <a:latin typeface="ＭＳ Ｐ明朝" pitchFamily="18" charset="-128"/>
                <a:ea typeface="ＭＳ Ｐ明朝" pitchFamily="18" charset="-128"/>
              </a:rPr>
              <a:t>洲を</a:t>
            </a:r>
            <a:r>
              <a:rPr lang="ja-JP" altLang="ja-JP" sz="1300" dirty="0" smtClean="0">
                <a:latin typeface="ＭＳ Ｐ明朝" pitchFamily="18" charset="-128"/>
                <a:ea typeface="ＭＳ Ｐ明朝" pitchFamily="18" charset="-128"/>
              </a:rPr>
              <a:t>ＩＲ（統合型リゾート）の候補地</a:t>
            </a:r>
            <a:r>
              <a:rPr lang="ja-JP" altLang="en-US" sz="1300" dirty="0" smtClean="0">
                <a:latin typeface="ＭＳ Ｐ明朝" pitchFamily="18" charset="-128"/>
                <a:ea typeface="ＭＳ Ｐ明朝" pitchFamily="18" charset="-128"/>
              </a:rPr>
              <a:t>として検討するな</a:t>
            </a:r>
            <a:r>
              <a:rPr lang="ja-JP" altLang="ja-JP" sz="1300" dirty="0" smtClean="0">
                <a:latin typeface="ＭＳ Ｐ明朝" pitchFamily="18" charset="-128"/>
                <a:ea typeface="ＭＳ Ｐ明朝" pitchFamily="18" charset="-128"/>
              </a:rPr>
              <a:t>ど、新たな展開が始まっている。</a:t>
            </a:r>
            <a:endParaRPr lang="ja-JP" altLang="ja-JP" sz="400" dirty="0" smtClean="0">
              <a:latin typeface="ＭＳ Ｐ明朝" pitchFamily="18" charset="-128"/>
              <a:ea typeface="ＭＳ Ｐ明朝" pitchFamily="18" charset="-128"/>
            </a:endParaRPr>
          </a:p>
          <a:p>
            <a:r>
              <a:rPr lang="en-US" altLang="ja-JP" sz="500" dirty="0" smtClean="0">
                <a:latin typeface="ＭＳ Ｐ明朝" pitchFamily="18" charset="-128"/>
                <a:ea typeface="ＭＳ Ｐ明朝" pitchFamily="18" charset="-128"/>
              </a:rPr>
              <a:t> </a:t>
            </a:r>
            <a:endParaRPr lang="ja-JP" altLang="ja-JP" sz="1200" dirty="0" smtClean="0">
              <a:latin typeface="ＭＳ Ｐ明朝" pitchFamily="18" charset="-128"/>
              <a:ea typeface="ＭＳ Ｐ明朝" pitchFamily="18" charset="-128"/>
            </a:endParaRPr>
          </a:p>
          <a:p>
            <a:pPr>
              <a:lnSpc>
                <a:spcPct val="150000"/>
              </a:lnSpc>
            </a:pPr>
            <a:r>
              <a:rPr lang="ja-JP" altLang="ja-JP" sz="1400" b="1" dirty="0" smtClean="0"/>
              <a:t>４．将来像</a:t>
            </a:r>
            <a:endParaRPr lang="ja-JP" altLang="ja-JP" sz="1400" dirty="0" smtClean="0"/>
          </a:p>
          <a:p>
            <a:pPr marL="180975" lvl="0" indent="-180975">
              <a:lnSpc>
                <a:spcPct val="150000"/>
              </a:lnSpc>
            </a:pPr>
            <a:r>
              <a:rPr lang="ja-JP" altLang="en-US" sz="1300" dirty="0" smtClean="0">
                <a:latin typeface="ＭＳ Ｐ明朝" pitchFamily="18" charset="-128"/>
                <a:ea typeface="ＭＳ Ｐ明朝" pitchFamily="18" charset="-128"/>
              </a:rPr>
              <a:t>　・咲洲、舞洲、夢洲が適切な役割分担のもと、</a:t>
            </a:r>
            <a:r>
              <a:rPr lang="ja-JP" altLang="ja-JP" sz="1300" dirty="0" smtClean="0">
                <a:latin typeface="ＭＳ Ｐ明朝" pitchFamily="18" charset="-128"/>
                <a:ea typeface="ＭＳ Ｐ明朝" pitchFamily="18" charset="-128"/>
              </a:rPr>
              <a:t>国際コンテナターミナルとしての物流機能の強化、</a:t>
            </a:r>
            <a:r>
              <a:rPr lang="ja-JP" altLang="en-US" sz="1300" dirty="0" smtClean="0">
                <a:latin typeface="ＭＳ Ｐ明朝" pitchFamily="18" charset="-128"/>
                <a:ea typeface="ＭＳ Ｐ明朝" pitchFamily="18" charset="-128"/>
              </a:rPr>
              <a:t>業務・</a:t>
            </a:r>
            <a:r>
              <a:rPr lang="ja-JP" altLang="ja-JP" sz="1300" dirty="0" smtClean="0">
                <a:latin typeface="ＭＳ Ｐ明朝" pitchFamily="18" charset="-128"/>
                <a:ea typeface="ＭＳ Ｐ明朝" pitchFamily="18" charset="-128"/>
              </a:rPr>
              <a:t>商業</a:t>
            </a:r>
            <a:r>
              <a:rPr lang="ja-JP" altLang="en-US" sz="1300" dirty="0" smtClean="0">
                <a:latin typeface="ＭＳ Ｐ明朝" pitchFamily="18" charset="-128"/>
                <a:ea typeface="ＭＳ Ｐ明朝" pitchFamily="18" charset="-128"/>
              </a:rPr>
              <a:t>・住宅</a:t>
            </a:r>
            <a:r>
              <a:rPr lang="ja-JP" altLang="ja-JP" sz="1300" dirty="0" smtClean="0">
                <a:latin typeface="ＭＳ Ｐ明朝" pitchFamily="18" charset="-128"/>
                <a:ea typeface="ＭＳ Ｐ明朝" pitchFamily="18" charset="-128"/>
              </a:rPr>
              <a:t>機能</a:t>
            </a:r>
            <a:r>
              <a:rPr lang="ja-JP" altLang="en-US" sz="1300" dirty="0" smtClean="0">
                <a:latin typeface="ＭＳ Ｐ明朝" pitchFamily="18" charset="-128"/>
                <a:ea typeface="ＭＳ Ｐ明朝" pitchFamily="18" charset="-128"/>
              </a:rPr>
              <a:t>を有する都市開発の促進</a:t>
            </a:r>
            <a:r>
              <a:rPr lang="ja-JP" altLang="ja-JP" sz="1300" dirty="0" smtClean="0">
                <a:latin typeface="ＭＳ Ｐ明朝" pitchFamily="18" charset="-128"/>
                <a:ea typeface="ＭＳ Ｐ明朝" pitchFamily="18" charset="-128"/>
              </a:rPr>
              <a:t>、バッテリーやメガソーラ</a:t>
            </a:r>
            <a:r>
              <a:rPr lang="ja-JP" altLang="en-US" sz="1300" dirty="0" smtClean="0">
                <a:latin typeface="ＭＳ Ｐ明朝" pitchFamily="18" charset="-128"/>
                <a:ea typeface="ＭＳ Ｐ明朝" pitchFamily="18" charset="-128"/>
              </a:rPr>
              <a:t>ー</a:t>
            </a:r>
            <a:r>
              <a:rPr lang="ja-JP" altLang="ja-JP" sz="1300" dirty="0" smtClean="0">
                <a:latin typeface="ＭＳ Ｐ明朝" pitchFamily="18" charset="-128"/>
                <a:ea typeface="ＭＳ Ｐ明朝" pitchFamily="18" charset="-128"/>
              </a:rPr>
              <a:t>による環境・新エネルギーの拠点</a:t>
            </a:r>
            <a:r>
              <a:rPr lang="ja-JP" altLang="en-US" sz="1300" dirty="0" smtClean="0">
                <a:latin typeface="ＭＳ Ｐ明朝" pitchFamily="18" charset="-128"/>
                <a:ea typeface="ＭＳ Ｐ明朝" pitchFamily="18" charset="-128"/>
              </a:rPr>
              <a:t>化など</a:t>
            </a:r>
            <a:r>
              <a:rPr lang="ja-JP" altLang="ja-JP" sz="1300" dirty="0" smtClean="0">
                <a:latin typeface="ＭＳ Ｐ明朝" pitchFamily="18" charset="-128"/>
                <a:ea typeface="ＭＳ Ｐ明朝" pitchFamily="18" charset="-128"/>
              </a:rPr>
              <a:t>、その</a:t>
            </a:r>
            <a:r>
              <a:rPr lang="ja-JP" altLang="en-US" sz="1300" dirty="0" smtClean="0">
                <a:latin typeface="ＭＳ Ｐ明朝" pitchFamily="18" charset="-128"/>
                <a:ea typeface="ＭＳ Ｐ明朝" pitchFamily="18" charset="-128"/>
              </a:rPr>
              <a:t>立地特性を生かした一体的な整備を進めていく。特に夢洲では、地勢的な優位性や広大な敷地を活用し、法案の整備を前提に</a:t>
            </a:r>
            <a:r>
              <a:rPr lang="ja-JP" altLang="ja-JP" sz="1300" dirty="0" smtClean="0">
                <a:latin typeface="ＭＳ Ｐ明朝" pitchFamily="18" charset="-128"/>
                <a:ea typeface="ＭＳ Ｐ明朝" pitchFamily="18" charset="-128"/>
              </a:rPr>
              <a:t>将来</a:t>
            </a:r>
            <a:r>
              <a:rPr lang="ja-JP" altLang="en-US" sz="1300" dirty="0" smtClean="0">
                <a:latin typeface="ＭＳ Ｐ明朝" pitchFamily="18" charset="-128"/>
                <a:ea typeface="ＭＳ Ｐ明朝" pitchFamily="18" charset="-128"/>
              </a:rPr>
              <a:t>的には</a:t>
            </a:r>
            <a:r>
              <a:rPr lang="ja-JP" altLang="ja-JP" sz="1300" dirty="0" smtClean="0">
                <a:latin typeface="ＭＳ Ｐ明朝" pitchFamily="18" charset="-128"/>
                <a:ea typeface="ＭＳ Ｐ明朝" pitchFamily="18" charset="-128"/>
              </a:rPr>
              <a:t>ＩＲ（統合型リゾート）の誘致も視野に、国際的なエンターテイメント等を有する大阪・関西の観光ハブを</a:t>
            </a:r>
            <a:r>
              <a:rPr lang="ja-JP" altLang="en-US" sz="1300" dirty="0" smtClean="0">
                <a:latin typeface="ＭＳ Ｐ明朝" pitchFamily="18" charset="-128"/>
                <a:ea typeface="ＭＳ Ｐ明朝" pitchFamily="18" charset="-128"/>
              </a:rPr>
              <a:t>めざ</a:t>
            </a:r>
            <a:r>
              <a:rPr lang="ja-JP" altLang="ja-JP" sz="1300" dirty="0" smtClean="0">
                <a:latin typeface="ＭＳ Ｐ明朝" pitchFamily="18" charset="-128"/>
                <a:ea typeface="ＭＳ Ｐ明朝" pitchFamily="18" charset="-128"/>
              </a:rPr>
              <a:t>す。</a:t>
            </a:r>
            <a:endParaRPr lang="ja-JP" altLang="ja-JP" sz="1300" dirty="0">
              <a:latin typeface="ＭＳ Ｐ明朝" pitchFamily="18" charset="-128"/>
              <a:ea typeface="ＭＳ Ｐ明朝" pitchFamily="18" charset="-128"/>
            </a:endParaRPr>
          </a:p>
        </p:txBody>
      </p:sp>
      <p:sp>
        <p:nvSpPr>
          <p:cNvPr id="8" name="スライド番号プレースホルダ 7"/>
          <p:cNvSpPr>
            <a:spLocks noGrp="1"/>
          </p:cNvSpPr>
          <p:nvPr>
            <p:ph type="sldNum" sz="quarter" idx="12"/>
          </p:nvPr>
        </p:nvSpPr>
        <p:spPr/>
        <p:txBody>
          <a:bodyPr/>
          <a:lstStyle/>
          <a:p>
            <a:fld id="{37EF5067-3AB7-4642-9103-42CBD40CC6D9}" type="slidenum">
              <a:rPr kumimoji="1" lang="ja-JP" altLang="en-US" smtClean="0"/>
              <a:pPr/>
              <a:t>25</a:t>
            </a:fld>
            <a:endParaRPr kumimoji="1" lang="ja-JP" altLang="en-US" dirty="0"/>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14"/>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６．湾岸部</a:t>
            </a:r>
            <a:endParaRPr lang="en-US" altLang="ja-JP" sz="2000" b="1" dirty="0" smtClean="0">
              <a:solidFill>
                <a:schemeClr val="bg1"/>
              </a:solidFill>
              <a:latin typeface="ＭＳ ゴシック" pitchFamily="49" charset="-128"/>
              <a:ea typeface="ＭＳ ゴシック" pitchFamily="49" charset="-128"/>
            </a:endParaRPr>
          </a:p>
        </p:txBody>
      </p:sp>
      <p:pic>
        <p:nvPicPr>
          <p:cNvPr id="1026" name="Picture 2"/>
          <p:cNvPicPr>
            <a:picLocks noChangeAspect="1" noChangeArrowheads="1"/>
          </p:cNvPicPr>
          <p:nvPr/>
        </p:nvPicPr>
        <p:blipFill>
          <a:blip r:embed="rId3" cstate="email"/>
          <a:srcRect/>
          <a:stretch>
            <a:fillRect/>
          </a:stretch>
        </p:blipFill>
        <p:spPr bwMode="auto">
          <a:xfrm rot="10800000">
            <a:off x="3512840" y="548683"/>
            <a:ext cx="5904656" cy="6108265"/>
          </a:xfrm>
          <a:prstGeom prst="rect">
            <a:avLst/>
          </a:prstGeom>
          <a:noFill/>
          <a:ln w="9525">
            <a:noFill/>
            <a:miter lim="800000"/>
            <a:headEnd/>
            <a:tailEnd/>
          </a:ln>
        </p:spPr>
      </p:pic>
      <p:pic>
        <p:nvPicPr>
          <p:cNvPr id="1027" name="Picture 3"/>
          <p:cNvPicPr>
            <a:picLocks noChangeAspect="1" noChangeArrowheads="1"/>
          </p:cNvPicPr>
          <p:nvPr/>
        </p:nvPicPr>
        <p:blipFill>
          <a:blip r:embed="rId4" cstate="email"/>
          <a:srcRect/>
          <a:stretch>
            <a:fillRect/>
          </a:stretch>
        </p:blipFill>
        <p:spPr bwMode="auto">
          <a:xfrm>
            <a:off x="7731411" y="548680"/>
            <a:ext cx="2030574" cy="2448272"/>
          </a:xfrm>
          <a:prstGeom prst="rect">
            <a:avLst/>
          </a:prstGeom>
          <a:noFill/>
          <a:ln w="9525">
            <a:noFill/>
            <a:miter lim="800000"/>
            <a:headEnd/>
            <a:tailEnd/>
          </a:ln>
        </p:spPr>
      </p:pic>
      <p:sp>
        <p:nvSpPr>
          <p:cNvPr id="9" name="角丸四角形 8"/>
          <p:cNvSpPr/>
          <p:nvPr/>
        </p:nvSpPr>
        <p:spPr>
          <a:xfrm>
            <a:off x="7706162" y="1935678"/>
            <a:ext cx="720080" cy="775676"/>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テキスト ボックス 9"/>
          <p:cNvSpPr txBox="1"/>
          <p:nvPr/>
        </p:nvSpPr>
        <p:spPr>
          <a:xfrm>
            <a:off x="7689304" y="1268760"/>
            <a:ext cx="936104" cy="253916"/>
          </a:xfrm>
          <a:prstGeom prst="rect">
            <a:avLst/>
          </a:prstGeom>
          <a:noFill/>
        </p:spPr>
        <p:txBody>
          <a:bodyPr wrap="square" rtlCol="0">
            <a:spAutoFit/>
          </a:bodyPr>
          <a:lstStyle/>
          <a:p>
            <a:r>
              <a:rPr kumimoji="1" lang="ja-JP" altLang="en-US" sz="1050" dirty="0" smtClean="0"/>
              <a:t>湾岸部</a:t>
            </a:r>
            <a:endParaRPr kumimoji="1" lang="ja-JP" altLang="en-US" sz="1050" dirty="0"/>
          </a:p>
        </p:txBody>
      </p:sp>
      <p:cxnSp>
        <p:nvCxnSpPr>
          <p:cNvPr id="12" name="直線矢印コネクタ 11"/>
          <p:cNvCxnSpPr>
            <a:endCxn id="9" idx="0"/>
          </p:cNvCxnSpPr>
          <p:nvPr/>
        </p:nvCxnSpPr>
        <p:spPr>
          <a:xfrm>
            <a:off x="8034303" y="1487218"/>
            <a:ext cx="31898" cy="448460"/>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128470" y="717029"/>
            <a:ext cx="3168352" cy="5650709"/>
          </a:xfrm>
          <a:prstGeom prst="rect">
            <a:avLst/>
          </a:prstGeom>
          <a:noFill/>
        </p:spPr>
        <p:txBody>
          <a:bodyPr wrap="square" lIns="18000" tIns="18000" rIns="18000" bIns="18000" rtlCol="0">
            <a:spAutoFit/>
          </a:bodyPr>
          <a:lstStyle/>
          <a:p>
            <a:r>
              <a:rPr kumimoji="1" lang="ja-JP" altLang="en-US" u="sng" dirty="0" smtClean="0"/>
              <a:t>概要（１）　～</a:t>
            </a:r>
            <a:r>
              <a:rPr lang="ja-JP" altLang="en-US" u="sng" dirty="0" smtClean="0"/>
              <a:t>大阪</a:t>
            </a:r>
            <a:r>
              <a:rPr kumimoji="1" lang="ja-JP" altLang="en-US" u="sng" dirty="0" smtClean="0"/>
              <a:t>港の現状～</a:t>
            </a:r>
            <a:endParaRPr kumimoji="1" lang="en-US" altLang="ja-JP" u="sng" dirty="0" smtClean="0"/>
          </a:p>
          <a:p>
            <a:endParaRPr kumimoji="1" lang="en-US" altLang="ja-JP" sz="600" dirty="0" smtClean="0"/>
          </a:p>
          <a:p>
            <a:pPr marL="177800" indent="-177800"/>
            <a:endParaRPr lang="en-US" altLang="ja-JP" sz="1400" dirty="0" smtClean="0">
              <a:latin typeface="ＭＳ Ｐ明朝" pitchFamily="18" charset="-128"/>
              <a:ea typeface="ＭＳ Ｐ明朝" pitchFamily="18" charset="-128"/>
            </a:endParaRPr>
          </a:p>
          <a:p>
            <a:pPr marL="177800" indent="-177800">
              <a:lnSpc>
                <a:spcPts val="1700"/>
              </a:lnSpc>
            </a:pPr>
            <a:r>
              <a:rPr lang="ja-JP" altLang="en-US" sz="1300" dirty="0" smtClean="0">
                <a:latin typeface="ＭＳ Ｐ明朝" pitchFamily="18" charset="-128"/>
                <a:ea typeface="ＭＳ Ｐ明朝" pitchFamily="18" charset="-128"/>
              </a:rPr>
              <a:t>○大阪・関西の経済活動を支える大阪港は、河川港として発展してきたが、増加する物流需要に応え、その中心地を、新たに造成した人工島にシフトさせてきた。</a:t>
            </a:r>
            <a:endParaRPr lang="en-US" altLang="ja-JP" sz="1300" dirty="0" smtClean="0">
              <a:latin typeface="ＭＳ Ｐ明朝" pitchFamily="18" charset="-128"/>
              <a:ea typeface="ＭＳ Ｐ明朝" pitchFamily="18" charset="-128"/>
            </a:endParaRPr>
          </a:p>
          <a:p>
            <a:pPr marL="177800" indent="-177800">
              <a:lnSpc>
                <a:spcPts val="1700"/>
              </a:lnSpc>
            </a:pPr>
            <a:endParaRPr lang="en-US" altLang="ja-JP" sz="1300" dirty="0" smtClean="0">
              <a:latin typeface="ＭＳ Ｐ明朝" pitchFamily="18" charset="-128"/>
              <a:ea typeface="ＭＳ Ｐ明朝" pitchFamily="18" charset="-128"/>
            </a:endParaRPr>
          </a:p>
          <a:p>
            <a:pPr marL="177800" indent="-177800">
              <a:lnSpc>
                <a:spcPts val="1700"/>
              </a:lnSpc>
            </a:pPr>
            <a:r>
              <a:rPr lang="ja-JP" altLang="en-US" sz="1300" dirty="0" smtClean="0">
                <a:latin typeface="ＭＳ Ｐ明朝" pitchFamily="18" charset="-128"/>
                <a:ea typeface="ＭＳ Ｐ明朝" pitchFamily="18" charset="-128"/>
              </a:rPr>
              <a:t>○大阪湾岸部（咲洲、舞洲、夢洲）の土地造成は、都市部の建設残土やごみの焼却灰等を受け入れ進められてきた。その面積は約</a:t>
            </a:r>
            <a:r>
              <a:rPr lang="en-US" altLang="ja-JP" sz="1300" dirty="0" smtClean="0">
                <a:latin typeface="ＭＳ Ｐ明朝" pitchFamily="18" charset="-128"/>
                <a:ea typeface="ＭＳ Ｐ明朝" pitchFamily="18" charset="-128"/>
              </a:rPr>
              <a:t>17km</a:t>
            </a:r>
            <a:r>
              <a:rPr lang="en-US" altLang="ja-JP" sz="1300" baseline="30000" dirty="0" smtClean="0">
                <a:latin typeface="ＭＳ Ｐ明朝" pitchFamily="18" charset="-128"/>
                <a:ea typeface="ＭＳ Ｐ明朝" pitchFamily="18" charset="-128"/>
              </a:rPr>
              <a:t>2</a:t>
            </a:r>
            <a:r>
              <a:rPr lang="ja-JP" altLang="en-US" sz="1300" dirty="0" smtClean="0">
                <a:latin typeface="ＭＳ Ｐ明朝" pitchFamily="18" charset="-128"/>
                <a:ea typeface="ＭＳ Ｐ明朝" pitchFamily="18" charset="-128"/>
              </a:rPr>
              <a:t>におよび、阪神甲子園球場の約</a:t>
            </a:r>
            <a:r>
              <a:rPr lang="en-US" altLang="ja-JP" sz="1300" dirty="0" smtClean="0">
                <a:latin typeface="ＭＳ Ｐ明朝" pitchFamily="18" charset="-128"/>
                <a:ea typeface="ＭＳ Ｐ明朝" pitchFamily="18" charset="-128"/>
              </a:rPr>
              <a:t>430</a:t>
            </a:r>
            <a:r>
              <a:rPr lang="ja-JP" altLang="en-US" sz="1300" dirty="0" smtClean="0">
                <a:latin typeface="ＭＳ Ｐ明朝" pitchFamily="18" charset="-128"/>
                <a:ea typeface="ＭＳ Ｐ明朝" pitchFamily="18" charset="-128"/>
              </a:rPr>
              <a:t>個分に相当する。</a:t>
            </a:r>
            <a:endParaRPr lang="en-US" altLang="ja-JP" sz="1300" dirty="0" smtClean="0">
              <a:latin typeface="ＭＳ Ｐ明朝" pitchFamily="18" charset="-128"/>
              <a:ea typeface="ＭＳ Ｐ明朝" pitchFamily="18" charset="-128"/>
            </a:endParaRPr>
          </a:p>
          <a:p>
            <a:pPr marL="85725" indent="-85725">
              <a:lnSpc>
                <a:spcPts val="1700"/>
              </a:lnSpc>
            </a:pPr>
            <a:endParaRPr kumimoji="1" lang="en-US" altLang="ja-JP" sz="1300" dirty="0" smtClean="0">
              <a:latin typeface="ＭＳ Ｐ明朝" pitchFamily="18" charset="-128"/>
              <a:ea typeface="ＭＳ Ｐ明朝" pitchFamily="18" charset="-128"/>
            </a:endParaRPr>
          </a:p>
          <a:p>
            <a:pPr marL="177800" indent="-177800">
              <a:lnSpc>
                <a:spcPts val="1700"/>
              </a:lnSpc>
            </a:pPr>
            <a:r>
              <a:rPr lang="ja-JP" altLang="en-US" sz="1300" dirty="0" smtClean="0">
                <a:latin typeface="ＭＳ Ｐ明朝" pitchFamily="18" charset="-128"/>
                <a:ea typeface="ＭＳ Ｐ明朝" pitchFamily="18" charset="-128"/>
              </a:rPr>
              <a:t>○関西の物流の中心である大阪港は、大阪市が直接管理しており、国際コンテナの取扱量が</a:t>
            </a:r>
            <a:r>
              <a:rPr lang="en-US" altLang="ja-JP" sz="1300" dirty="0" smtClean="0">
                <a:latin typeface="ＭＳ Ｐ明朝" pitchFamily="18" charset="-128"/>
                <a:ea typeface="ＭＳ Ｐ明朝" pitchFamily="18" charset="-128"/>
              </a:rPr>
              <a:t>219</a:t>
            </a:r>
            <a:r>
              <a:rPr lang="ja-JP" altLang="en-US" sz="1300" dirty="0" smtClean="0">
                <a:latin typeface="ＭＳ Ｐ明朝" pitchFamily="18" charset="-128"/>
                <a:ea typeface="ＭＳ Ｐ明朝" pitchFamily="18" charset="-128"/>
              </a:rPr>
              <a:t>万個</a:t>
            </a:r>
            <a:r>
              <a:rPr lang="en-US" altLang="ja-JP" sz="1300" dirty="0" smtClean="0">
                <a:latin typeface="ＭＳ Ｐ明朝" pitchFamily="18" charset="-128"/>
                <a:ea typeface="ＭＳ Ｐ明朝" pitchFamily="18" charset="-128"/>
              </a:rPr>
              <a:t>/</a:t>
            </a:r>
            <a:r>
              <a:rPr lang="ja-JP" altLang="en-US" sz="1300" dirty="0" smtClean="0">
                <a:latin typeface="ＭＳ Ｐ明朝" pitchFamily="18" charset="-128"/>
                <a:ea typeface="ＭＳ Ｐ明朝" pitchFamily="18" charset="-128"/>
              </a:rPr>
              <a:t>年</a:t>
            </a:r>
            <a:r>
              <a:rPr lang="en-US" altLang="ja-JP" sz="1300" baseline="30000" dirty="0" smtClean="0">
                <a:latin typeface="ＭＳ Ｐ明朝" pitchFamily="18" charset="-128"/>
                <a:ea typeface="ＭＳ Ｐ明朝" pitchFamily="18" charset="-128"/>
              </a:rPr>
              <a:t>※</a:t>
            </a:r>
            <a:r>
              <a:rPr lang="ja-JP" altLang="en-US" sz="1300" dirty="0" smtClean="0">
                <a:latin typeface="ＭＳ Ｐ明朝" pitchFamily="18" charset="-128"/>
                <a:ea typeface="ＭＳ Ｐ明朝" pitchFamily="18" charset="-128"/>
              </a:rPr>
              <a:t>で日本</a:t>
            </a:r>
            <a:r>
              <a:rPr lang="en-US" altLang="ja-JP" sz="1300" dirty="0" smtClean="0">
                <a:latin typeface="ＭＳ Ｐ明朝" pitchFamily="18" charset="-128"/>
                <a:ea typeface="ＭＳ Ｐ明朝" pitchFamily="18" charset="-128"/>
              </a:rPr>
              <a:t>4</a:t>
            </a:r>
            <a:r>
              <a:rPr lang="ja-JP" altLang="en-US" sz="1300" dirty="0" smtClean="0">
                <a:latin typeface="ＭＳ Ｐ明朝" pitchFamily="18" charset="-128"/>
                <a:ea typeface="ＭＳ Ｐ明朝" pitchFamily="18" charset="-128"/>
              </a:rPr>
              <a:t>位の港である。また、上海港と</a:t>
            </a:r>
            <a:r>
              <a:rPr lang="en-US" altLang="ja-JP" sz="1300" dirty="0" smtClean="0">
                <a:latin typeface="ＭＳ Ｐ明朝" pitchFamily="18" charset="-128"/>
                <a:ea typeface="ＭＳ Ｐ明朝" pitchFamily="18" charset="-128"/>
              </a:rPr>
              <a:t>86</a:t>
            </a:r>
            <a:r>
              <a:rPr lang="ja-JP" altLang="en-US" sz="1300" dirty="0" smtClean="0">
                <a:latin typeface="ＭＳ Ｐ明朝" pitchFamily="18" charset="-128"/>
                <a:ea typeface="ＭＳ Ｐ明朝" pitchFamily="18" charset="-128"/>
              </a:rPr>
              <a:t>便</a:t>
            </a:r>
            <a:r>
              <a:rPr lang="en-US" altLang="ja-JP" sz="1300" dirty="0" smtClean="0">
                <a:latin typeface="ＭＳ Ｐ明朝" pitchFamily="18" charset="-128"/>
                <a:ea typeface="ＭＳ Ｐ明朝" pitchFamily="18" charset="-128"/>
              </a:rPr>
              <a:t>/</a:t>
            </a:r>
            <a:r>
              <a:rPr lang="ja-JP" altLang="en-US" sz="1300" dirty="0" smtClean="0">
                <a:latin typeface="ＭＳ Ｐ明朝" pitchFamily="18" charset="-128"/>
                <a:ea typeface="ＭＳ Ｐ明朝" pitchFamily="18" charset="-128"/>
              </a:rPr>
              <a:t>月の運航があるなど、中国・東南アジアと密接な関係をもつ。</a:t>
            </a:r>
            <a:endParaRPr lang="en-US" altLang="ja-JP" sz="1300" dirty="0" smtClean="0">
              <a:latin typeface="ＭＳ Ｐ明朝" pitchFamily="18" charset="-128"/>
              <a:ea typeface="ＭＳ Ｐ明朝" pitchFamily="18" charset="-128"/>
            </a:endParaRPr>
          </a:p>
          <a:p>
            <a:pPr marL="177800" indent="-177800">
              <a:lnSpc>
                <a:spcPts val="1700"/>
              </a:lnSpc>
            </a:pPr>
            <a:r>
              <a:rPr lang="ja-JP" altLang="en-US" sz="1300" dirty="0" smtClean="0">
                <a:latin typeface="ＭＳ Ｐ明朝" pitchFamily="18" charset="-128"/>
                <a:ea typeface="ＭＳ Ｐ明朝" pitchFamily="18" charset="-128"/>
              </a:rPr>
              <a:t>　　　</a:t>
            </a:r>
            <a:r>
              <a:rPr lang="en-US" altLang="ja-JP" sz="1300" dirty="0" smtClean="0">
                <a:latin typeface="ＭＳ Ｐ明朝" pitchFamily="18" charset="-128"/>
                <a:ea typeface="ＭＳ Ｐ明朝" pitchFamily="18" charset="-128"/>
              </a:rPr>
              <a:t>※20</a:t>
            </a:r>
            <a:r>
              <a:rPr lang="ja-JP" altLang="en-US" sz="1300" dirty="0" smtClean="0">
                <a:latin typeface="ＭＳ Ｐ明朝" pitchFamily="18" charset="-128"/>
                <a:ea typeface="ＭＳ Ｐ明朝" pitchFamily="18" charset="-128"/>
              </a:rPr>
              <a:t>フィートコンテナ換算</a:t>
            </a:r>
            <a:endParaRPr lang="en-US" altLang="ja-JP" sz="1300" dirty="0" smtClean="0">
              <a:latin typeface="ＭＳ Ｐ明朝" pitchFamily="18" charset="-128"/>
              <a:ea typeface="ＭＳ Ｐ明朝" pitchFamily="18" charset="-128"/>
            </a:endParaRPr>
          </a:p>
          <a:p>
            <a:pPr marL="85725" indent="-85725">
              <a:lnSpc>
                <a:spcPts val="1700"/>
              </a:lnSpc>
            </a:pPr>
            <a:endParaRPr kumimoji="1" lang="en-US" altLang="ja-JP" sz="1300" dirty="0" smtClean="0">
              <a:latin typeface="ＭＳ Ｐ明朝" pitchFamily="18" charset="-128"/>
              <a:ea typeface="ＭＳ Ｐ明朝" pitchFamily="18" charset="-128"/>
            </a:endParaRPr>
          </a:p>
          <a:p>
            <a:pPr marL="177800" indent="-177800">
              <a:lnSpc>
                <a:spcPts val="1700"/>
              </a:lnSpc>
            </a:pPr>
            <a:r>
              <a:rPr lang="ja-JP" altLang="en-US" sz="1300" dirty="0" smtClean="0">
                <a:latin typeface="ＭＳ Ｐ明朝" pitchFamily="18" charset="-128"/>
                <a:ea typeface="ＭＳ Ｐ明朝" pitchFamily="18" charset="-128"/>
              </a:rPr>
              <a:t>○近年では、国内外資本の巨大な物流倉庫も建ち並び、大阪・関西の経済活動や市民生活を支えている。さらに、企業の立地やスポーツ施設、環境施設の立地など、多目的に活用されている。</a:t>
            </a:r>
            <a:endParaRPr kumimoji="1" lang="ja-JP" altLang="en-US" sz="1300" dirty="0">
              <a:latin typeface="ＭＳ Ｐ明朝" pitchFamily="18" charset="-128"/>
              <a:ea typeface="ＭＳ Ｐ明朝" pitchFamily="18" charset="-128"/>
            </a:endParaRPr>
          </a:p>
        </p:txBody>
      </p:sp>
      <p:sp>
        <p:nvSpPr>
          <p:cNvPr id="11" name="テキスト ボックス 10"/>
          <p:cNvSpPr txBox="1"/>
          <p:nvPr/>
        </p:nvSpPr>
        <p:spPr>
          <a:xfrm>
            <a:off x="83130" y="451262"/>
            <a:ext cx="9785268" cy="6290106"/>
          </a:xfrm>
          <a:prstGeom prst="rect">
            <a:avLst/>
          </a:prstGeom>
          <a:noFill/>
          <a:ln>
            <a:noFill/>
            <a:prstDash val="sysDash"/>
          </a:ln>
        </p:spPr>
        <p:txBody>
          <a:bodyPr wrap="square" rtlCol="0">
            <a:noAutofit/>
          </a:bodyPr>
          <a:lstStyle/>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sp>
        <p:nvSpPr>
          <p:cNvPr id="15" name="正方形/長方形 14"/>
          <p:cNvSpPr/>
          <p:nvPr/>
        </p:nvSpPr>
        <p:spPr>
          <a:xfrm>
            <a:off x="56455" y="476672"/>
            <a:ext cx="3240361" cy="6221840"/>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16" name="正方形/長方形 15"/>
          <p:cNvSpPr/>
          <p:nvPr/>
        </p:nvSpPr>
        <p:spPr>
          <a:xfrm>
            <a:off x="3381519" y="485896"/>
            <a:ext cx="6464275" cy="6223248"/>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17" name="スライド番号プレースホルダ 16"/>
          <p:cNvSpPr>
            <a:spLocks noGrp="1"/>
          </p:cNvSpPr>
          <p:nvPr>
            <p:ph type="sldNum" sz="quarter" idx="12"/>
          </p:nvPr>
        </p:nvSpPr>
        <p:spPr/>
        <p:txBody>
          <a:bodyPr/>
          <a:lstStyle/>
          <a:p>
            <a:fld id="{37EF5067-3AB7-4642-9103-42CBD40CC6D9}" type="slidenum">
              <a:rPr kumimoji="1" lang="ja-JP" altLang="en-US" smtClean="0"/>
              <a:pPr/>
              <a:t>26</a:t>
            </a:fld>
            <a:endParaRPr kumimoji="1" lang="ja-JP" altLang="en-US" dirty="0"/>
          </a:p>
        </p:txBody>
      </p:sp>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14"/>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６．湾岸部</a:t>
            </a:r>
            <a:endParaRPr lang="en-US" altLang="ja-JP" sz="2000" b="1" dirty="0" smtClean="0">
              <a:solidFill>
                <a:schemeClr val="bg1"/>
              </a:solidFill>
              <a:latin typeface="ＭＳ ゴシック" pitchFamily="49" charset="-128"/>
              <a:ea typeface="ＭＳ ゴシック" pitchFamily="49" charset="-128"/>
            </a:endParaRPr>
          </a:p>
        </p:txBody>
      </p:sp>
      <p:sp>
        <p:nvSpPr>
          <p:cNvPr id="13" name="テキスト ボックス 12"/>
          <p:cNvSpPr txBox="1"/>
          <p:nvPr/>
        </p:nvSpPr>
        <p:spPr>
          <a:xfrm>
            <a:off x="56454" y="476676"/>
            <a:ext cx="3677345" cy="384721"/>
          </a:xfrm>
          <a:prstGeom prst="rect">
            <a:avLst/>
          </a:prstGeom>
          <a:noFill/>
        </p:spPr>
        <p:txBody>
          <a:bodyPr wrap="square" rtlCol="0">
            <a:spAutoFit/>
          </a:bodyPr>
          <a:lstStyle/>
          <a:p>
            <a:r>
              <a:rPr kumimoji="1" lang="ja-JP" altLang="en-US" u="sng" dirty="0" smtClean="0"/>
              <a:t>概要（２）　</a:t>
            </a:r>
            <a:r>
              <a:rPr lang="ja-JP" altLang="en-US" u="sng" dirty="0" smtClean="0"/>
              <a:t>～咲洲・舞</a:t>
            </a:r>
            <a:r>
              <a:rPr kumimoji="1" lang="ja-JP" altLang="en-US" u="sng" dirty="0" smtClean="0"/>
              <a:t>洲・夢洲～</a:t>
            </a:r>
            <a:endParaRPr kumimoji="1" lang="en-US" altLang="ja-JP" u="sng" dirty="0" smtClean="0"/>
          </a:p>
        </p:txBody>
      </p:sp>
      <p:pic>
        <p:nvPicPr>
          <p:cNvPr id="1026" name="Picture 2"/>
          <p:cNvPicPr>
            <a:picLocks noChangeAspect="1" noChangeArrowheads="1"/>
          </p:cNvPicPr>
          <p:nvPr/>
        </p:nvPicPr>
        <p:blipFill>
          <a:blip r:embed="rId3" cstate="email"/>
          <a:srcRect/>
          <a:stretch>
            <a:fillRect/>
          </a:stretch>
        </p:blipFill>
        <p:spPr bwMode="auto">
          <a:xfrm>
            <a:off x="1036238" y="3433601"/>
            <a:ext cx="2128237" cy="1368152"/>
          </a:xfrm>
          <a:prstGeom prst="rect">
            <a:avLst/>
          </a:prstGeom>
          <a:noFill/>
          <a:ln w="9525">
            <a:noFill/>
            <a:miter lim="800000"/>
            <a:headEnd/>
            <a:tailEnd/>
          </a:ln>
        </p:spPr>
      </p:pic>
      <p:sp>
        <p:nvSpPr>
          <p:cNvPr id="11" name="角丸四角形 10"/>
          <p:cNvSpPr/>
          <p:nvPr/>
        </p:nvSpPr>
        <p:spPr>
          <a:xfrm>
            <a:off x="129600" y="3260160"/>
            <a:ext cx="9615600" cy="1642179"/>
          </a:xfrm>
          <a:prstGeom prst="roundRect">
            <a:avLst>
              <a:gd name="adj" fmla="val 0"/>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200472" y="3318160"/>
            <a:ext cx="898003" cy="630942"/>
          </a:xfrm>
          <a:prstGeom prst="rect">
            <a:avLst/>
          </a:prstGeom>
          <a:noFill/>
        </p:spPr>
        <p:txBody>
          <a:bodyPr wrap="none" rtlCol="0">
            <a:spAutoFit/>
          </a:bodyPr>
          <a:lstStyle/>
          <a:p>
            <a:r>
              <a:rPr kumimoji="1" lang="ja-JP" altLang="en-US" dirty="0" smtClean="0">
                <a:latin typeface="+mn-ea"/>
              </a:rPr>
              <a:t>舞洲</a:t>
            </a:r>
            <a:endParaRPr kumimoji="1" lang="en-US" altLang="ja-JP" dirty="0" smtClean="0">
              <a:latin typeface="+mn-ea"/>
            </a:endParaRPr>
          </a:p>
          <a:p>
            <a:r>
              <a:rPr lang="ja-JP" altLang="en-US" sz="1600" u="sng" dirty="0" smtClean="0">
                <a:latin typeface="+mn-ea"/>
              </a:rPr>
              <a:t>（</a:t>
            </a:r>
            <a:r>
              <a:rPr lang="en-US" altLang="ja-JP" sz="1600" u="sng" dirty="0" smtClean="0">
                <a:latin typeface="+mn-ea"/>
              </a:rPr>
              <a:t>220ha</a:t>
            </a:r>
            <a:r>
              <a:rPr lang="ja-JP" altLang="en-US" sz="1600" u="sng" dirty="0" smtClean="0">
                <a:latin typeface="+mn-ea"/>
              </a:rPr>
              <a:t>）</a:t>
            </a:r>
            <a:endParaRPr kumimoji="1" lang="ja-JP" altLang="en-US" sz="1600" u="sng" dirty="0">
              <a:latin typeface="+mn-ea"/>
            </a:endParaRPr>
          </a:p>
        </p:txBody>
      </p:sp>
      <p:sp>
        <p:nvSpPr>
          <p:cNvPr id="21" name="テキスト ボックス 20"/>
          <p:cNvSpPr txBox="1"/>
          <p:nvPr/>
        </p:nvSpPr>
        <p:spPr>
          <a:xfrm>
            <a:off x="3153600" y="3604784"/>
            <a:ext cx="6624736" cy="1169551"/>
          </a:xfrm>
          <a:prstGeom prst="rect">
            <a:avLst/>
          </a:prstGeom>
          <a:noFill/>
        </p:spPr>
        <p:txBody>
          <a:bodyPr wrap="square" rtlCol="0">
            <a:spAutoFit/>
          </a:bodyPr>
          <a:lstStyle/>
          <a:p>
            <a:pPr marL="85725" indent="-85725"/>
            <a:r>
              <a:rPr kumimoji="1" lang="ja-JP" altLang="en-US" sz="1400" dirty="0" smtClean="0">
                <a:latin typeface="ＭＳ Ｐ明朝" pitchFamily="18" charset="-128"/>
                <a:ea typeface="ＭＳ Ｐ明朝" pitchFamily="18" charset="-128"/>
              </a:rPr>
              <a:t>・西側のスポーツ・リクリエーションゾーンと、東側の物流・環境ゾーンからなる。</a:t>
            </a:r>
            <a:endParaRPr kumimoji="1" lang="en-US" altLang="ja-JP" sz="1400" dirty="0" smtClean="0">
              <a:latin typeface="ＭＳ Ｐ明朝" pitchFamily="18" charset="-128"/>
              <a:ea typeface="ＭＳ Ｐ明朝" pitchFamily="18" charset="-128"/>
            </a:endParaRPr>
          </a:p>
          <a:p>
            <a:pPr marL="85725" indent="-85725"/>
            <a:r>
              <a:rPr lang="ja-JP" altLang="en-US" sz="1400" dirty="0" smtClean="0">
                <a:latin typeface="ＭＳ Ｐ明朝" pitchFamily="18" charset="-128"/>
                <a:ea typeface="ＭＳ Ｐ明朝" pitchFamily="18" charset="-128"/>
              </a:rPr>
              <a:t>・スポーツ・リクリエーションゾーンには、セレッソ大阪の練習場やベースボールスタジアム等が立地。</a:t>
            </a:r>
            <a:endParaRPr lang="en-US" altLang="ja-JP" sz="1400" dirty="0" smtClean="0">
              <a:latin typeface="ＭＳ Ｐ明朝" pitchFamily="18" charset="-128"/>
              <a:ea typeface="ＭＳ Ｐ明朝" pitchFamily="18" charset="-128"/>
            </a:endParaRPr>
          </a:p>
          <a:p>
            <a:pPr marL="85725" indent="-85725"/>
            <a:r>
              <a:rPr lang="ja-JP" altLang="en-US" sz="1400" dirty="0" smtClean="0">
                <a:latin typeface="ＭＳ Ｐ明朝" pitchFamily="18" charset="-128"/>
                <a:ea typeface="ＭＳ Ｐ明朝" pitchFamily="18" charset="-128"/>
              </a:rPr>
              <a:t>・物流・環境ゾーンには、大型の物流倉庫が立ち並ぶほか、ごみの焼却による発電も行っている。</a:t>
            </a:r>
            <a:endParaRPr kumimoji="1" lang="ja-JP" altLang="en-US" sz="1400" dirty="0">
              <a:latin typeface="ＭＳ Ｐ明朝" pitchFamily="18" charset="-128"/>
              <a:ea typeface="ＭＳ Ｐ明朝" pitchFamily="18" charset="-128"/>
            </a:endParaRPr>
          </a:p>
        </p:txBody>
      </p:sp>
      <p:pic>
        <p:nvPicPr>
          <p:cNvPr id="1028" name="Picture 4"/>
          <p:cNvPicPr>
            <a:picLocks noChangeAspect="1" noChangeArrowheads="1"/>
          </p:cNvPicPr>
          <p:nvPr/>
        </p:nvPicPr>
        <p:blipFill>
          <a:blip r:embed="rId4" cstate="email"/>
          <a:srcRect/>
          <a:stretch>
            <a:fillRect/>
          </a:stretch>
        </p:blipFill>
        <p:spPr bwMode="auto">
          <a:xfrm>
            <a:off x="1089545" y="5118446"/>
            <a:ext cx="2064264" cy="1416099"/>
          </a:xfrm>
          <a:prstGeom prst="rect">
            <a:avLst/>
          </a:prstGeom>
          <a:noFill/>
          <a:ln w="9525">
            <a:noFill/>
            <a:miter lim="800000"/>
            <a:headEnd/>
            <a:tailEnd/>
          </a:ln>
        </p:spPr>
      </p:pic>
      <p:sp>
        <p:nvSpPr>
          <p:cNvPr id="17" name="角丸四角形 16"/>
          <p:cNvSpPr/>
          <p:nvPr/>
        </p:nvSpPr>
        <p:spPr>
          <a:xfrm>
            <a:off x="129600" y="5046352"/>
            <a:ext cx="9615600" cy="1584176"/>
          </a:xfrm>
          <a:prstGeom prst="roundRect">
            <a:avLst>
              <a:gd name="adj" fmla="val 0"/>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200472" y="5046352"/>
            <a:ext cx="898003" cy="630942"/>
          </a:xfrm>
          <a:prstGeom prst="rect">
            <a:avLst/>
          </a:prstGeom>
          <a:noFill/>
        </p:spPr>
        <p:txBody>
          <a:bodyPr wrap="none" rtlCol="0">
            <a:spAutoFit/>
          </a:bodyPr>
          <a:lstStyle/>
          <a:p>
            <a:r>
              <a:rPr kumimoji="1" lang="ja-JP" altLang="en-US" dirty="0" smtClean="0">
                <a:latin typeface="+mn-ea"/>
              </a:rPr>
              <a:t>夢洲</a:t>
            </a:r>
            <a:endParaRPr kumimoji="1" lang="en-US" altLang="ja-JP" dirty="0" smtClean="0">
              <a:latin typeface="+mn-ea"/>
            </a:endParaRPr>
          </a:p>
          <a:p>
            <a:r>
              <a:rPr lang="ja-JP" altLang="en-US" sz="1600" u="sng" dirty="0" smtClean="0">
                <a:latin typeface="+mn-ea"/>
              </a:rPr>
              <a:t>（</a:t>
            </a:r>
            <a:r>
              <a:rPr lang="en-US" altLang="ja-JP" sz="1600" u="sng" dirty="0" smtClean="0">
                <a:latin typeface="+mn-ea"/>
              </a:rPr>
              <a:t>390ha</a:t>
            </a:r>
            <a:r>
              <a:rPr lang="ja-JP" altLang="en-US" sz="1600" u="sng" dirty="0" smtClean="0">
                <a:latin typeface="+mn-ea"/>
              </a:rPr>
              <a:t>）</a:t>
            </a:r>
            <a:endParaRPr kumimoji="1" lang="ja-JP" altLang="en-US" sz="1600" u="sng" dirty="0">
              <a:latin typeface="+mn-ea"/>
            </a:endParaRPr>
          </a:p>
        </p:txBody>
      </p:sp>
      <p:sp>
        <p:nvSpPr>
          <p:cNvPr id="24" name="テキスト ボックス 23"/>
          <p:cNvSpPr txBox="1"/>
          <p:nvPr/>
        </p:nvSpPr>
        <p:spPr>
          <a:xfrm>
            <a:off x="3153600" y="5122638"/>
            <a:ext cx="6552728" cy="1384995"/>
          </a:xfrm>
          <a:prstGeom prst="rect">
            <a:avLst/>
          </a:prstGeom>
          <a:noFill/>
        </p:spPr>
        <p:txBody>
          <a:bodyPr wrap="square" rtlCol="0">
            <a:spAutoFit/>
          </a:bodyPr>
          <a:lstStyle/>
          <a:p>
            <a:pPr marL="85725" indent="-85725"/>
            <a:r>
              <a:rPr kumimoji="1" lang="ja-JP" altLang="en-US" sz="1400" dirty="0" smtClean="0">
                <a:latin typeface="ＭＳ Ｐ明朝" pitchFamily="18" charset="-128"/>
                <a:ea typeface="ＭＳ Ｐ明朝" pitchFamily="18" charset="-128"/>
              </a:rPr>
              <a:t>・</a:t>
            </a:r>
            <a:r>
              <a:rPr lang="ja-JP" altLang="en-US" sz="1400" dirty="0" smtClean="0">
                <a:latin typeface="ＭＳ Ｐ明朝" pitchFamily="18" charset="-128"/>
                <a:ea typeface="ＭＳ Ｐ明朝" pitchFamily="18" charset="-128"/>
              </a:rPr>
              <a:t>東</a:t>
            </a:r>
            <a:r>
              <a:rPr kumimoji="1" lang="ja-JP" altLang="en-US" sz="1400" dirty="0" smtClean="0">
                <a:latin typeface="ＭＳ Ｐ明朝" pitchFamily="18" charset="-128"/>
                <a:ea typeface="ＭＳ Ｐ明朝" pitchFamily="18" charset="-128"/>
              </a:rPr>
              <a:t>側のコンテナ・産業物流ゾーン（約</a:t>
            </a:r>
            <a:r>
              <a:rPr kumimoji="1" lang="en-US" altLang="ja-JP" sz="1400" dirty="0" smtClean="0">
                <a:latin typeface="ＭＳ Ｐ明朝" pitchFamily="18" charset="-128"/>
                <a:ea typeface="ＭＳ Ｐ明朝" pitchFamily="18" charset="-128"/>
              </a:rPr>
              <a:t>120ha</a:t>
            </a:r>
            <a:r>
              <a:rPr kumimoji="1" lang="ja-JP" altLang="en-US" sz="1400" dirty="0" smtClean="0">
                <a:latin typeface="ＭＳ Ｐ明朝" pitchFamily="18" charset="-128"/>
                <a:ea typeface="ＭＳ Ｐ明朝" pitchFamily="18" charset="-128"/>
              </a:rPr>
              <a:t>）と、</a:t>
            </a:r>
            <a:r>
              <a:rPr lang="ja-JP" altLang="en-US" sz="1400" dirty="0" smtClean="0">
                <a:latin typeface="ＭＳ Ｐ明朝" pitchFamily="18" charset="-128"/>
                <a:ea typeface="ＭＳ Ｐ明朝" pitchFamily="18" charset="-128"/>
              </a:rPr>
              <a:t>西</a:t>
            </a:r>
            <a:r>
              <a:rPr kumimoji="1" lang="ja-JP" altLang="en-US" sz="1400" dirty="0" smtClean="0">
                <a:latin typeface="ＭＳ Ｐ明朝" pitchFamily="18" charset="-128"/>
                <a:ea typeface="ＭＳ Ｐ明朝" pitchFamily="18" charset="-128"/>
              </a:rPr>
              <a:t>側の将来開発ゾーン（約</a:t>
            </a:r>
            <a:r>
              <a:rPr kumimoji="1" lang="en-US" altLang="ja-JP" sz="1400" dirty="0" smtClean="0">
                <a:latin typeface="ＭＳ Ｐ明朝" pitchFamily="18" charset="-128"/>
                <a:ea typeface="ＭＳ Ｐ明朝" pitchFamily="18" charset="-128"/>
              </a:rPr>
              <a:t>170ha</a:t>
            </a:r>
            <a:r>
              <a:rPr kumimoji="1" lang="ja-JP" altLang="en-US" sz="1400" dirty="0" smtClean="0">
                <a:latin typeface="ＭＳ Ｐ明朝" pitchFamily="18" charset="-128"/>
                <a:ea typeface="ＭＳ Ｐ明朝" pitchFamily="18" charset="-128"/>
              </a:rPr>
              <a:t>）</a:t>
            </a:r>
            <a:r>
              <a:rPr lang="ja-JP" altLang="en-US" sz="1400" dirty="0" smtClean="0">
                <a:latin typeface="ＭＳ Ｐ明朝" pitchFamily="18" charset="-128"/>
                <a:ea typeface="ＭＳ Ｐ明朝" pitchFamily="18" charset="-128"/>
              </a:rPr>
              <a:t>に分けて、段階的に開発を行っている</a:t>
            </a:r>
            <a:r>
              <a:rPr kumimoji="1" lang="ja-JP" altLang="en-US" sz="1400" dirty="0" smtClean="0">
                <a:latin typeface="ＭＳ Ｐ明朝" pitchFamily="18" charset="-128"/>
                <a:ea typeface="ＭＳ Ｐ明朝" pitchFamily="18" charset="-128"/>
              </a:rPr>
              <a:t>。</a:t>
            </a:r>
            <a:endParaRPr kumimoji="1" lang="en-US" altLang="ja-JP" sz="1400" dirty="0" smtClean="0">
              <a:latin typeface="ＭＳ Ｐ明朝" pitchFamily="18" charset="-128"/>
              <a:ea typeface="ＭＳ Ｐ明朝" pitchFamily="18" charset="-128"/>
            </a:endParaRPr>
          </a:p>
          <a:p>
            <a:pPr marL="85725" indent="-85725"/>
            <a:r>
              <a:rPr lang="ja-JP" altLang="en-US" sz="1400" dirty="0" smtClean="0">
                <a:latin typeface="ＭＳ Ｐ明朝" pitchFamily="18" charset="-128"/>
                <a:ea typeface="ＭＳ Ｐ明朝" pitchFamily="18" charset="-128"/>
              </a:rPr>
              <a:t>・コンテナ・産業物流ゾーンは、延長</a:t>
            </a:r>
            <a:r>
              <a:rPr lang="en-US" altLang="ja-JP" sz="1400" dirty="0" smtClean="0">
                <a:latin typeface="ＭＳ Ｐ明朝" pitchFamily="18" charset="-128"/>
                <a:ea typeface="ＭＳ Ｐ明朝" pitchFamily="18" charset="-128"/>
              </a:rPr>
              <a:t>1,350m</a:t>
            </a:r>
            <a:r>
              <a:rPr lang="ja-JP" altLang="en-US" sz="1400" dirty="0" smtClean="0">
                <a:latin typeface="ＭＳ Ｐ明朝" pitchFamily="18" charset="-128"/>
                <a:ea typeface="ＭＳ Ｐ明朝" pitchFamily="18" charset="-128"/>
              </a:rPr>
              <a:t>のコンテナターミナルを有し、関西の経済活動を支えている。</a:t>
            </a:r>
            <a:endParaRPr lang="en-US" altLang="ja-JP" sz="1400" dirty="0" smtClean="0">
              <a:latin typeface="ＭＳ Ｐ明朝" pitchFamily="18" charset="-128"/>
              <a:ea typeface="ＭＳ Ｐ明朝" pitchFamily="18" charset="-128"/>
            </a:endParaRPr>
          </a:p>
          <a:p>
            <a:pPr marL="85725" indent="-85725"/>
            <a:r>
              <a:rPr lang="ja-JP" altLang="en-US" sz="1400" dirty="0" smtClean="0">
                <a:latin typeface="ＭＳ Ｐ明朝" pitchFamily="18" charset="-128"/>
                <a:ea typeface="ＭＳ Ｐ明朝" pitchFamily="18" charset="-128"/>
              </a:rPr>
              <a:t>・将来開発ゾーンの西側には</a:t>
            </a:r>
            <a:r>
              <a:rPr lang="en-US" altLang="ja-JP" sz="1400" dirty="0" smtClean="0">
                <a:latin typeface="ＭＳ Ｐ明朝" pitchFamily="18" charset="-128"/>
                <a:ea typeface="ＭＳ Ｐ明朝" pitchFamily="18" charset="-128"/>
              </a:rPr>
              <a:t>10MW</a:t>
            </a:r>
            <a:r>
              <a:rPr lang="ja-JP" altLang="en-US" sz="1400" dirty="0" smtClean="0">
                <a:latin typeface="ＭＳ Ｐ明朝" pitchFamily="18" charset="-128"/>
                <a:ea typeface="ＭＳ Ｐ明朝" pitchFamily="18" charset="-128"/>
              </a:rPr>
              <a:t>のメガソーラーが稼働、自然にやさしい電力を生み出している。</a:t>
            </a:r>
            <a:endParaRPr kumimoji="1" lang="ja-JP" altLang="en-US" sz="1400" dirty="0">
              <a:latin typeface="ＭＳ Ｐ明朝" pitchFamily="18" charset="-128"/>
              <a:ea typeface="ＭＳ Ｐ明朝" pitchFamily="18" charset="-128"/>
            </a:endParaRPr>
          </a:p>
        </p:txBody>
      </p:sp>
      <p:sp>
        <p:nvSpPr>
          <p:cNvPr id="19" name="角丸四角形 18"/>
          <p:cNvSpPr/>
          <p:nvPr/>
        </p:nvSpPr>
        <p:spPr>
          <a:xfrm>
            <a:off x="129599" y="941896"/>
            <a:ext cx="9615600" cy="2168136"/>
          </a:xfrm>
          <a:prstGeom prst="roundRect">
            <a:avLst>
              <a:gd name="adj" fmla="val 0"/>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p:cNvSpPr txBox="1"/>
          <p:nvPr/>
        </p:nvSpPr>
        <p:spPr>
          <a:xfrm>
            <a:off x="248621" y="963382"/>
            <a:ext cx="1588897" cy="338554"/>
          </a:xfrm>
          <a:prstGeom prst="rect">
            <a:avLst/>
          </a:prstGeom>
          <a:noFill/>
        </p:spPr>
        <p:txBody>
          <a:bodyPr wrap="none" rtlCol="0">
            <a:spAutoFit/>
          </a:bodyPr>
          <a:lstStyle/>
          <a:p>
            <a:r>
              <a:rPr kumimoji="1" lang="ja-JP" altLang="en-US" sz="1600" u="sng" dirty="0" smtClean="0">
                <a:latin typeface="+mn-ea"/>
              </a:rPr>
              <a:t>咲洲　（</a:t>
            </a:r>
            <a:r>
              <a:rPr kumimoji="1" lang="en-US" altLang="ja-JP" sz="1600" u="sng" dirty="0" smtClean="0">
                <a:latin typeface="+mn-ea"/>
              </a:rPr>
              <a:t>1,045ha</a:t>
            </a:r>
            <a:r>
              <a:rPr kumimoji="1" lang="ja-JP" altLang="en-US" sz="1600" u="sng" dirty="0" smtClean="0">
                <a:latin typeface="+mn-ea"/>
              </a:rPr>
              <a:t>）</a:t>
            </a:r>
            <a:endParaRPr kumimoji="1" lang="ja-JP" altLang="en-US" sz="1600" u="sng" dirty="0">
              <a:latin typeface="+mn-ea"/>
            </a:endParaRPr>
          </a:p>
        </p:txBody>
      </p:sp>
      <p:sp>
        <p:nvSpPr>
          <p:cNvPr id="30" name="テキスト ボックス 29"/>
          <p:cNvSpPr txBox="1"/>
          <p:nvPr/>
        </p:nvSpPr>
        <p:spPr>
          <a:xfrm>
            <a:off x="3152800" y="1213667"/>
            <a:ext cx="6552728" cy="1384995"/>
          </a:xfrm>
          <a:prstGeom prst="rect">
            <a:avLst/>
          </a:prstGeom>
          <a:noFill/>
        </p:spPr>
        <p:txBody>
          <a:bodyPr wrap="square" rtlCol="0">
            <a:spAutoFit/>
          </a:bodyPr>
          <a:lstStyle/>
          <a:p>
            <a:pPr marL="85725" indent="-85725"/>
            <a:r>
              <a:rPr kumimoji="1" lang="ja-JP" altLang="en-US" sz="1400" dirty="0" smtClean="0">
                <a:latin typeface="ＭＳ Ｐ明朝" pitchFamily="18" charset="-128"/>
                <a:ea typeface="ＭＳ Ｐ明朝" pitchFamily="18" charset="-128"/>
              </a:rPr>
              <a:t>・企業が集積する北側のコスモスクエア地区（約</a:t>
            </a:r>
            <a:r>
              <a:rPr kumimoji="1" lang="en-US" altLang="ja-JP" sz="1400" dirty="0" smtClean="0">
                <a:latin typeface="ＭＳ Ｐ明朝" pitchFamily="18" charset="-128"/>
                <a:ea typeface="ＭＳ Ｐ明朝" pitchFamily="18" charset="-128"/>
              </a:rPr>
              <a:t>150ha</a:t>
            </a:r>
            <a:r>
              <a:rPr kumimoji="1" lang="ja-JP" altLang="en-US" sz="1400" dirty="0" smtClean="0">
                <a:latin typeface="ＭＳ Ｐ明朝" pitchFamily="18" charset="-128"/>
                <a:ea typeface="ＭＳ Ｐ明朝" pitchFamily="18" charset="-128"/>
              </a:rPr>
              <a:t>）と、中央部の南港ポートタウン（約</a:t>
            </a:r>
            <a:r>
              <a:rPr lang="en-US" altLang="ja-JP" sz="1400" dirty="0" smtClean="0">
                <a:latin typeface="ＭＳ Ｐ明朝" pitchFamily="18" charset="-128"/>
                <a:ea typeface="ＭＳ Ｐ明朝" pitchFamily="18" charset="-128"/>
              </a:rPr>
              <a:t>100</a:t>
            </a:r>
            <a:r>
              <a:rPr kumimoji="1" lang="en-US" altLang="ja-JP" sz="1400" dirty="0" smtClean="0">
                <a:latin typeface="ＭＳ Ｐ明朝" pitchFamily="18" charset="-128"/>
                <a:ea typeface="ＭＳ Ｐ明朝" pitchFamily="18" charset="-128"/>
              </a:rPr>
              <a:t>ha</a:t>
            </a:r>
            <a:r>
              <a:rPr kumimoji="1" lang="ja-JP" altLang="en-US" sz="1400" dirty="0" smtClean="0">
                <a:latin typeface="ＭＳ Ｐ明朝" pitchFamily="18" charset="-128"/>
                <a:ea typeface="ＭＳ Ｐ明朝" pitchFamily="18" charset="-128"/>
              </a:rPr>
              <a:t>）、外周部の物流施設からなる。</a:t>
            </a:r>
            <a:endParaRPr kumimoji="1" lang="en-US" altLang="ja-JP" sz="1400" dirty="0" smtClean="0">
              <a:latin typeface="ＭＳ Ｐ明朝" pitchFamily="18" charset="-128"/>
              <a:ea typeface="ＭＳ Ｐ明朝" pitchFamily="18" charset="-128"/>
            </a:endParaRPr>
          </a:p>
          <a:p>
            <a:pPr marL="85725" indent="-85725"/>
            <a:r>
              <a:rPr lang="ja-JP" altLang="en-US" sz="1400" dirty="0" smtClean="0">
                <a:latin typeface="ＭＳ Ｐ明朝" pitchFamily="18" charset="-128"/>
                <a:ea typeface="ＭＳ Ｐ明朝" pitchFamily="18" charset="-128"/>
              </a:rPr>
              <a:t>・コスモスクエア地区では、地区の東部において、日立造船や日本</a:t>
            </a:r>
            <a:r>
              <a:rPr lang="en-US" altLang="ja-JP" sz="1400" dirty="0" smtClean="0">
                <a:latin typeface="ＭＳ Ｐ明朝" pitchFamily="18" charset="-128"/>
                <a:ea typeface="ＭＳ Ｐ明朝" pitchFamily="18" charset="-128"/>
              </a:rPr>
              <a:t>IBM</a:t>
            </a:r>
            <a:r>
              <a:rPr lang="ja-JP" altLang="en-US" sz="1400" dirty="0" err="1" smtClean="0">
                <a:latin typeface="ＭＳ Ｐ明朝" pitchFamily="18" charset="-128"/>
                <a:ea typeface="ＭＳ Ｐ明朝" pitchFamily="18" charset="-128"/>
              </a:rPr>
              <a:t>、</a:t>
            </a:r>
            <a:r>
              <a:rPr lang="ja-JP" altLang="en-US" sz="1400" dirty="0" smtClean="0">
                <a:latin typeface="ＭＳ Ｐ明朝" pitchFamily="18" charset="-128"/>
                <a:ea typeface="ＭＳ Ｐ明朝" pitchFamily="18" charset="-128"/>
              </a:rPr>
              <a:t>ミズノといった大企業が立地、南部には国際見本市会場であるインテックス大阪のほか</a:t>
            </a:r>
            <a:r>
              <a:rPr lang="en-US" altLang="ja-JP" sz="1400" dirty="0" smtClean="0">
                <a:latin typeface="ＭＳ Ｐ明朝" pitchFamily="18" charset="-128"/>
                <a:ea typeface="ＭＳ Ｐ明朝" pitchFamily="18" charset="-128"/>
              </a:rPr>
              <a:t>ATC</a:t>
            </a:r>
            <a:r>
              <a:rPr lang="ja-JP" altLang="en-US" sz="1400" dirty="0" smtClean="0">
                <a:latin typeface="ＭＳ Ｐ明朝" pitchFamily="18" charset="-128"/>
                <a:ea typeface="ＭＳ Ｐ明朝" pitchFamily="18" charset="-128"/>
              </a:rPr>
              <a:t>や大阪府咲洲庁舎が立地している。</a:t>
            </a:r>
            <a:endParaRPr lang="en-US" altLang="ja-JP" sz="1400" dirty="0" smtClean="0">
              <a:latin typeface="ＭＳ Ｐ明朝" pitchFamily="18" charset="-128"/>
              <a:ea typeface="ＭＳ Ｐ明朝" pitchFamily="18" charset="-128"/>
            </a:endParaRPr>
          </a:p>
          <a:p>
            <a:pPr marL="85725" indent="-85725"/>
            <a:r>
              <a:rPr lang="ja-JP" altLang="en-US" sz="1400" dirty="0" smtClean="0">
                <a:latin typeface="ＭＳ Ｐ明朝" pitchFamily="18" charset="-128"/>
                <a:ea typeface="ＭＳ Ｐ明朝" pitchFamily="18" charset="-128"/>
              </a:rPr>
              <a:t>・南港ポートタウンは、</a:t>
            </a:r>
            <a:r>
              <a:rPr lang="en-US" altLang="ja-JP" sz="1400" dirty="0" smtClean="0">
                <a:latin typeface="ＭＳ Ｐ明朝" pitchFamily="18" charset="-128"/>
                <a:ea typeface="ＭＳ Ｐ明朝" pitchFamily="18" charset="-128"/>
              </a:rPr>
              <a:t>1977</a:t>
            </a:r>
            <a:r>
              <a:rPr lang="ja-JP" altLang="en-US" sz="1400" dirty="0" smtClean="0">
                <a:latin typeface="ＭＳ Ｐ明朝" pitchFamily="18" charset="-128"/>
                <a:ea typeface="ＭＳ Ｐ明朝" pitchFamily="18" charset="-128"/>
              </a:rPr>
              <a:t>年にできたニュータウンで、現在、約</a:t>
            </a:r>
            <a:r>
              <a:rPr lang="en-US" altLang="ja-JP" sz="1400" dirty="0" smtClean="0">
                <a:latin typeface="ＭＳ Ｐ明朝" pitchFamily="18" charset="-128"/>
                <a:ea typeface="ＭＳ Ｐ明朝" pitchFamily="18" charset="-128"/>
              </a:rPr>
              <a:t>2.3</a:t>
            </a:r>
            <a:r>
              <a:rPr lang="ja-JP" altLang="en-US" sz="1400" dirty="0" smtClean="0">
                <a:latin typeface="ＭＳ Ｐ明朝" pitchFamily="18" charset="-128"/>
                <a:ea typeface="ＭＳ Ｐ明朝" pitchFamily="18" charset="-128"/>
              </a:rPr>
              <a:t>万人が暮らしている。</a:t>
            </a:r>
            <a:endParaRPr kumimoji="1" lang="ja-JP" altLang="en-US" sz="1400" dirty="0">
              <a:latin typeface="ＭＳ Ｐ明朝" pitchFamily="18" charset="-128"/>
              <a:ea typeface="ＭＳ Ｐ明朝" pitchFamily="18" charset="-128"/>
            </a:endParaRPr>
          </a:p>
        </p:txBody>
      </p:sp>
      <p:pic>
        <p:nvPicPr>
          <p:cNvPr id="1029" name="Picture 5"/>
          <p:cNvPicPr>
            <a:picLocks noChangeAspect="1" noChangeArrowheads="1"/>
          </p:cNvPicPr>
          <p:nvPr/>
        </p:nvPicPr>
        <p:blipFill>
          <a:blip r:embed="rId5" cstate="email"/>
          <a:srcRect/>
          <a:stretch>
            <a:fillRect/>
          </a:stretch>
        </p:blipFill>
        <p:spPr bwMode="auto">
          <a:xfrm>
            <a:off x="272480" y="1301942"/>
            <a:ext cx="2878228" cy="1651555"/>
          </a:xfrm>
          <a:prstGeom prst="rect">
            <a:avLst/>
          </a:prstGeom>
          <a:noFill/>
          <a:ln w="9525">
            <a:noFill/>
            <a:miter lim="800000"/>
            <a:headEnd/>
            <a:tailEnd/>
          </a:ln>
        </p:spPr>
      </p:pic>
      <p:sp>
        <p:nvSpPr>
          <p:cNvPr id="23" name="スライド番号プレースホルダ 22"/>
          <p:cNvSpPr>
            <a:spLocks noGrp="1"/>
          </p:cNvSpPr>
          <p:nvPr>
            <p:ph type="sldNum" sz="quarter" idx="12"/>
          </p:nvPr>
        </p:nvSpPr>
        <p:spPr/>
        <p:txBody>
          <a:bodyPr/>
          <a:lstStyle/>
          <a:p>
            <a:fld id="{37EF5067-3AB7-4642-9103-42CBD40CC6D9}" type="slidenum">
              <a:rPr kumimoji="1" lang="ja-JP" altLang="en-US" smtClean="0"/>
              <a:pPr/>
              <a:t>27</a:t>
            </a:fld>
            <a:endParaRPr kumimoji="1" lang="ja-JP" altLang="en-US" dirty="0"/>
          </a:p>
        </p:txBody>
      </p:sp>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14"/>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６．湾岸部</a:t>
            </a:r>
            <a:endParaRPr lang="en-US" altLang="ja-JP" sz="2000" b="1" dirty="0" smtClean="0">
              <a:solidFill>
                <a:schemeClr val="bg1"/>
              </a:solidFill>
              <a:latin typeface="ＭＳ ゴシック" pitchFamily="49" charset="-128"/>
              <a:ea typeface="ＭＳ ゴシック" pitchFamily="49" charset="-128"/>
            </a:endParaRPr>
          </a:p>
        </p:txBody>
      </p:sp>
      <p:sp>
        <p:nvSpPr>
          <p:cNvPr id="8" name="テキスト ボックス 7"/>
          <p:cNvSpPr txBox="1"/>
          <p:nvPr/>
        </p:nvSpPr>
        <p:spPr>
          <a:xfrm>
            <a:off x="128464" y="548685"/>
            <a:ext cx="9649072" cy="5816977"/>
          </a:xfrm>
          <a:prstGeom prst="rect">
            <a:avLst/>
          </a:prstGeom>
          <a:noFill/>
          <a:ln w="12700">
            <a:noFill/>
            <a:prstDash val="sysDash"/>
          </a:ln>
        </p:spPr>
        <p:txBody>
          <a:bodyPr wrap="square" rtlCol="0">
            <a:spAutoFit/>
          </a:bodyPr>
          <a:lstStyle/>
          <a:p>
            <a:r>
              <a:rPr lang="ja-JP" altLang="en-US" sz="1400" dirty="0" smtClean="0"/>
              <a:t>○課題と取組み</a:t>
            </a:r>
            <a:endParaRPr lang="en-US" altLang="ja-JP" sz="14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graphicFrame>
        <p:nvGraphicFramePr>
          <p:cNvPr id="5" name="表 4"/>
          <p:cNvGraphicFramePr>
            <a:graphicFrameLocks noGrp="1"/>
          </p:cNvGraphicFramePr>
          <p:nvPr/>
        </p:nvGraphicFramePr>
        <p:xfrm>
          <a:off x="272487" y="1098634"/>
          <a:ext cx="9289032" cy="4752526"/>
        </p:xfrm>
        <a:graphic>
          <a:graphicData uri="http://schemas.openxmlformats.org/drawingml/2006/table">
            <a:tbl>
              <a:tblPr firstRow="1" bandRow="1">
                <a:tableStyleId>{5C22544A-7EE6-4342-B048-85BDC9FD1C3A}</a:tableStyleId>
              </a:tblPr>
              <a:tblGrid>
                <a:gridCol w="1415143"/>
                <a:gridCol w="2987524"/>
                <a:gridCol w="4886365"/>
              </a:tblGrid>
              <a:tr h="329374">
                <a:tc>
                  <a:txBody>
                    <a:bodyPr/>
                    <a:lstStyle/>
                    <a:p>
                      <a:endParaRPr kumimoji="1" lang="ja-JP" altLang="en-US" sz="1200" b="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latin typeface="+mn-ea"/>
                          <a:ea typeface="+mn-ea"/>
                        </a:rPr>
                        <a:t>課題</a:t>
                      </a:r>
                      <a:endParaRPr kumimoji="1" lang="ja-JP" altLang="en-US" sz="1200" b="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latin typeface="+mn-ea"/>
                          <a:ea typeface="+mn-ea"/>
                        </a:rPr>
                        <a:t>取組み</a:t>
                      </a:r>
                      <a:endParaRPr kumimoji="1" lang="ja-JP" altLang="en-US" sz="1200" b="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646870">
                <a:tc rowSpan="2">
                  <a:txBody>
                    <a:bodyPr/>
                    <a:lstStyle/>
                    <a:p>
                      <a:r>
                        <a:rPr kumimoji="1" lang="ja-JP" altLang="en-US" sz="1200" b="0" dirty="0" smtClean="0">
                          <a:solidFill>
                            <a:schemeClr val="tx1"/>
                          </a:solidFill>
                          <a:latin typeface="+mn-ea"/>
                          <a:ea typeface="+mn-ea"/>
                        </a:rPr>
                        <a:t>咲洲</a:t>
                      </a:r>
                      <a:endParaRPr kumimoji="1" lang="en-US" altLang="ja-JP" sz="1200" b="0" dirty="0" smtClean="0">
                        <a:solidFill>
                          <a:schemeClr val="tx1"/>
                        </a:solidFill>
                        <a:latin typeface="+mn-ea"/>
                        <a:ea typeface="+mn-ea"/>
                      </a:endParaRPr>
                    </a:p>
                    <a:p>
                      <a:r>
                        <a:rPr kumimoji="1" lang="ja-JP" altLang="en-US" sz="1200" b="0" dirty="0" smtClean="0">
                          <a:solidFill>
                            <a:schemeClr val="tx1"/>
                          </a:solidFill>
                          <a:latin typeface="+mn-ea"/>
                          <a:ea typeface="+mn-ea"/>
                        </a:rPr>
                        <a:t>（コスモスクエア駅周辺地域）</a:t>
                      </a:r>
                      <a:endParaRPr kumimoji="1" lang="ja-JP" altLang="en-US" sz="1200" b="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95250" marR="0" indent="-9525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市有地及び民間企業の所有地において十分な活用がされていない。</a:t>
                      </a:r>
                      <a:endParaRPr kumimoji="1" lang="en-US" altLang="ja-JP" sz="1200" b="0" dirty="0" smtClean="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indent="-82550"/>
                      <a:r>
                        <a:rPr kumimoji="1" lang="ja-JP" altLang="en-US" sz="1200" b="0" dirty="0" smtClean="0">
                          <a:solidFill>
                            <a:schemeClr val="tx1"/>
                          </a:solidFill>
                          <a:latin typeface="ＭＳ Ｐ明朝" pitchFamily="18" charset="-128"/>
                          <a:ea typeface="ＭＳ Ｐ明朝" pitchFamily="18" charset="-128"/>
                        </a:rPr>
                        <a:t>①</a:t>
                      </a:r>
                      <a:r>
                        <a:rPr lang="ja-JP" altLang="en-US" sz="1200" dirty="0" smtClean="0">
                          <a:solidFill>
                            <a:schemeClr val="tx1"/>
                          </a:solidFill>
                          <a:latin typeface="ＭＳ Ｐ明朝" pitchFamily="18" charset="-128"/>
                          <a:ea typeface="ＭＳ Ｐ明朝" pitchFamily="18" charset="-128"/>
                        </a:rPr>
                        <a:t>遊休地が多く存在するコスモスクエア駅周辺地域を、バッテリーを中心とした新エネルギーの拠点として整備する。</a:t>
                      </a:r>
                      <a:endParaRPr lang="en-US" altLang="ja-JP" sz="1200" dirty="0" smtClean="0">
                        <a:solidFill>
                          <a:schemeClr val="tx1"/>
                        </a:solidFill>
                        <a:latin typeface="ＭＳ Ｐ明朝" pitchFamily="18" charset="-128"/>
                        <a:ea typeface="ＭＳ Ｐ明朝" pitchFamily="18" charset="-128"/>
                      </a:endParaRPr>
                    </a:p>
                    <a:p>
                      <a:endParaRPr kumimoji="1" lang="en-US" altLang="ja-JP" sz="1200" b="0" dirty="0" smtClean="0">
                        <a:solidFill>
                          <a:schemeClr val="tx1"/>
                        </a:solidFill>
                        <a:latin typeface="ＭＳ Ｐ明朝" pitchFamily="18" charset="-128"/>
                        <a:ea typeface="ＭＳ Ｐ明朝" pitchFamily="18" charset="-128"/>
                      </a:endParaRPr>
                    </a:p>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　→　旧</a:t>
                      </a:r>
                      <a:r>
                        <a:rPr kumimoji="1" lang="en-US" altLang="ja-JP" sz="1200" b="0" dirty="0" smtClean="0">
                          <a:solidFill>
                            <a:schemeClr val="tx1"/>
                          </a:solidFill>
                          <a:latin typeface="ＭＳ Ｐ明朝" pitchFamily="18" charset="-128"/>
                          <a:ea typeface="ＭＳ Ｐ明朝" pitchFamily="18" charset="-128"/>
                        </a:rPr>
                        <a:t>WTC</a:t>
                      </a:r>
                      <a:r>
                        <a:rPr kumimoji="1" lang="ja-JP" altLang="en-US" sz="1200" b="0" dirty="0" smtClean="0">
                          <a:solidFill>
                            <a:schemeClr val="tx1"/>
                          </a:solidFill>
                          <a:latin typeface="ＭＳ Ｐ明朝" pitchFamily="18" charset="-128"/>
                          <a:ea typeface="ＭＳ Ｐ明朝" pitchFamily="18" charset="-128"/>
                        </a:rPr>
                        <a:t>ビルの大阪府咲洲庁舎としての活用がトリガーとなる。</a:t>
                      </a:r>
                      <a:endParaRPr kumimoji="1" lang="en-US" altLang="ja-JP" sz="1200" b="0" dirty="0" smtClean="0">
                        <a:solidFill>
                          <a:schemeClr val="tx1"/>
                        </a:solidFill>
                        <a:latin typeface="ＭＳ Ｐ明朝" pitchFamily="18" charset="-128"/>
                        <a:ea typeface="ＭＳ Ｐ明朝" pitchFamily="18" charset="-128"/>
                      </a:endParaRPr>
                    </a:p>
                    <a:p>
                      <a:pPr marL="361950" indent="-361950"/>
                      <a:r>
                        <a:rPr kumimoji="1" lang="ja-JP" altLang="en-US" sz="1200" b="0" dirty="0" smtClean="0">
                          <a:solidFill>
                            <a:schemeClr val="tx1"/>
                          </a:solidFill>
                          <a:latin typeface="ＭＳ Ｐ明朝" pitchFamily="18" charset="-128"/>
                          <a:ea typeface="ＭＳ Ｐ明朝" pitchFamily="18" charset="-128"/>
                        </a:rPr>
                        <a:t>　→　</a:t>
                      </a:r>
                      <a:r>
                        <a:rPr kumimoji="1" lang="en-US" altLang="ja-JP" sz="1200" b="0" dirty="0" smtClean="0">
                          <a:solidFill>
                            <a:schemeClr val="tx1"/>
                          </a:solidFill>
                          <a:latin typeface="ＭＳ Ｐ明朝" pitchFamily="18" charset="-128"/>
                          <a:ea typeface="ＭＳ Ｐ明朝" pitchFamily="18" charset="-128"/>
                        </a:rPr>
                        <a:t>NITE</a:t>
                      </a:r>
                      <a:r>
                        <a:rPr kumimoji="1" lang="ja-JP" altLang="en-US" sz="1200" b="0" dirty="0" smtClean="0">
                          <a:solidFill>
                            <a:schemeClr val="tx1"/>
                          </a:solidFill>
                          <a:latin typeface="ＭＳ Ｐ明朝" pitchFamily="18" charset="-128"/>
                          <a:ea typeface="ＭＳ Ｐ明朝" pitchFamily="18" charset="-128"/>
                        </a:rPr>
                        <a:t>（製品評価技術基盤機構）の大型蓄電池試験・評価施設の立地。</a:t>
                      </a:r>
                      <a:endParaRPr kumimoji="1" lang="en-US" altLang="ja-JP" sz="1200" b="0" dirty="0" smtClean="0">
                        <a:solidFill>
                          <a:schemeClr val="tx1"/>
                        </a:solidFill>
                        <a:latin typeface="ＭＳ Ｐ明朝" pitchFamily="18" charset="-128"/>
                        <a:ea typeface="ＭＳ Ｐ明朝" pitchFamily="18" charset="-128"/>
                      </a:endParaRPr>
                    </a:p>
                    <a:p>
                      <a:r>
                        <a:rPr kumimoji="1" lang="ja-JP" altLang="en-US" sz="1200" b="0" dirty="0" smtClean="0">
                          <a:solidFill>
                            <a:schemeClr val="tx1"/>
                          </a:solidFill>
                          <a:latin typeface="ＭＳ Ｐ明朝" pitchFamily="18" charset="-128"/>
                          <a:ea typeface="ＭＳ Ｐ明朝" pitchFamily="18" charset="-128"/>
                        </a:rPr>
                        <a:t>　→　咲洲地区スマートコミュニティ実証事業。</a:t>
                      </a:r>
                      <a:endParaRPr kumimoji="1" lang="en-US" altLang="ja-JP" sz="1200" b="0" dirty="0" smtClean="0">
                        <a:solidFill>
                          <a:schemeClr val="tx1"/>
                        </a:solidFill>
                        <a:latin typeface="ＭＳ Ｐ明朝" pitchFamily="18" charset="-128"/>
                        <a:ea typeface="ＭＳ Ｐ明朝" pitchFamily="18" charset="-128"/>
                      </a:endParaRPr>
                    </a:p>
                    <a:p>
                      <a:endParaRPr kumimoji="1" lang="ja-JP" altLang="en-US" sz="1200" b="0" dirty="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388141">
                <a:tc vMerge="1">
                  <a:txBody>
                    <a:bodyPr/>
                    <a:lstStyle/>
                    <a:p>
                      <a:endParaRPr kumimoji="1" lang="ja-JP" altLang="en-US"/>
                    </a:p>
                  </a:txBody>
                  <a:tcPr/>
                </a:tc>
                <a:tc>
                  <a:txBody>
                    <a:bodyPr/>
                    <a:lstStyle/>
                    <a:p>
                      <a:pPr marL="95250" indent="-95250"/>
                      <a:r>
                        <a:rPr kumimoji="1" lang="ja-JP" altLang="en-US" sz="1200" b="0" dirty="0" smtClean="0">
                          <a:solidFill>
                            <a:schemeClr val="tx1"/>
                          </a:solidFill>
                          <a:latin typeface="ＭＳ Ｐ明朝" pitchFamily="18" charset="-128"/>
                          <a:ea typeface="ＭＳ Ｐ明朝" pitchFamily="18" charset="-128"/>
                        </a:rPr>
                        <a:t>・既に開発されている場所においても、個別の街区単位で開発が行われてきたため、全体としての統一感に欠ける（パッチワーク的な開発状況）。</a:t>
                      </a:r>
                      <a:endParaRPr kumimoji="1" lang="ja-JP" altLang="en-US" sz="1200" b="0" dirty="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indent="-82550"/>
                      <a:r>
                        <a:rPr kumimoji="1" lang="ja-JP" altLang="en-US" sz="1200" b="0" dirty="0" smtClean="0">
                          <a:solidFill>
                            <a:schemeClr val="tx1"/>
                          </a:solidFill>
                          <a:latin typeface="ＭＳ Ｐ明朝" pitchFamily="18" charset="-128"/>
                          <a:ea typeface="ＭＳ Ｐ明朝" pitchFamily="18" charset="-128"/>
                        </a:rPr>
                        <a:t>②</a:t>
                      </a:r>
                      <a:r>
                        <a:rPr lang="ja-JP" altLang="en-US" sz="1200" dirty="0" smtClean="0">
                          <a:solidFill>
                            <a:schemeClr val="tx1"/>
                          </a:solidFill>
                          <a:latin typeface="ＭＳ Ｐ明朝" pitchFamily="18" charset="-128"/>
                          <a:ea typeface="ＭＳ Ｐ明朝" pitchFamily="18" charset="-128"/>
                        </a:rPr>
                        <a:t>遊休地が多く存在するコスモスクエア駅周辺地域において、複数街区にわたる一体開発を募集、統一感のとれたまちに。</a:t>
                      </a:r>
                      <a:endParaRPr lang="en-US" altLang="ja-JP" sz="1200" dirty="0" smtClean="0">
                        <a:solidFill>
                          <a:schemeClr val="tx1"/>
                        </a:solidFill>
                        <a:latin typeface="ＭＳ Ｐ明朝" pitchFamily="18" charset="-128"/>
                        <a:ea typeface="ＭＳ Ｐ明朝" pitchFamily="18" charset="-128"/>
                      </a:endParaRPr>
                    </a:p>
                    <a:p>
                      <a:endParaRPr kumimoji="1" lang="en-US" altLang="ja-JP" sz="1200" b="0" dirty="0" smtClean="0">
                        <a:solidFill>
                          <a:schemeClr val="tx1"/>
                        </a:solidFill>
                        <a:latin typeface="ＭＳ Ｐ明朝" pitchFamily="18" charset="-128"/>
                        <a:ea typeface="ＭＳ Ｐ明朝" pitchFamily="18" charset="-128"/>
                      </a:endParaRPr>
                    </a:p>
                    <a:p>
                      <a:pPr marL="361950" indent="-361950"/>
                      <a:r>
                        <a:rPr kumimoji="1" lang="ja-JP" altLang="en-US" sz="1200" b="0" dirty="0" smtClean="0">
                          <a:solidFill>
                            <a:schemeClr val="tx1"/>
                          </a:solidFill>
                          <a:latin typeface="ＭＳ Ｐ明朝" pitchFamily="18" charset="-128"/>
                          <a:ea typeface="ＭＳ Ｐ明朝" pitchFamily="18" charset="-128"/>
                        </a:rPr>
                        <a:t>　→　コスモスクエア駅前の複数街区において、一体開発を条件に土地売却の事前確認を実施。</a:t>
                      </a:r>
                      <a:endParaRPr kumimoji="1" lang="ja-JP" altLang="en-US" sz="1200" b="0" dirty="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388141">
                <a:tc>
                  <a:txBody>
                    <a:bodyPr/>
                    <a:lstStyle/>
                    <a:p>
                      <a:pPr marL="0" marR="0" indent="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mn-ea"/>
                          <a:ea typeface="+mn-ea"/>
                        </a:rPr>
                        <a:t>夢洲</a:t>
                      </a:r>
                    </a:p>
                    <a:p>
                      <a:endParaRPr kumimoji="1" lang="ja-JP" altLang="en-US" sz="1200" b="0" dirty="0">
                        <a:solidFill>
                          <a:schemeClr val="tx1"/>
                        </a:solidFill>
                        <a:latin typeface="+mn-ea"/>
                        <a:ea typeface="+mn-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95250" marR="0" indent="-95250" algn="l" defTabSz="957700"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itchFamily="18" charset="-128"/>
                          <a:ea typeface="ＭＳ Ｐ明朝" pitchFamily="18" charset="-128"/>
                        </a:rPr>
                        <a:t>・東側では国際コンテナターミナルを中心として物流施設が立地しているが、中央部（埋立中区域含む）の広大な敷地の有効活用が望まれている。</a:t>
                      </a:r>
                      <a:endParaRPr kumimoji="1" lang="en-US" altLang="ja-JP" sz="1200" b="0" dirty="0" smtClean="0">
                        <a:solidFill>
                          <a:schemeClr val="tx1"/>
                        </a:solidFill>
                        <a:latin typeface="ＭＳ Ｐ明朝" pitchFamily="18" charset="-128"/>
                        <a:ea typeface="ＭＳ Ｐ明朝" pitchFamily="18" charset="-128"/>
                      </a:endParaRPr>
                    </a:p>
                    <a:p>
                      <a:endParaRPr kumimoji="1" lang="ja-JP" altLang="en-US" sz="1200" b="0" dirty="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indent="-82550"/>
                      <a:r>
                        <a:rPr kumimoji="1" lang="ja-JP" altLang="en-US" sz="1200" b="0" dirty="0" smtClean="0">
                          <a:solidFill>
                            <a:schemeClr val="tx1"/>
                          </a:solidFill>
                          <a:latin typeface="ＭＳ Ｐ明朝" pitchFamily="18" charset="-128"/>
                          <a:ea typeface="ＭＳ Ｐ明朝" pitchFamily="18" charset="-128"/>
                        </a:rPr>
                        <a:t>③</a:t>
                      </a:r>
                      <a:r>
                        <a:rPr lang="ja-JP" altLang="en-US" sz="1200" dirty="0" smtClean="0">
                          <a:solidFill>
                            <a:schemeClr val="tx1"/>
                          </a:solidFill>
                          <a:latin typeface="ＭＳ Ｐ明朝" pitchFamily="18" charset="-128"/>
                          <a:ea typeface="ＭＳ Ｐ明朝" pitchFamily="18" charset="-128"/>
                        </a:rPr>
                        <a:t>夢洲の広大な埋め立て地において、</a:t>
                      </a:r>
                      <a:r>
                        <a:rPr lang="en-US" altLang="ja-JP" sz="1200" dirty="0" smtClean="0">
                          <a:solidFill>
                            <a:schemeClr val="tx1"/>
                          </a:solidFill>
                          <a:latin typeface="ＭＳ Ｐ明朝" pitchFamily="18" charset="-128"/>
                          <a:ea typeface="ＭＳ Ｐ明朝" pitchFamily="18" charset="-128"/>
                        </a:rPr>
                        <a:t>MICE</a:t>
                      </a:r>
                      <a:r>
                        <a:rPr lang="ja-JP" altLang="en-US" sz="1200" dirty="0" smtClean="0">
                          <a:solidFill>
                            <a:schemeClr val="tx1"/>
                          </a:solidFill>
                          <a:latin typeface="ＭＳ Ｐ明朝" pitchFamily="18" charset="-128"/>
                          <a:ea typeface="ＭＳ Ｐ明朝" pitchFamily="18" charset="-128"/>
                        </a:rPr>
                        <a:t>機能や国際的なエンターテイメント機能を備えた統合型リゾート（</a:t>
                      </a:r>
                      <a:r>
                        <a:rPr lang="en-US" altLang="ja-JP" sz="1200" dirty="0" smtClean="0">
                          <a:solidFill>
                            <a:schemeClr val="tx1"/>
                          </a:solidFill>
                          <a:latin typeface="ＭＳ Ｐ明朝" pitchFamily="18" charset="-128"/>
                          <a:ea typeface="ＭＳ Ｐ明朝" pitchFamily="18" charset="-128"/>
                        </a:rPr>
                        <a:t>IR)</a:t>
                      </a:r>
                      <a:r>
                        <a:rPr lang="ja-JP" altLang="en-US" sz="1200" dirty="0" smtClean="0">
                          <a:solidFill>
                            <a:schemeClr val="tx1"/>
                          </a:solidFill>
                          <a:latin typeface="ＭＳ Ｐ明朝" pitchFamily="18" charset="-128"/>
                          <a:ea typeface="ＭＳ Ｐ明朝" pitchFamily="18" charset="-128"/>
                        </a:rPr>
                        <a:t>の誘致、および環境・新エネルギーのモデルエリアの実現を検討中。</a:t>
                      </a:r>
                      <a:endParaRPr lang="en-US" altLang="ja-JP" sz="1200" dirty="0" smtClean="0">
                        <a:solidFill>
                          <a:schemeClr val="tx1"/>
                        </a:solidFill>
                        <a:latin typeface="ＭＳ Ｐ明朝" pitchFamily="18" charset="-128"/>
                        <a:ea typeface="ＭＳ Ｐ明朝" pitchFamily="18" charset="-128"/>
                      </a:endParaRPr>
                    </a:p>
                    <a:p>
                      <a:pPr marL="82550" indent="-82550"/>
                      <a:r>
                        <a:rPr lang="ja-JP" altLang="en-US" sz="1200" dirty="0" smtClean="0">
                          <a:solidFill>
                            <a:schemeClr val="tx1"/>
                          </a:solidFill>
                          <a:latin typeface="ＭＳ Ｐ明朝" pitchFamily="18" charset="-128"/>
                          <a:ea typeface="ＭＳ Ｐ明朝" pitchFamily="18" charset="-128"/>
                        </a:rPr>
                        <a:t>　</a:t>
                      </a:r>
                      <a:r>
                        <a:rPr lang="en-US" altLang="ja-JP" sz="1100" dirty="0" smtClean="0">
                          <a:solidFill>
                            <a:schemeClr val="tx1"/>
                          </a:solidFill>
                          <a:latin typeface="ＭＳ Ｐ明朝" pitchFamily="18" charset="-128"/>
                          <a:ea typeface="ＭＳ Ｐ明朝" pitchFamily="18" charset="-128"/>
                        </a:rPr>
                        <a:t>※</a:t>
                      </a:r>
                      <a:r>
                        <a:rPr lang="ja-JP" altLang="en-US" sz="1100" dirty="0" smtClean="0">
                          <a:solidFill>
                            <a:schemeClr val="tx1"/>
                          </a:solidFill>
                          <a:latin typeface="ＭＳ Ｐ明朝" pitchFamily="18" charset="-128"/>
                          <a:ea typeface="ＭＳ Ｐ明朝" pitchFamily="18" charset="-128"/>
                        </a:rPr>
                        <a:t>「統合型リゾート（</a:t>
                      </a:r>
                      <a:r>
                        <a:rPr lang="en-US" altLang="ja-JP" sz="1100" dirty="0" smtClean="0">
                          <a:solidFill>
                            <a:schemeClr val="tx1"/>
                          </a:solidFill>
                          <a:latin typeface="ＭＳ Ｐ明朝" pitchFamily="18" charset="-128"/>
                          <a:ea typeface="ＭＳ Ｐ明朝" pitchFamily="18" charset="-128"/>
                        </a:rPr>
                        <a:t>IR)</a:t>
                      </a:r>
                      <a:r>
                        <a:rPr lang="ja-JP" altLang="en-US" sz="1100" dirty="0" smtClean="0">
                          <a:solidFill>
                            <a:schemeClr val="tx1"/>
                          </a:solidFill>
                          <a:latin typeface="ＭＳ Ｐ明朝" pitchFamily="18" charset="-128"/>
                          <a:ea typeface="ＭＳ Ｐ明朝" pitchFamily="18" charset="-128"/>
                        </a:rPr>
                        <a:t>関連</a:t>
                      </a:r>
                      <a:r>
                        <a:rPr lang="zh-TW" altLang="en-US" sz="1100" dirty="0" smtClean="0">
                          <a:solidFill>
                            <a:schemeClr val="tx1"/>
                          </a:solidFill>
                          <a:latin typeface="ＭＳ Ｐ明朝" pitchFamily="18" charset="-128"/>
                          <a:ea typeface="ＭＳ Ｐ明朝" pitchFamily="18" charset="-128"/>
                        </a:rPr>
                        <a:t>法案</a:t>
                      </a:r>
                      <a:r>
                        <a:rPr lang="ja-JP" altLang="en-US" sz="1100" dirty="0" smtClean="0">
                          <a:solidFill>
                            <a:schemeClr val="tx1"/>
                          </a:solidFill>
                          <a:latin typeface="ＭＳ Ｐ明朝" pitchFamily="18" charset="-128"/>
                          <a:ea typeface="ＭＳ Ｐ明朝" pitchFamily="18" charset="-128"/>
                        </a:rPr>
                        <a:t>」の成立が前提</a:t>
                      </a:r>
                      <a:endParaRPr kumimoji="1" lang="ja-JP" altLang="en-US" sz="1100" b="0" dirty="0" smtClean="0">
                        <a:solidFill>
                          <a:schemeClr val="tx1"/>
                        </a:solidFill>
                        <a:latin typeface="ＭＳ Ｐ明朝" pitchFamily="18" charset="-128"/>
                        <a:ea typeface="ＭＳ Ｐ明朝" pitchFamily="18" charset="-128"/>
                      </a:endParaRPr>
                    </a:p>
                    <a:p>
                      <a:endParaRPr kumimoji="1" lang="ja-JP" altLang="en-US" sz="1200" b="0" dirty="0">
                        <a:solidFill>
                          <a:schemeClr val="tx1"/>
                        </a:solidFill>
                        <a:latin typeface="ＭＳ Ｐ明朝" pitchFamily="18" charset="-128"/>
                        <a:ea typeface="ＭＳ Ｐ明朝" pitchFamily="18"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28</a:t>
            </a:fld>
            <a:endParaRPr kumimoji="1" lang="ja-JP" altLang="en-US" dirty="0"/>
          </a:p>
        </p:txBody>
      </p: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14"/>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mn-ea"/>
              </a:rPr>
              <a:t>６．湾岸部</a:t>
            </a:r>
            <a:endParaRPr lang="en-US" altLang="ja-JP" sz="2000" b="1" dirty="0" smtClean="0">
              <a:solidFill>
                <a:schemeClr val="bg1"/>
              </a:solidFill>
              <a:latin typeface="+mn-ea"/>
            </a:endParaRPr>
          </a:p>
        </p:txBody>
      </p:sp>
      <p:sp>
        <p:nvSpPr>
          <p:cNvPr id="25" name="テキスト ボックス 24"/>
          <p:cNvSpPr txBox="1"/>
          <p:nvPr/>
        </p:nvSpPr>
        <p:spPr>
          <a:xfrm>
            <a:off x="51" y="620688"/>
            <a:ext cx="2956259" cy="338554"/>
          </a:xfrm>
          <a:prstGeom prst="rect">
            <a:avLst/>
          </a:prstGeom>
          <a:noFill/>
        </p:spPr>
        <p:txBody>
          <a:bodyPr wrap="none" rtlCol="0">
            <a:spAutoFit/>
          </a:bodyPr>
          <a:lstStyle/>
          <a:p>
            <a:pPr lvl="0"/>
            <a:r>
              <a:rPr kumimoji="1" lang="ja-JP" altLang="en-US" sz="1600" dirty="0" smtClean="0">
                <a:latin typeface="+mn-ea"/>
              </a:rPr>
              <a:t>○今後の取組み（スケジュール）</a:t>
            </a:r>
            <a:endParaRPr kumimoji="1" lang="en-US" altLang="ja-JP" sz="1600" dirty="0" smtClean="0">
              <a:latin typeface="+mn-ea"/>
            </a:endParaRPr>
          </a:p>
        </p:txBody>
      </p:sp>
      <p:pic>
        <p:nvPicPr>
          <p:cNvPr id="35842" name="Picture 2"/>
          <p:cNvPicPr>
            <a:picLocks noChangeAspect="1" noChangeArrowheads="1"/>
          </p:cNvPicPr>
          <p:nvPr/>
        </p:nvPicPr>
        <p:blipFill>
          <a:blip r:embed="rId2" cstate="email"/>
          <a:srcRect/>
          <a:stretch>
            <a:fillRect/>
          </a:stretch>
        </p:blipFill>
        <p:spPr bwMode="auto">
          <a:xfrm>
            <a:off x="156191" y="1040885"/>
            <a:ext cx="9705528" cy="4263341"/>
          </a:xfrm>
          <a:prstGeom prst="rect">
            <a:avLst/>
          </a:prstGeom>
          <a:noFill/>
          <a:ln w="9525">
            <a:noFill/>
            <a:miter lim="800000"/>
            <a:headEnd/>
            <a:tailEnd/>
          </a:ln>
          <a:effectLst/>
        </p:spPr>
      </p:pic>
      <p:sp>
        <p:nvSpPr>
          <p:cNvPr id="9" name="角丸四角形 8"/>
          <p:cNvSpPr/>
          <p:nvPr/>
        </p:nvSpPr>
        <p:spPr>
          <a:xfrm>
            <a:off x="288032" y="6039819"/>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10" name="テキスト ボックス 9"/>
          <p:cNvSpPr txBox="1"/>
          <p:nvPr/>
        </p:nvSpPr>
        <p:spPr>
          <a:xfrm>
            <a:off x="236109" y="5750839"/>
            <a:ext cx="3169457" cy="338554"/>
          </a:xfrm>
          <a:prstGeom prst="rect">
            <a:avLst/>
          </a:prstGeom>
          <a:noFill/>
        </p:spPr>
        <p:txBody>
          <a:bodyPr wrap="none" rtlCol="0">
            <a:spAutoFit/>
          </a:bodyPr>
          <a:lstStyle/>
          <a:p>
            <a:pPr lvl="0"/>
            <a:r>
              <a:rPr lang="ja-JP" altLang="en-US" sz="1600" dirty="0" smtClean="0"/>
              <a:t>○</a:t>
            </a:r>
            <a:r>
              <a:rPr lang="en-US" altLang="ja-JP" sz="1600" dirty="0" smtClean="0"/>
              <a:t>『</a:t>
            </a:r>
            <a:r>
              <a:rPr lang="ja-JP" altLang="en-US" sz="1600" dirty="0" smtClean="0"/>
              <a:t>湾岸部</a:t>
            </a:r>
            <a:r>
              <a:rPr lang="en-US" altLang="ja-JP" sz="1600" dirty="0" smtClean="0"/>
              <a:t>』</a:t>
            </a:r>
            <a:r>
              <a:rPr lang="ja-JP" altLang="en-US" sz="1600" dirty="0" smtClean="0"/>
              <a:t>エリアの担当部局一覧</a:t>
            </a:r>
            <a:endParaRPr lang="en-US" altLang="ja-JP" sz="1600" dirty="0" smtClean="0"/>
          </a:p>
        </p:txBody>
      </p:sp>
      <p:sp>
        <p:nvSpPr>
          <p:cNvPr id="11" name="テキスト ボックス 10"/>
          <p:cNvSpPr txBox="1"/>
          <p:nvPr/>
        </p:nvSpPr>
        <p:spPr>
          <a:xfrm>
            <a:off x="452133" y="6079323"/>
            <a:ext cx="4193777" cy="523220"/>
          </a:xfrm>
          <a:prstGeom prst="rect">
            <a:avLst/>
          </a:prstGeom>
          <a:noFill/>
        </p:spPr>
        <p:txBody>
          <a:bodyPr wrap="none" rtlCol="0">
            <a:spAutoFit/>
          </a:bodyPr>
          <a:lstStyle/>
          <a:p>
            <a:pPr lvl="0"/>
            <a:r>
              <a:rPr lang="ja-JP" altLang="en-US" sz="1400" dirty="0" smtClean="0">
                <a:latin typeface="ＭＳ Ｐ明朝" pitchFamily="18" charset="-128"/>
                <a:ea typeface="ＭＳ Ｐ明朝" pitchFamily="18" charset="-128"/>
              </a:rPr>
              <a:t>・大阪市：都市計画局、経済戦略局、港湾局、環境局</a:t>
            </a:r>
            <a:endParaRPr lang="en-US" altLang="ja-JP" sz="1400" dirty="0" smtClean="0">
              <a:latin typeface="ＭＳ Ｐ明朝" pitchFamily="18" charset="-128"/>
              <a:ea typeface="ＭＳ Ｐ明朝" pitchFamily="18" charset="-128"/>
            </a:endParaRPr>
          </a:p>
          <a:p>
            <a:pPr lvl="0"/>
            <a:r>
              <a:rPr lang="ja-JP" altLang="en-US" sz="1400" dirty="0" smtClean="0">
                <a:latin typeface="ＭＳ Ｐ明朝" pitchFamily="18" charset="-128"/>
                <a:ea typeface="ＭＳ Ｐ明朝" pitchFamily="18" charset="-128"/>
              </a:rPr>
              <a:t>・大阪府：住宅まちづくり部、商工労働部、府民文化部</a:t>
            </a:r>
            <a:endParaRPr lang="en-US" altLang="ja-JP" sz="1400" dirty="0" smtClean="0">
              <a:latin typeface="ＭＳ Ｐ明朝" pitchFamily="18" charset="-128"/>
              <a:ea typeface="ＭＳ Ｐ明朝" pitchFamily="18" charset="-128"/>
            </a:endParaRPr>
          </a:p>
        </p:txBody>
      </p:sp>
      <p:sp>
        <p:nvSpPr>
          <p:cNvPr id="13" name="スライド番号プレースホルダ 12"/>
          <p:cNvSpPr>
            <a:spLocks noGrp="1"/>
          </p:cNvSpPr>
          <p:nvPr>
            <p:ph type="sldNum" sz="quarter" idx="12"/>
          </p:nvPr>
        </p:nvSpPr>
        <p:spPr/>
        <p:txBody>
          <a:bodyPr/>
          <a:lstStyle/>
          <a:p>
            <a:fld id="{37EF5067-3AB7-4642-9103-42CBD40CC6D9}" type="slidenum">
              <a:rPr kumimoji="1" lang="ja-JP" altLang="en-US" smtClean="0"/>
              <a:pPr/>
              <a:t>29</a:t>
            </a:fld>
            <a:endParaRPr kumimoji="1" lang="ja-JP" altLang="en-US" dirty="0"/>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9" name="表 8"/>
          <p:cNvGraphicFramePr>
            <a:graphicFrameLocks noGrp="1"/>
          </p:cNvGraphicFramePr>
          <p:nvPr>
            <p:extLst>
              <p:ext uri="{D42A27DB-BD31-4B8C-83A1-F6EECF244321}">
                <p14:modId xmlns:p14="http://schemas.microsoft.com/office/powerpoint/2010/main" val="1079343937"/>
              </p:ext>
            </p:extLst>
          </p:nvPr>
        </p:nvGraphicFramePr>
        <p:xfrm>
          <a:off x="1331118" y="4637112"/>
          <a:ext cx="7660482" cy="1706880"/>
        </p:xfrm>
        <a:graphic>
          <a:graphicData uri="http://schemas.openxmlformats.org/drawingml/2006/table">
            <a:tbl>
              <a:tblPr/>
              <a:tblGrid>
                <a:gridCol w="6231732"/>
                <a:gridCol w="1428750"/>
              </a:tblGrid>
              <a:tr h="0">
                <a:tc>
                  <a:txBody>
                    <a:bodyPr/>
                    <a:lstStyle/>
                    <a:p>
                      <a:pPr indent="133350" algn="just">
                        <a:spcAft>
                          <a:spcPts val="0"/>
                        </a:spcAft>
                      </a:pPr>
                      <a:r>
                        <a:rPr lang="ja-JP" sz="1600" kern="100" dirty="0">
                          <a:latin typeface="+mj-ea"/>
                          <a:ea typeface="+mj-ea"/>
                          <a:cs typeface="Times New Roman"/>
                        </a:rPr>
                        <a:t>１．教育改革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kumimoji="1" lang="en-US" altLang="ja-JP" sz="1600" kern="100" dirty="0" smtClean="0">
                          <a:solidFill>
                            <a:srgbClr val="FFFFFF"/>
                          </a:solidFill>
                          <a:latin typeface="+mj-ea"/>
                          <a:ea typeface="+mn-ea"/>
                          <a:cs typeface="Times New Roman"/>
                        </a:rPr>
                        <a:t>0</a:t>
                      </a:r>
                      <a:r>
                        <a:rPr lang="en-US" sz="1600" kern="100" dirty="0" smtClean="0">
                          <a:latin typeface="+mj-ea"/>
                          <a:ea typeface="+mj-ea"/>
                          <a:cs typeface="Times New Roman"/>
                        </a:rPr>
                        <a:t>47</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1600" kern="100" dirty="0">
                          <a:latin typeface="+mj-ea"/>
                          <a:ea typeface="+mj-ea"/>
                          <a:cs typeface="Times New Roman"/>
                        </a:rPr>
                        <a:t>２．女性の活躍促進 </a:t>
                      </a:r>
                    </a:p>
                  </a:txBody>
                  <a:tcPr marL="68580" marR="68580" marT="0" marB="0">
                    <a:lnL>
                      <a:noFill/>
                    </a:lnL>
                    <a:lnR>
                      <a:noFill/>
                    </a:lnR>
                    <a:lnT>
                      <a:noFill/>
                    </a:lnT>
                    <a:lnB>
                      <a:noFill/>
                    </a:lnB>
                  </a:tcPr>
                </a:tc>
                <a:tc>
                  <a:txBody>
                    <a:bodyPr/>
                    <a:lstStyle/>
                    <a:p>
                      <a:pPr algn="ctr">
                        <a:spcAft>
                          <a:spcPts val="0"/>
                        </a:spcAft>
                        <a:buAutoNum type="alphaUcPeriod" startAt="16"/>
                      </a:pPr>
                      <a:r>
                        <a:rPr lang="en-US" sz="1600" kern="100" dirty="0" smtClean="0">
                          <a:latin typeface="+mj-ea"/>
                          <a:ea typeface="+mj-ea"/>
                          <a:cs typeface="Times New Roman"/>
                        </a:rPr>
                        <a:t> 50</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1600" kern="100" dirty="0">
                          <a:latin typeface="+mj-ea"/>
                          <a:ea typeface="+mj-ea"/>
                          <a:cs typeface="Times New Roman"/>
                        </a:rPr>
                        <a:t>３．文化支援施策の改革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 54</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1600" kern="100" dirty="0">
                          <a:latin typeface="+mj-ea"/>
                          <a:ea typeface="+mj-ea"/>
                          <a:cs typeface="Times New Roman"/>
                        </a:rPr>
                        <a:t>４．観光・都市魅力創造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 57</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1600" kern="100" dirty="0">
                          <a:latin typeface="+mj-ea"/>
                          <a:ea typeface="+mj-ea"/>
                          <a:cs typeface="Times New Roman"/>
                        </a:rPr>
                        <a:t>５．危機管理・防災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 65</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1600" kern="100" dirty="0">
                          <a:latin typeface="+mj-ea"/>
                          <a:ea typeface="+mj-ea"/>
                          <a:cs typeface="Times New Roman"/>
                        </a:rPr>
                        <a:t>６．健康・医療に関する戦略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 67</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1600" kern="100" dirty="0">
                          <a:latin typeface="+mj-ea"/>
                          <a:ea typeface="+mj-ea"/>
                          <a:cs typeface="Times New Roman"/>
                        </a:rPr>
                        <a:t>７．大阪都市圏の交通インフラ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 71</a:t>
                      </a:r>
                      <a:endParaRPr lang="ja-JP" sz="1600" kern="100" dirty="0">
                        <a:latin typeface="+mj-ea"/>
                        <a:ea typeface="+mj-ea"/>
                        <a:cs typeface="Times New Roman"/>
                      </a:endParaRPr>
                    </a:p>
                  </a:txBody>
                  <a:tcPr marL="68580" marR="68580" marT="0" marB="0">
                    <a:lnL>
                      <a:noFill/>
                    </a:lnL>
                    <a:lnR>
                      <a:noFill/>
                    </a:lnR>
                    <a:lnT>
                      <a:noFill/>
                    </a:lnT>
                    <a:lnB>
                      <a:noFill/>
                    </a:lnB>
                  </a:tcPr>
                </a:tc>
              </a:tr>
            </a:tbl>
          </a:graphicData>
        </a:graphic>
      </p:graphicFrame>
      <p:graphicFrame>
        <p:nvGraphicFramePr>
          <p:cNvPr id="8" name="表 7"/>
          <p:cNvGraphicFramePr>
            <a:graphicFrameLocks noGrp="1"/>
          </p:cNvGraphicFramePr>
          <p:nvPr>
            <p:extLst>
              <p:ext uri="{D42A27DB-BD31-4B8C-83A1-F6EECF244321}">
                <p14:modId xmlns:p14="http://schemas.microsoft.com/office/powerpoint/2010/main" val="1205960884"/>
              </p:ext>
            </p:extLst>
          </p:nvPr>
        </p:nvGraphicFramePr>
        <p:xfrm>
          <a:off x="1343887" y="1384234"/>
          <a:ext cx="7523017" cy="2682240"/>
        </p:xfrm>
        <a:graphic>
          <a:graphicData uri="http://schemas.openxmlformats.org/drawingml/2006/table">
            <a:tbl>
              <a:tblPr/>
              <a:tblGrid>
                <a:gridCol w="6343817"/>
                <a:gridCol w="1179200"/>
              </a:tblGrid>
              <a:tr h="0">
                <a:tc>
                  <a:txBody>
                    <a:bodyPr/>
                    <a:lstStyle/>
                    <a:p>
                      <a:pPr algn="just">
                        <a:spcAft>
                          <a:spcPts val="0"/>
                        </a:spcAft>
                      </a:pPr>
                      <a:r>
                        <a:rPr lang="ja-JP" sz="1600" kern="100" dirty="0">
                          <a:latin typeface="+mj-ea"/>
                          <a:ea typeface="+mj-ea"/>
                          <a:cs typeface="Times New Roman"/>
                        </a:rPr>
                        <a:t>　１．大阪駅周辺 </a:t>
                      </a:r>
                    </a:p>
                  </a:txBody>
                  <a:tcPr marL="68580" marR="68580" marT="0" marB="0">
                    <a:lnL>
                      <a:noFill/>
                    </a:lnL>
                    <a:lnR>
                      <a:noFill/>
                    </a:lnR>
                    <a:lnT>
                      <a:noFill/>
                    </a:lnT>
                    <a:lnB>
                      <a:noFill/>
                    </a:lnB>
                  </a:tcPr>
                </a:tc>
                <a:tc>
                  <a:txBody>
                    <a:bodyPr/>
                    <a:lstStyle/>
                    <a:p>
                      <a:pPr algn="ctr">
                        <a:spcAft>
                          <a:spcPts val="0"/>
                        </a:spcAft>
                      </a:pPr>
                      <a:r>
                        <a:rPr lang="en-US" sz="1600" kern="100" dirty="0">
                          <a:latin typeface="+mj-ea"/>
                          <a:ea typeface="+mj-ea"/>
                          <a:cs typeface="Times New Roman"/>
                        </a:rPr>
                        <a:t>P.</a:t>
                      </a:r>
                      <a:r>
                        <a:rPr lang="en-US" sz="1600" kern="100" dirty="0">
                          <a:solidFill>
                            <a:srgbClr val="FFFFFF"/>
                          </a:solidFill>
                          <a:latin typeface="+mj-ea"/>
                          <a:ea typeface="+mj-ea"/>
                          <a:cs typeface="Times New Roman"/>
                        </a:rPr>
                        <a:t>00</a:t>
                      </a:r>
                      <a:r>
                        <a:rPr lang="en-US" sz="1600" kern="100" dirty="0">
                          <a:latin typeface="+mj-ea"/>
                          <a:ea typeface="+mj-ea"/>
                          <a:cs typeface="Times New Roman"/>
                        </a:rPr>
                        <a:t>6</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600" kern="100">
                          <a:latin typeface="+mj-ea"/>
                          <a:ea typeface="+mj-ea"/>
                          <a:cs typeface="Times New Roman"/>
                        </a:rPr>
                        <a:t>　２．中之島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10</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600" kern="100">
                          <a:latin typeface="+mj-ea"/>
                          <a:ea typeface="+mj-ea"/>
                          <a:cs typeface="Times New Roman"/>
                        </a:rPr>
                        <a:t>　３．御堂筋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14</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600" kern="100" dirty="0">
                          <a:latin typeface="+mj-ea"/>
                          <a:ea typeface="+mj-ea"/>
                          <a:cs typeface="Times New Roman"/>
                        </a:rPr>
                        <a:t>　４．難波周辺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18</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600" kern="100" dirty="0">
                          <a:latin typeface="+mj-ea"/>
                          <a:ea typeface="+mj-ea"/>
                          <a:cs typeface="Times New Roman"/>
                        </a:rPr>
                        <a:t>　５．大阪城公園、森之宮、京橋・大阪ビジネスパーク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21</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600" kern="100">
                          <a:latin typeface="+mj-ea"/>
                          <a:ea typeface="+mj-ea"/>
                          <a:cs typeface="Times New Roman"/>
                        </a:rPr>
                        <a:t>　６．湾岸部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25</a:t>
                      </a:r>
                      <a:endParaRPr lang="ja-JP" sz="1600" kern="100" dirty="0">
                        <a:latin typeface="+mj-ea"/>
                        <a:ea typeface="+mj-ea"/>
                        <a:cs typeface="Times New Roman"/>
                      </a:endParaRPr>
                    </a:p>
                  </a:txBody>
                  <a:tcPr marL="68580" marR="68580" marT="0" marB="0">
                    <a:lnL>
                      <a:noFill/>
                    </a:lnL>
                    <a:lnR>
                      <a:noFill/>
                    </a:lnR>
                    <a:lnT>
                      <a:noFill/>
                    </a:lnT>
                    <a:lnB>
                      <a:noFill/>
                    </a:lnB>
                  </a:tcPr>
                </a:tc>
              </a:tr>
              <a:tr h="238826">
                <a:tc>
                  <a:txBody>
                    <a:bodyPr/>
                    <a:lstStyle/>
                    <a:p>
                      <a:pPr algn="just">
                        <a:spcAft>
                          <a:spcPts val="0"/>
                        </a:spcAft>
                      </a:pPr>
                      <a:r>
                        <a:rPr lang="ja-JP" sz="1600" kern="100">
                          <a:latin typeface="+mj-ea"/>
                          <a:ea typeface="+mj-ea"/>
                          <a:cs typeface="Times New Roman"/>
                        </a:rPr>
                        <a:t>　７．天王寺公園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30</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600" kern="100" dirty="0">
                          <a:latin typeface="+mj-ea"/>
                          <a:ea typeface="+mj-ea"/>
                          <a:cs typeface="Times New Roman"/>
                        </a:rPr>
                        <a:t>　８</a:t>
                      </a:r>
                      <a:r>
                        <a:rPr lang="ja-JP" sz="1600" kern="100" dirty="0" smtClean="0">
                          <a:latin typeface="+mj-ea"/>
                          <a:ea typeface="+mj-ea"/>
                          <a:cs typeface="Times New Roman"/>
                        </a:rPr>
                        <a:t>．</a:t>
                      </a:r>
                      <a:r>
                        <a:rPr lang="ja-JP" altLang="en-US" sz="1600" kern="100" dirty="0" smtClean="0">
                          <a:latin typeface="+mj-ea"/>
                          <a:ea typeface="+mj-ea"/>
                          <a:cs typeface="Times New Roman"/>
                        </a:rPr>
                        <a:t>関西国際空港</a:t>
                      </a:r>
                      <a:r>
                        <a:rPr lang="ja-JP" sz="1600" kern="100" dirty="0" smtClean="0">
                          <a:latin typeface="+mj-ea"/>
                          <a:ea typeface="+mj-ea"/>
                          <a:cs typeface="Times New Roman"/>
                        </a:rPr>
                        <a:t>・</a:t>
                      </a:r>
                      <a:r>
                        <a:rPr lang="ja-JP" sz="1600" kern="100" dirty="0">
                          <a:latin typeface="+mj-ea"/>
                          <a:ea typeface="+mj-ea"/>
                          <a:cs typeface="Times New Roman"/>
                        </a:rPr>
                        <a:t>りんくうタウン周辺 </a:t>
                      </a: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36</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600" kern="100" dirty="0">
                          <a:latin typeface="+mj-ea"/>
                          <a:ea typeface="+mj-ea"/>
                          <a:cs typeface="Times New Roman"/>
                        </a:rPr>
                        <a:t>　９．泉北</a:t>
                      </a:r>
                      <a:r>
                        <a:rPr lang="ja-JP" sz="1600" kern="100" dirty="0" smtClean="0">
                          <a:latin typeface="+mj-ea"/>
                          <a:ea typeface="+mj-ea"/>
                          <a:cs typeface="Times New Roman"/>
                        </a:rPr>
                        <a:t>ニュータウン </a:t>
                      </a:r>
                      <a:endParaRPr lang="ja-JP" sz="1600" kern="100" dirty="0">
                        <a:latin typeface="+mj-ea"/>
                        <a:ea typeface="+mj-ea"/>
                        <a:cs typeface="Times New Roman"/>
                      </a:endParaRP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40</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600" kern="100" dirty="0">
                          <a:latin typeface="+mj-ea"/>
                          <a:ea typeface="+mj-ea"/>
                          <a:cs typeface="Times New Roman"/>
                        </a:rPr>
                        <a:t>１０．</a:t>
                      </a:r>
                      <a:r>
                        <a:rPr lang="ja-JP" sz="1600" kern="100" dirty="0" smtClean="0">
                          <a:latin typeface="+mj-ea"/>
                          <a:ea typeface="+mj-ea"/>
                          <a:cs typeface="Times New Roman"/>
                        </a:rPr>
                        <a:t>万博</a:t>
                      </a:r>
                      <a:r>
                        <a:rPr lang="ja-JP" altLang="en-US" sz="1600" kern="100" dirty="0" smtClean="0">
                          <a:latin typeface="+mj-ea"/>
                          <a:ea typeface="+mj-ea"/>
                          <a:cs typeface="Times New Roman"/>
                        </a:rPr>
                        <a:t>記念公園周辺</a:t>
                      </a:r>
                      <a:r>
                        <a:rPr lang="ja-JP" sz="1600" kern="100" dirty="0" smtClean="0">
                          <a:latin typeface="+mj-ea"/>
                          <a:ea typeface="+mj-ea"/>
                          <a:cs typeface="Times New Roman"/>
                        </a:rPr>
                        <a:t>・吹田操車場跡地 </a:t>
                      </a:r>
                      <a:endParaRPr lang="ja-JP" sz="1600" kern="100" dirty="0">
                        <a:latin typeface="+mj-ea"/>
                        <a:ea typeface="+mj-ea"/>
                        <a:cs typeface="Times New Roman"/>
                      </a:endParaRP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44</a:t>
                      </a:r>
                      <a:endParaRPr lang="ja-JP" sz="16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600" kern="100" dirty="0">
                          <a:latin typeface="+mj-ea"/>
                          <a:ea typeface="+mj-ea"/>
                          <a:cs typeface="Times New Roman"/>
                        </a:rPr>
                        <a:t>１１</a:t>
                      </a:r>
                      <a:r>
                        <a:rPr lang="ja-JP" sz="1600" kern="100" dirty="0" smtClean="0">
                          <a:latin typeface="+mj-ea"/>
                          <a:ea typeface="+mj-ea"/>
                          <a:cs typeface="Times New Roman"/>
                        </a:rPr>
                        <a:t>．</a:t>
                      </a:r>
                      <a:r>
                        <a:rPr lang="ja-JP" altLang="en-US" sz="1600" kern="100" dirty="0" smtClean="0">
                          <a:latin typeface="+mj-ea"/>
                          <a:ea typeface="+mj-ea"/>
                          <a:cs typeface="Times New Roman"/>
                        </a:rPr>
                        <a:t>箕面森町・</a:t>
                      </a:r>
                      <a:r>
                        <a:rPr lang="ja-JP" sz="1600" kern="100" dirty="0" smtClean="0">
                          <a:latin typeface="+mj-ea"/>
                          <a:ea typeface="+mj-ea"/>
                          <a:cs typeface="Times New Roman"/>
                        </a:rPr>
                        <a:t>彩都 </a:t>
                      </a:r>
                      <a:endParaRPr lang="ja-JP" sz="1600" kern="100" dirty="0">
                        <a:latin typeface="+mj-ea"/>
                        <a:ea typeface="+mj-ea"/>
                        <a:cs typeface="Times New Roman"/>
                      </a:endParaRPr>
                    </a:p>
                  </a:txBody>
                  <a:tcPr marL="68580" marR="68580" marT="0" marB="0">
                    <a:lnL>
                      <a:noFill/>
                    </a:lnL>
                    <a:lnR>
                      <a:noFill/>
                    </a:lnR>
                    <a:lnT>
                      <a:noFill/>
                    </a:lnT>
                    <a:lnB>
                      <a:noFill/>
                    </a:lnB>
                  </a:tcPr>
                </a:tc>
                <a:tc>
                  <a:txBody>
                    <a:bodyPr/>
                    <a:lstStyle/>
                    <a:p>
                      <a:pPr algn="ctr">
                        <a:spcAft>
                          <a:spcPts val="0"/>
                        </a:spcAft>
                      </a:pPr>
                      <a:r>
                        <a:rPr lang="en-US" sz="1600" kern="100" dirty="0" smtClean="0">
                          <a:latin typeface="+mj-ea"/>
                          <a:ea typeface="+mj-ea"/>
                          <a:cs typeface="Times New Roman"/>
                        </a:rPr>
                        <a:t>P.</a:t>
                      </a:r>
                      <a:r>
                        <a:rPr lang="en-US" sz="1600" kern="100" dirty="0" smtClean="0">
                          <a:solidFill>
                            <a:srgbClr val="FFFFFF"/>
                          </a:solidFill>
                          <a:latin typeface="+mj-ea"/>
                          <a:ea typeface="+mj-ea"/>
                          <a:cs typeface="Times New Roman"/>
                        </a:rPr>
                        <a:t>0</a:t>
                      </a:r>
                      <a:r>
                        <a:rPr lang="en-US" sz="1600" kern="100" dirty="0" smtClean="0">
                          <a:latin typeface="+mj-ea"/>
                          <a:ea typeface="+mj-ea"/>
                          <a:cs typeface="Times New Roman"/>
                        </a:rPr>
                        <a:t>45</a:t>
                      </a:r>
                      <a:endParaRPr lang="ja-JP" sz="1600" kern="100" dirty="0">
                        <a:latin typeface="+mj-ea"/>
                        <a:ea typeface="+mj-ea"/>
                        <a:cs typeface="Times New Roman"/>
                      </a:endParaRPr>
                    </a:p>
                  </a:txBody>
                  <a:tcPr marL="68580" marR="68580" marT="0" marB="0">
                    <a:lnL>
                      <a:noFill/>
                    </a:lnL>
                    <a:lnR>
                      <a:noFill/>
                    </a:lnR>
                    <a:lnT>
                      <a:noFill/>
                    </a:lnT>
                    <a:lnB>
                      <a:noFill/>
                    </a:lnB>
                  </a:tcPr>
                </a:tc>
              </a:tr>
            </a:tbl>
          </a:graphicData>
        </a:graphic>
      </p:graphicFrame>
      <p:sp>
        <p:nvSpPr>
          <p:cNvPr id="3" name="テキスト ボックス 2"/>
          <p:cNvSpPr txBox="1"/>
          <p:nvPr/>
        </p:nvSpPr>
        <p:spPr>
          <a:xfrm>
            <a:off x="1244184" y="1075066"/>
            <a:ext cx="7332815" cy="3885503"/>
          </a:xfrm>
          <a:prstGeom prst="rect">
            <a:avLst/>
          </a:prstGeom>
          <a:noFill/>
        </p:spPr>
        <p:txBody>
          <a:bodyPr wrap="square" lIns="68406" tIns="34203" rIns="68406" bIns="34203" rtlCol="0">
            <a:spAutoFit/>
          </a:bodyPr>
          <a:lstStyle/>
          <a:p>
            <a:pPr defTabSz="914400"/>
            <a:r>
              <a:rPr lang="en-US" altLang="ja-JP" sz="1800" b="1" dirty="0" smtClean="0">
                <a:solidFill>
                  <a:prstClr val="black"/>
                </a:solidFill>
              </a:rPr>
              <a:t>【</a:t>
            </a:r>
            <a:r>
              <a:rPr lang="ja-JP" altLang="en-US" sz="1800" b="1" dirty="0" smtClean="0">
                <a:solidFill>
                  <a:prstClr val="black"/>
                </a:solidFill>
              </a:rPr>
              <a:t>エリア編</a:t>
            </a:r>
            <a:r>
              <a:rPr lang="en-US" altLang="ja-JP" sz="1800" b="1" dirty="0" smtClean="0">
                <a:solidFill>
                  <a:prstClr val="black"/>
                </a:solidFill>
              </a:rPr>
              <a:t>】</a:t>
            </a:r>
          </a:p>
          <a:p>
            <a:pPr defTabSz="914400"/>
            <a:endParaRPr lang="en-US" altLang="ja-JP" sz="1800" b="1"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smtClean="0">
              <a:solidFill>
                <a:prstClr val="black"/>
              </a:solidFill>
            </a:endParaRPr>
          </a:p>
          <a:p>
            <a:pPr defTabSz="914400"/>
            <a:endParaRPr lang="en-US" altLang="ja-JP" sz="1600" spc="-150" dirty="0">
              <a:solidFill>
                <a:prstClr val="black"/>
              </a:solidFill>
            </a:endParaRPr>
          </a:p>
          <a:p>
            <a:pPr defTabSz="914400"/>
            <a:r>
              <a:rPr lang="en-US" altLang="ja-JP" sz="1800" b="1" dirty="0">
                <a:solidFill>
                  <a:prstClr val="black"/>
                </a:solidFill>
              </a:rPr>
              <a:t>【</a:t>
            </a:r>
            <a:r>
              <a:rPr lang="ja-JP" altLang="en-US" sz="1800" b="1" dirty="0" smtClean="0">
                <a:solidFill>
                  <a:prstClr val="black"/>
                </a:solidFill>
              </a:rPr>
              <a:t>テーマ編</a:t>
            </a:r>
            <a:r>
              <a:rPr lang="en-US" altLang="ja-JP" sz="1800" b="1" dirty="0" smtClean="0">
                <a:solidFill>
                  <a:prstClr val="black"/>
                </a:solidFill>
              </a:rPr>
              <a:t>】</a:t>
            </a:r>
          </a:p>
          <a:p>
            <a:pPr defTabSz="914400"/>
            <a:endParaRPr lang="en-US" altLang="ja-JP" sz="1800" b="1" dirty="0">
              <a:solidFill>
                <a:prstClr val="black"/>
              </a:solidFill>
            </a:endParaRPr>
          </a:p>
        </p:txBody>
      </p:sp>
      <p:sp>
        <p:nvSpPr>
          <p:cNvPr id="5" name="テキスト ボックス 4"/>
          <p:cNvSpPr txBox="1"/>
          <p:nvPr/>
        </p:nvSpPr>
        <p:spPr>
          <a:xfrm>
            <a:off x="3782870" y="188641"/>
            <a:ext cx="1794199" cy="561517"/>
          </a:xfrm>
          <a:prstGeom prst="rect">
            <a:avLst/>
          </a:prstGeom>
          <a:noFill/>
        </p:spPr>
        <p:txBody>
          <a:bodyPr wrap="square" lIns="68406" tIns="34203" rIns="68406" bIns="34203" rtlCol="0">
            <a:spAutoFit/>
          </a:bodyPr>
          <a:lstStyle/>
          <a:p>
            <a:pPr algn="dist" defTabSz="914400"/>
            <a:r>
              <a:rPr lang="ja-JP" altLang="en-US" sz="3200" dirty="0" smtClean="0">
                <a:solidFill>
                  <a:prstClr val="black"/>
                </a:solidFill>
              </a:rPr>
              <a:t>目次</a:t>
            </a:r>
            <a:endParaRPr lang="en-US" altLang="ja-JP" sz="3200" dirty="0" smtClean="0">
              <a:solidFill>
                <a:prstClr val="black"/>
              </a:solidFill>
            </a:endParaRPr>
          </a:p>
        </p:txBody>
      </p:sp>
      <p:cxnSp>
        <p:nvCxnSpPr>
          <p:cNvPr id="6" name="直線コネクタ 5"/>
          <p:cNvCxnSpPr/>
          <p:nvPr/>
        </p:nvCxnSpPr>
        <p:spPr>
          <a:xfrm>
            <a:off x="428497" y="980728"/>
            <a:ext cx="8970997"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3</a:t>
            </a:fld>
            <a:endParaRPr kumimoji="1" lang="ja-JP" altLang="en-US" dirty="0"/>
          </a:p>
        </p:txBody>
      </p:sp>
    </p:spTree>
    <p:extLst>
      <p:ext uri="{BB962C8B-B14F-4D97-AF65-F5344CB8AC3E}">
        <p14:creationId xmlns:p14="http://schemas.microsoft.com/office/powerpoint/2010/main" val="963921593"/>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6" name="Rectangle 2"/>
          <p:cNvSpPr txBox="1">
            <a:spLocks noChangeArrowheads="1"/>
          </p:cNvSpPr>
          <p:nvPr/>
        </p:nvSpPr>
        <p:spPr bwMode="auto">
          <a:xfrm>
            <a:off x="0" y="28"/>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７．天王寺公園</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7" name="テキスト ボックス 6"/>
          <p:cNvSpPr txBox="1"/>
          <p:nvPr/>
        </p:nvSpPr>
        <p:spPr>
          <a:xfrm>
            <a:off x="200472" y="620688"/>
            <a:ext cx="9505056" cy="5886051"/>
          </a:xfrm>
          <a:prstGeom prst="rect">
            <a:avLst/>
          </a:prstGeom>
          <a:noFill/>
        </p:spPr>
        <p:txBody>
          <a:bodyPr wrap="square" lIns="68406" tIns="34203" rIns="68406" bIns="34203" rtlCol="0">
            <a:spAutoFit/>
          </a:bodyPr>
          <a:lstStyle/>
          <a:p>
            <a:pPr>
              <a:spcBef>
                <a:spcPts val="600"/>
              </a:spcBef>
            </a:pPr>
            <a:r>
              <a:rPr lang="ja-JP" altLang="en-US" sz="1400" b="1" dirty="0" smtClean="0"/>
              <a:t>１　エリアの現状</a:t>
            </a:r>
          </a:p>
          <a:p>
            <a:pPr marL="180000" indent="-180000">
              <a:lnSpc>
                <a:spcPts val="1800"/>
              </a:lnSpc>
              <a:spcBef>
                <a:spcPts val="600"/>
              </a:spcBef>
            </a:pPr>
            <a:r>
              <a:rPr lang="ja-JP" altLang="en-US" sz="1300" dirty="0" smtClean="0">
                <a:latin typeface="ＭＳ Ｐ明朝" pitchFamily="18" charset="-128"/>
                <a:ea typeface="ＭＳ Ｐ明朝" pitchFamily="18" charset="-128"/>
              </a:rPr>
              <a:t>　・大阪の南の玄関口という都心に位置しながら、貴重な歴史文化遺産（歴史と文化と自然）を有する上町台地の南にも位置し、動物園・美術館・名勝慶沢園・「大阪冬の陣・夏の陣」の歴史の舞台として知られる茶臼山等の多様な施設構成の公園。</a:t>
            </a:r>
          </a:p>
          <a:p>
            <a:pPr marL="180000" indent="-180000">
              <a:lnSpc>
                <a:spcPts val="1800"/>
              </a:lnSpc>
              <a:spcBef>
                <a:spcPts val="600"/>
              </a:spcBef>
            </a:pPr>
            <a:r>
              <a:rPr lang="ja-JP" altLang="en-US" sz="1300" dirty="0" smtClean="0">
                <a:latin typeface="ＭＳ Ｐ明朝" pitchFamily="18" charset="-128"/>
                <a:ea typeface="ＭＳ Ｐ明朝" pitchFamily="18" charset="-128"/>
              </a:rPr>
              <a:t>　・周辺では、あべのハルカスなどの民間開発によるまちの再生が進み、注目度の高いエリア。</a:t>
            </a:r>
          </a:p>
          <a:p>
            <a:pPr>
              <a:spcBef>
                <a:spcPts val="1200"/>
              </a:spcBef>
            </a:pPr>
            <a:r>
              <a:rPr lang="ja-JP" altLang="en-US" sz="1400" b="1" dirty="0" smtClean="0"/>
              <a:t>２　エリアの課題</a:t>
            </a:r>
          </a:p>
          <a:p>
            <a:pPr marL="180000" indent="-180000">
              <a:lnSpc>
                <a:spcPts val="1800"/>
              </a:lnSpc>
              <a:spcBef>
                <a:spcPts val="600"/>
              </a:spcBef>
            </a:pPr>
            <a:r>
              <a:rPr lang="ja-JP" altLang="en-US" sz="1300" dirty="0" smtClean="0">
                <a:latin typeface="ＭＳ Ｐ明朝" pitchFamily="18" charset="-128"/>
                <a:ea typeface="ＭＳ Ｐ明朝" pitchFamily="18" charset="-128"/>
              </a:rPr>
              <a:t>　・上町台地に固有の「歴史・文化・自然」を有するポテンシャル、都心型という立地上の優位性、及び園内施設の多様性という強みを活かせておらず、魅力を発信する役割を果たせていない。</a:t>
            </a:r>
          </a:p>
          <a:p>
            <a:pPr marL="180000" indent="-180000">
              <a:lnSpc>
                <a:spcPts val="1800"/>
              </a:lnSpc>
              <a:spcBef>
                <a:spcPts val="600"/>
              </a:spcBef>
            </a:pPr>
            <a:r>
              <a:rPr lang="ja-JP" altLang="en-US" sz="1300" dirty="0" smtClean="0">
                <a:latin typeface="ＭＳ Ｐ明朝" pitchFamily="18" charset="-128"/>
                <a:ea typeface="ＭＳ Ｐ明朝" pitchFamily="18" charset="-128"/>
              </a:rPr>
              <a:t>　・施設の老朽化が深刻でサービス機能やおもてなし力が不足している。</a:t>
            </a:r>
          </a:p>
          <a:p>
            <a:pPr>
              <a:spcBef>
                <a:spcPts val="1200"/>
              </a:spcBef>
            </a:pPr>
            <a:r>
              <a:rPr lang="ja-JP" altLang="en-US" sz="1400" b="1" dirty="0" smtClean="0"/>
              <a:t>３　改革方針</a:t>
            </a:r>
          </a:p>
          <a:p>
            <a:pPr marL="180000" indent="-180000">
              <a:lnSpc>
                <a:spcPts val="1800"/>
              </a:lnSpc>
              <a:spcBef>
                <a:spcPts val="600"/>
              </a:spcBef>
            </a:pPr>
            <a:r>
              <a:rPr lang="ja-JP" altLang="en-US" sz="1300" dirty="0" smtClean="0">
                <a:latin typeface="ＭＳ Ｐ明朝" pitchFamily="18" charset="-128"/>
                <a:ea typeface="ＭＳ Ｐ明朝" pitchFamily="18" charset="-128"/>
              </a:rPr>
              <a:t>　・上町台地に固有の「歴史・文化・自然」を掘り起こし、公園を拠点として市民へ発信する。</a:t>
            </a:r>
          </a:p>
          <a:p>
            <a:pPr marL="180000" indent="-180000">
              <a:lnSpc>
                <a:spcPts val="1800"/>
              </a:lnSpc>
              <a:spcBef>
                <a:spcPts val="600"/>
              </a:spcBef>
            </a:pPr>
            <a:r>
              <a:rPr lang="ja-JP" altLang="en-US" sz="1300" dirty="0" smtClean="0">
                <a:latin typeface="ＭＳ Ｐ明朝" pitchFamily="18" charset="-128"/>
                <a:ea typeface="ＭＳ Ｐ明朝" pitchFamily="18" charset="-128"/>
              </a:rPr>
              <a:t>　・民間活力の導入により、新たな飲食施設等の設置やソフト事業（イベント・プロモーション）を展開し、新たな都市魅力を創出し集客力の向上をめざす。</a:t>
            </a:r>
            <a:endParaRPr lang="en-US" altLang="ja-JP" sz="1300" dirty="0" smtClean="0">
              <a:latin typeface="ＭＳ Ｐ明朝" pitchFamily="18" charset="-128"/>
              <a:ea typeface="ＭＳ Ｐ明朝" pitchFamily="18" charset="-128"/>
            </a:endParaRPr>
          </a:p>
          <a:p>
            <a:pPr marL="180000" indent="-180000">
              <a:lnSpc>
                <a:spcPts val="1800"/>
              </a:lnSpc>
              <a:spcBef>
                <a:spcPts val="600"/>
              </a:spcBef>
            </a:pPr>
            <a:r>
              <a:rPr lang="ja-JP" altLang="en-US" sz="1300" dirty="0" smtClean="0">
                <a:latin typeface="ＭＳ Ｐ明朝" pitchFamily="18" charset="-128"/>
                <a:ea typeface="ＭＳ Ｐ明朝" pitchFamily="18" charset="-128"/>
              </a:rPr>
              <a:t>　・公園の無料化により、地域に開かれた公園をめざす。</a:t>
            </a:r>
            <a:endParaRPr lang="en-US" altLang="ja-JP" sz="1300" dirty="0" smtClean="0">
              <a:latin typeface="ＭＳ Ｐ明朝" pitchFamily="18" charset="-128"/>
              <a:ea typeface="ＭＳ Ｐ明朝" pitchFamily="18" charset="-128"/>
            </a:endParaRPr>
          </a:p>
          <a:p>
            <a:pPr marL="180000" indent="-180000">
              <a:lnSpc>
                <a:spcPts val="1800"/>
              </a:lnSpc>
              <a:spcBef>
                <a:spcPts val="600"/>
              </a:spcBef>
            </a:pPr>
            <a:r>
              <a:rPr lang="ja-JP" altLang="en-US" sz="1300" dirty="0" smtClean="0">
                <a:latin typeface="ＭＳ Ｐ明朝" pitchFamily="18" charset="-128"/>
                <a:ea typeface="ＭＳ Ｐ明朝" pitchFamily="18" charset="-128"/>
              </a:rPr>
              <a:t>　・公園の一体的なマネジメントを実施し、公園全体を見通しての最適な企画や高付加価値サービスを提供する。</a:t>
            </a:r>
            <a:endParaRPr lang="en-US" altLang="ja-JP" sz="1300" dirty="0" smtClean="0">
              <a:latin typeface="ＭＳ Ｐ明朝" pitchFamily="18" charset="-128"/>
              <a:ea typeface="ＭＳ Ｐ明朝" pitchFamily="18" charset="-128"/>
            </a:endParaRPr>
          </a:p>
          <a:p>
            <a:pPr marL="180000" indent="-180000">
              <a:lnSpc>
                <a:spcPts val="1800"/>
              </a:lnSpc>
              <a:buFont typeface="Arial" pitchFamily="34" charset="0"/>
              <a:buNone/>
            </a:pPr>
            <a:r>
              <a:rPr lang="ja-JP" altLang="en-US" sz="1300" dirty="0" smtClean="0">
                <a:latin typeface="ＭＳ Ｐ明朝" pitchFamily="18" charset="-128"/>
                <a:ea typeface="ＭＳ Ｐ明朝" pitchFamily="18" charset="-128"/>
              </a:rPr>
              <a:t>　　　（例）美術館と名勝の庭を一度に楽しめる高付加価値サービスの提供を検討中</a:t>
            </a:r>
            <a:endParaRPr lang="en-US" altLang="ja-JP" sz="1300" dirty="0" smtClean="0">
              <a:latin typeface="ＭＳ Ｐ明朝" pitchFamily="18" charset="-128"/>
              <a:ea typeface="ＭＳ Ｐ明朝" pitchFamily="18" charset="-128"/>
            </a:endParaRPr>
          </a:p>
          <a:p>
            <a:pPr marL="180000" indent="-180000">
              <a:lnSpc>
                <a:spcPts val="1800"/>
              </a:lnSpc>
              <a:spcBef>
                <a:spcPts val="600"/>
              </a:spcBef>
            </a:pPr>
            <a:r>
              <a:rPr lang="ja-JP" altLang="en-US" sz="1300" dirty="0" smtClean="0">
                <a:latin typeface="ＭＳ Ｐ明朝" pitchFamily="18" charset="-128"/>
                <a:ea typeface="ＭＳ Ｐ明朝" pitchFamily="18" charset="-128"/>
              </a:rPr>
              <a:t>　・施設補修・改修やサービス力の向上など、徹底した改善を実践するとともに、大規模改修・施設整備も実施する。</a:t>
            </a:r>
          </a:p>
          <a:p>
            <a:pPr>
              <a:spcBef>
                <a:spcPts val="1200"/>
              </a:spcBef>
            </a:pPr>
            <a:r>
              <a:rPr lang="ja-JP" altLang="en-US" sz="1400" b="1" dirty="0" smtClean="0"/>
              <a:t>４　将来像</a:t>
            </a:r>
          </a:p>
          <a:p>
            <a:pPr marL="180000" indent="-180000">
              <a:lnSpc>
                <a:spcPts val="1800"/>
              </a:lnSpc>
              <a:spcBef>
                <a:spcPts val="600"/>
              </a:spcBef>
            </a:pPr>
            <a:r>
              <a:rPr lang="ja-JP" altLang="en-US" sz="1300" dirty="0" smtClean="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cs typeface="Meiryo UI" pitchFamily="50" charset="-128"/>
              </a:rPr>
              <a:t>歴史と文化と自然が一体となった公園として「天王寺・阿倍野地区」「上町台地」のブランド力を発信する中心施設に</a:t>
            </a:r>
            <a:r>
              <a:rPr lang="ja-JP" altLang="en-US" sz="1300" dirty="0" smtClean="0">
                <a:latin typeface="ＭＳ Ｐ明朝" pitchFamily="18" charset="-128"/>
                <a:ea typeface="ＭＳ Ｐ明朝" pitchFamily="18" charset="-128"/>
              </a:rPr>
              <a:t>。</a:t>
            </a:r>
          </a:p>
          <a:p>
            <a:pPr marL="180000" indent="-180000">
              <a:lnSpc>
                <a:spcPts val="1800"/>
              </a:lnSpc>
              <a:spcBef>
                <a:spcPts val="600"/>
              </a:spcBef>
            </a:pPr>
            <a:r>
              <a:rPr lang="ja-JP" altLang="en-US" sz="1300" dirty="0" smtClean="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cs typeface="Meiryo UI" pitchFamily="50" charset="-128"/>
              </a:rPr>
              <a:t>地域とともに新たな魅力を創出し発信し続ける公共空間として、立地特性も活かして、市民から観光客まで、子どもから高齢者まで、３世代が一緒に来園し、憩い・楽しみ・愛し・誇りに思う大阪の南のシンボルに。</a:t>
            </a:r>
            <a:endParaRPr lang="en-US" altLang="ja-JP" sz="1300" dirty="0" smtClean="0">
              <a:latin typeface="ＭＳ Ｐ明朝" pitchFamily="18" charset="-128"/>
              <a:ea typeface="ＭＳ Ｐ明朝"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30</a:t>
            </a:fld>
            <a:endParaRPr kumimoji="1" lang="ja-JP" altLang="en-US" dirty="0"/>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28"/>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７．天王寺公園</a:t>
            </a:r>
            <a:endParaRPr lang="en-US" altLang="ja-JP" sz="2000" b="1" dirty="0" smtClean="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118584" y="476672"/>
            <a:ext cx="9684000" cy="6192688"/>
          </a:xfrm>
          <a:prstGeom prst="rect">
            <a:avLst/>
          </a:prstGeom>
          <a:noFill/>
          <a:ln>
            <a:solidFill>
              <a:schemeClr val="tx1"/>
            </a:solidFill>
            <a:prstDash val="sysDash"/>
          </a:ln>
        </p:spPr>
        <p:txBody>
          <a:bodyPr wrap="square" rtlCol="0">
            <a:noAutofit/>
          </a:bodyPr>
          <a:lstStyle/>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grpSp>
        <p:nvGrpSpPr>
          <p:cNvPr id="2" name="グループ化 14"/>
          <p:cNvGrpSpPr>
            <a:grpSpLocks noChangeAspect="1"/>
          </p:cNvGrpSpPr>
          <p:nvPr/>
        </p:nvGrpSpPr>
        <p:grpSpPr>
          <a:xfrm>
            <a:off x="7545289" y="583513"/>
            <a:ext cx="1974379" cy="2309254"/>
            <a:chOff x="7333954" y="692696"/>
            <a:chExt cx="2248776" cy="2630192"/>
          </a:xfrm>
        </p:grpSpPr>
        <p:grpSp>
          <p:nvGrpSpPr>
            <p:cNvPr id="3" name="グループ化 10"/>
            <p:cNvGrpSpPr/>
            <p:nvPr/>
          </p:nvGrpSpPr>
          <p:grpSpPr>
            <a:xfrm>
              <a:off x="7401273" y="692696"/>
              <a:ext cx="2181457" cy="2630192"/>
              <a:chOff x="7401273" y="692696"/>
              <a:chExt cx="2181457" cy="2630192"/>
            </a:xfrm>
          </p:grpSpPr>
          <p:pic>
            <p:nvPicPr>
              <p:cNvPr id="1027" name="Picture 3"/>
              <p:cNvPicPr>
                <a:picLocks noChangeAspect="1" noChangeArrowheads="1"/>
              </p:cNvPicPr>
              <p:nvPr/>
            </p:nvPicPr>
            <p:blipFill>
              <a:blip r:embed="rId3" cstate="email"/>
              <a:srcRect/>
              <a:stretch>
                <a:fillRect/>
              </a:stretch>
            </p:blipFill>
            <p:spPr bwMode="auto">
              <a:xfrm>
                <a:off x="7401273" y="692696"/>
                <a:ext cx="2181457" cy="2630192"/>
              </a:xfrm>
              <a:prstGeom prst="rect">
                <a:avLst/>
              </a:prstGeom>
              <a:noFill/>
              <a:ln w="9525">
                <a:noFill/>
                <a:miter lim="800000"/>
                <a:headEnd/>
                <a:tailEnd/>
              </a:ln>
            </p:spPr>
          </p:pic>
          <p:sp>
            <p:nvSpPr>
              <p:cNvPr id="9" name="角丸四角形 8"/>
              <p:cNvSpPr/>
              <p:nvPr/>
            </p:nvSpPr>
            <p:spPr>
              <a:xfrm>
                <a:off x="8765614" y="2436128"/>
                <a:ext cx="72008" cy="72008"/>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0" name="テキスト ボックス 9"/>
            <p:cNvSpPr txBox="1"/>
            <p:nvPr/>
          </p:nvSpPr>
          <p:spPr>
            <a:xfrm>
              <a:off x="7333954" y="1300118"/>
              <a:ext cx="1066203" cy="289205"/>
            </a:xfrm>
            <a:prstGeom prst="rect">
              <a:avLst/>
            </a:prstGeom>
            <a:noFill/>
          </p:spPr>
          <p:txBody>
            <a:bodyPr wrap="square" rtlCol="0">
              <a:spAutoFit/>
            </a:bodyPr>
            <a:lstStyle/>
            <a:p>
              <a:r>
                <a:rPr kumimoji="1" lang="ja-JP" altLang="en-US" sz="1050" dirty="0" smtClean="0"/>
                <a:t>天王寺公園</a:t>
              </a:r>
              <a:endParaRPr kumimoji="1" lang="ja-JP" altLang="en-US" sz="1050" dirty="0"/>
            </a:p>
          </p:txBody>
        </p:sp>
        <p:cxnSp>
          <p:nvCxnSpPr>
            <p:cNvPr id="12" name="直線矢印コネクタ 11"/>
            <p:cNvCxnSpPr/>
            <p:nvPr/>
          </p:nvCxnSpPr>
          <p:spPr>
            <a:xfrm>
              <a:off x="7977336" y="1556792"/>
              <a:ext cx="792088" cy="864096"/>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grpSp>
      <p:sp>
        <p:nvSpPr>
          <p:cNvPr id="68" name="テキスト ボックス 67"/>
          <p:cNvSpPr txBox="1"/>
          <p:nvPr/>
        </p:nvSpPr>
        <p:spPr>
          <a:xfrm>
            <a:off x="200472" y="580715"/>
            <a:ext cx="7344816" cy="2790508"/>
          </a:xfrm>
          <a:prstGeom prst="rect">
            <a:avLst/>
          </a:prstGeom>
          <a:noFill/>
        </p:spPr>
        <p:txBody>
          <a:bodyPr wrap="square" rtlCol="0">
            <a:spAutoFit/>
          </a:bodyPr>
          <a:lstStyle/>
          <a:p>
            <a:pPr>
              <a:spcAft>
                <a:spcPts val="600"/>
              </a:spcAft>
            </a:pPr>
            <a:r>
              <a:rPr lang="en-US" altLang="ja-JP" sz="1400" dirty="0" smtClean="0">
                <a:latin typeface="+mj-ea"/>
                <a:ea typeface="+mj-ea"/>
              </a:rPr>
              <a:t>【</a:t>
            </a:r>
            <a:r>
              <a:rPr kumimoji="1" lang="ja-JP" altLang="en-US" sz="1400" dirty="0" smtClean="0">
                <a:latin typeface="+mj-ea"/>
                <a:ea typeface="+mj-ea"/>
              </a:rPr>
              <a:t>概要</a:t>
            </a:r>
            <a:r>
              <a:rPr lang="en-US" altLang="ja-JP" sz="1400" dirty="0" smtClean="0">
                <a:latin typeface="+mj-ea"/>
                <a:ea typeface="+mj-ea"/>
              </a:rPr>
              <a:t>】</a:t>
            </a:r>
            <a:endParaRPr kumimoji="1" lang="en-US" altLang="ja-JP" sz="1400" dirty="0" smtClean="0">
              <a:latin typeface="+mj-ea"/>
              <a:ea typeface="+mj-ea"/>
            </a:endParaRPr>
          </a:p>
          <a:p>
            <a:pPr marL="82800" indent="-82800"/>
            <a:r>
              <a:rPr lang="ja-JP" altLang="en-US" sz="1300" dirty="0" smtClean="0">
                <a:latin typeface="ＭＳ Ｐ明朝" pitchFamily="18" charset="-128"/>
                <a:ea typeface="ＭＳ Ｐ明朝" pitchFamily="18" charset="-128"/>
              </a:rPr>
              <a:t>・大阪の南の玄関口で大阪第３のターミナル駅に近接する都心型の公園（約</a:t>
            </a:r>
            <a:r>
              <a:rPr lang="en-US" altLang="ja-JP" sz="1300" dirty="0" smtClean="0">
                <a:latin typeface="ＭＳ Ｐ明朝" pitchFamily="18" charset="-128"/>
                <a:ea typeface="ＭＳ Ｐ明朝" pitchFamily="18" charset="-128"/>
              </a:rPr>
              <a:t>26ha</a:t>
            </a:r>
            <a:r>
              <a:rPr lang="ja-JP" altLang="en-US" sz="1300" dirty="0" smtClean="0">
                <a:latin typeface="ＭＳ Ｐ明朝" pitchFamily="18" charset="-128"/>
                <a:ea typeface="ＭＳ Ｐ明朝" pitchFamily="18" charset="-128"/>
              </a:rPr>
              <a:t>の有料公園）。</a:t>
            </a:r>
            <a:endParaRPr lang="en-US" altLang="ja-JP" sz="1300" dirty="0" smtClean="0">
              <a:latin typeface="ＭＳ Ｐ明朝" pitchFamily="18" charset="-128"/>
              <a:ea typeface="ＭＳ Ｐ明朝" pitchFamily="18" charset="-128"/>
            </a:endParaRPr>
          </a:p>
          <a:p>
            <a:pPr>
              <a:spcBef>
                <a:spcPts val="300"/>
              </a:spcBef>
            </a:pPr>
            <a:r>
              <a:rPr lang="ja-JP" altLang="en-US" sz="1000" dirty="0" smtClean="0">
                <a:latin typeface="ＭＳ Ｐ明朝" pitchFamily="18" charset="-128"/>
                <a:ea typeface="ＭＳ Ｐ明朝" pitchFamily="18" charset="-128"/>
              </a:rPr>
              <a:t>    　 地下鉄天王寺駅（御堂筋線・谷町線）、</a:t>
            </a:r>
            <a:r>
              <a:rPr lang="en-US" altLang="ja-JP" sz="1000" dirty="0" smtClean="0">
                <a:latin typeface="ＭＳ Ｐ明朝" pitchFamily="18" charset="-128"/>
                <a:ea typeface="ＭＳ Ｐ明朝" pitchFamily="18" charset="-128"/>
              </a:rPr>
              <a:t>JR</a:t>
            </a:r>
            <a:r>
              <a:rPr lang="ja-JP" altLang="en-US" sz="1000" dirty="0" smtClean="0">
                <a:latin typeface="ＭＳ Ｐ明朝" pitchFamily="18" charset="-128"/>
                <a:ea typeface="ＭＳ Ｐ明朝" pitchFamily="18" charset="-128"/>
              </a:rPr>
              <a:t>天王寺駅、近鉄阿部野橋駅、地下鉄動物園前駅（御堂筋線）の</a:t>
            </a:r>
            <a:endParaRPr lang="en-US" altLang="ja-JP" sz="1000" dirty="0" smtClean="0">
              <a:latin typeface="ＭＳ Ｐ明朝" pitchFamily="18" charset="-128"/>
              <a:ea typeface="ＭＳ Ｐ明朝" pitchFamily="18" charset="-128"/>
            </a:endParaRPr>
          </a:p>
          <a:p>
            <a:pPr>
              <a:spcBef>
                <a:spcPts val="300"/>
              </a:spcBef>
            </a:pPr>
            <a:r>
              <a:rPr lang="en-US" altLang="ja-JP" sz="1000" dirty="0" smtClean="0">
                <a:latin typeface="ＭＳ Ｐ明朝" pitchFamily="18" charset="-128"/>
                <a:ea typeface="ＭＳ Ｐ明朝" pitchFamily="18" charset="-128"/>
              </a:rPr>
              <a:t>    </a:t>
            </a:r>
            <a:r>
              <a:rPr lang="ja-JP" altLang="en-US" sz="1000" dirty="0" smtClean="0">
                <a:latin typeface="ＭＳ Ｐ明朝" pitchFamily="18" charset="-128"/>
                <a:ea typeface="ＭＳ Ｐ明朝" pitchFamily="18" charset="-128"/>
              </a:rPr>
              <a:t>　</a:t>
            </a:r>
            <a:r>
              <a:rPr lang="en-US" altLang="ja-JP" sz="1000" dirty="0" smtClean="0">
                <a:latin typeface="ＭＳ Ｐ明朝" pitchFamily="18" charset="-128"/>
                <a:ea typeface="ＭＳ Ｐ明朝" pitchFamily="18" charset="-128"/>
              </a:rPr>
              <a:t> </a:t>
            </a:r>
            <a:r>
              <a:rPr lang="ja-JP" altLang="en-US" sz="1000" dirty="0" smtClean="0">
                <a:latin typeface="ＭＳ Ｐ明朝" pitchFamily="18" charset="-128"/>
                <a:ea typeface="ＭＳ Ｐ明朝" pitchFamily="18" charset="-128"/>
              </a:rPr>
              <a:t>各最寄駅から約５分のアクセス</a:t>
            </a:r>
            <a:endParaRPr lang="en-US" altLang="ja-JP" sz="1000" dirty="0" smtClean="0">
              <a:latin typeface="ＭＳ Ｐ明朝" pitchFamily="18" charset="-128"/>
              <a:ea typeface="ＭＳ Ｐ明朝" pitchFamily="18" charset="-128"/>
            </a:endParaRPr>
          </a:p>
          <a:p>
            <a:pPr marL="82800" indent="-82800">
              <a:spcBef>
                <a:spcPts val="400"/>
              </a:spcBef>
            </a:pPr>
            <a:r>
              <a:rPr lang="ja-JP" altLang="en-US" sz="1300" dirty="0" smtClean="0">
                <a:latin typeface="ＭＳ Ｐ明朝" pitchFamily="18" charset="-128"/>
                <a:ea typeface="ＭＳ Ｐ明朝" pitchFamily="18" charset="-128"/>
              </a:rPr>
              <a:t>・大阪市内唯一の動物園、美術館、大阪市指定の名勝である庭園、 「大阪冬の陣・夏の陣」の歴史の舞台として知られる茶臼山を有する、歴史と文化と自然が一体となった都市公園。</a:t>
            </a:r>
            <a:endParaRPr lang="en-US" altLang="ja-JP" sz="1300" dirty="0" smtClean="0">
              <a:latin typeface="ＭＳ Ｐ明朝" pitchFamily="18" charset="-128"/>
              <a:ea typeface="ＭＳ Ｐ明朝" pitchFamily="18" charset="-128"/>
            </a:endParaRPr>
          </a:p>
          <a:p>
            <a:pPr marL="82800" indent="-82800">
              <a:spcBef>
                <a:spcPts val="400"/>
              </a:spcBef>
            </a:pPr>
            <a:r>
              <a:rPr lang="ja-JP" altLang="en-US" sz="1300" dirty="0" smtClean="0">
                <a:latin typeface="ＭＳ Ｐ明朝" pitchFamily="18" charset="-128"/>
                <a:ea typeface="ＭＳ Ｐ明朝" pitchFamily="18" charset="-128"/>
              </a:rPr>
              <a:t>・貴重な歴史文化遺産を数多く有し、大阪のみどりの骨格を形成する貴重な緑空間でもある上町台地の南に位置し、「天王寺・阿倍野地区」を文化観光拠点としていくための核施設。</a:t>
            </a:r>
            <a:endParaRPr lang="en-US" altLang="ja-JP" sz="1300" dirty="0" smtClean="0">
              <a:latin typeface="ＭＳ Ｐ明朝" pitchFamily="18" charset="-128"/>
              <a:ea typeface="ＭＳ Ｐ明朝" pitchFamily="18" charset="-128"/>
            </a:endParaRPr>
          </a:p>
          <a:p>
            <a:pPr marL="82800" indent="-82800">
              <a:spcBef>
                <a:spcPts val="400"/>
              </a:spcBef>
            </a:pPr>
            <a:r>
              <a:rPr lang="ja-JP" altLang="en-US" sz="1300" dirty="0" smtClean="0">
                <a:latin typeface="ＭＳ Ｐ明朝" pitchFamily="18" charset="-128"/>
                <a:ea typeface="ＭＳ Ｐ明朝" pitchFamily="18" charset="-128"/>
              </a:rPr>
              <a:t>・周辺では、あべのハルカスなどの民間開発によるまちの再生が顕著。</a:t>
            </a:r>
            <a:endParaRPr lang="en-US" altLang="ja-JP" sz="1300" dirty="0" smtClean="0">
              <a:latin typeface="ＭＳ Ｐ明朝" pitchFamily="18" charset="-128"/>
              <a:ea typeface="ＭＳ Ｐ明朝" pitchFamily="18" charset="-128"/>
            </a:endParaRPr>
          </a:p>
          <a:p>
            <a:pPr marL="216000" indent="-180000">
              <a:spcBef>
                <a:spcPts val="400"/>
              </a:spcBef>
            </a:pPr>
            <a:r>
              <a:rPr lang="ja-JP" altLang="en-US" sz="1200" dirty="0" smtClean="0">
                <a:latin typeface="ＭＳ Ｐ明朝" pitchFamily="18" charset="-128"/>
                <a:ea typeface="ＭＳ Ｐ明朝" pitchFamily="18" charset="-128"/>
              </a:rPr>
              <a:t>　</a:t>
            </a:r>
            <a:endParaRPr lang="en-US" altLang="ja-JP" sz="1200" dirty="0" smtClean="0">
              <a:latin typeface="ＭＳ Ｐ明朝" pitchFamily="18" charset="-128"/>
              <a:ea typeface="ＭＳ Ｐ明朝" pitchFamily="18" charset="-128"/>
            </a:endParaRPr>
          </a:p>
          <a:p>
            <a:endParaRPr kumimoji="1" lang="en-US" altLang="ja-JP" sz="1400" dirty="0" smtClean="0"/>
          </a:p>
          <a:p>
            <a:endParaRPr kumimoji="1" lang="ja-JP" altLang="en-US" sz="1400" dirty="0"/>
          </a:p>
        </p:txBody>
      </p:sp>
      <p:graphicFrame>
        <p:nvGraphicFramePr>
          <p:cNvPr id="70" name="表 69"/>
          <p:cNvGraphicFramePr>
            <a:graphicFrameLocks noGrp="1"/>
          </p:cNvGraphicFramePr>
          <p:nvPr/>
        </p:nvGraphicFramePr>
        <p:xfrm>
          <a:off x="4797117" y="2963045"/>
          <a:ext cx="4908412" cy="3634307"/>
        </p:xfrm>
        <a:graphic>
          <a:graphicData uri="http://schemas.openxmlformats.org/drawingml/2006/table">
            <a:tbl>
              <a:tblPr>
                <a:tableStyleId>{EB9631B5-78F2-41C9-869B-9F39066F8104}</a:tableStyleId>
              </a:tblPr>
              <a:tblGrid>
                <a:gridCol w="1007634"/>
                <a:gridCol w="3900778"/>
              </a:tblGrid>
              <a:tr h="463313">
                <a:tc>
                  <a:txBody>
                    <a:bodyPr/>
                    <a:lstStyle/>
                    <a:p>
                      <a:pPr algn="ctr">
                        <a:lnSpc>
                          <a:spcPts val="1300"/>
                        </a:lnSpc>
                      </a:pPr>
                      <a:r>
                        <a:rPr kumimoji="1" lang="ja-JP" altLang="en-US" sz="1100" dirty="0" smtClean="0">
                          <a:solidFill>
                            <a:schemeClr val="tx1"/>
                          </a:solidFill>
                          <a:latin typeface="+mn-lt"/>
                          <a:ea typeface="+mn-ea"/>
                        </a:rPr>
                        <a:t>各施設名</a:t>
                      </a:r>
                      <a:endParaRPr kumimoji="1" lang="en-US" altLang="ja-JP" sz="1100" dirty="0" smtClean="0">
                        <a:solidFill>
                          <a:schemeClr val="tx1"/>
                        </a:solidFill>
                        <a:latin typeface="+mn-lt"/>
                        <a:ea typeface="+mn-ea"/>
                      </a:endParaRPr>
                    </a:p>
                    <a:p>
                      <a:pPr algn="ctr">
                        <a:lnSpc>
                          <a:spcPts val="1300"/>
                        </a:lnSpc>
                      </a:pPr>
                      <a:r>
                        <a:rPr kumimoji="1" lang="ja-JP" altLang="en-US" sz="1100" dirty="0" smtClean="0">
                          <a:solidFill>
                            <a:schemeClr val="tx1"/>
                          </a:solidFill>
                          <a:latin typeface="+mn-lt"/>
                          <a:ea typeface="+mn-ea"/>
                        </a:rPr>
                        <a:t>（管理者）</a:t>
                      </a:r>
                      <a:endParaRPr kumimoji="1" lang="ja-JP" altLang="en-US" sz="110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300"/>
                        </a:lnSpc>
                      </a:pPr>
                      <a:r>
                        <a:rPr kumimoji="1" lang="ja-JP" altLang="en-US" sz="1100" dirty="0" smtClean="0">
                          <a:solidFill>
                            <a:schemeClr val="tx1"/>
                          </a:solidFill>
                          <a:latin typeface="+mn-lt"/>
                          <a:ea typeface="+mn-ea"/>
                        </a:rPr>
                        <a:t>管理運営の概要</a:t>
                      </a:r>
                      <a:endParaRPr kumimoji="1" lang="ja-JP" altLang="en-US" sz="1100" dirty="0">
                        <a:solidFill>
                          <a:schemeClr val="tx1"/>
                        </a:solidFill>
                        <a:latin typeface="+mn-lt"/>
                        <a:ea typeface="+mn-ea"/>
                      </a:endParaRP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903238">
                <a:tc>
                  <a:txBody>
                    <a:bodyPr/>
                    <a:lstStyle/>
                    <a:p>
                      <a:pPr algn="ctr">
                        <a:lnSpc>
                          <a:spcPts val="1300"/>
                        </a:lnSpc>
                      </a:pPr>
                      <a:r>
                        <a:rPr kumimoji="1" lang="ja-JP" altLang="en-US" sz="1200" dirty="0" smtClean="0">
                          <a:solidFill>
                            <a:schemeClr val="tx1"/>
                          </a:solidFill>
                          <a:latin typeface="+mn-lt"/>
                          <a:ea typeface="+mn-ea"/>
                        </a:rPr>
                        <a:t>①動物園</a:t>
                      </a:r>
                      <a:endParaRPr kumimoji="1" lang="en-US" altLang="ja-JP" sz="120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天王寺動物</a:t>
                      </a:r>
                      <a:endParaRPr kumimoji="1" lang="en-US" altLang="ja-JP" sz="105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公園事務所）</a:t>
                      </a:r>
                      <a:endParaRPr kumimoji="1" lang="ja-JP" altLang="en-US" sz="105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動物の飼育、展示、動物ガイドなど教育・普及事業。</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　　　年間入園者数は約</a:t>
                      </a:r>
                      <a:r>
                        <a:rPr kumimoji="1" lang="en-US" altLang="ja-JP" sz="1200" dirty="0" smtClean="0">
                          <a:solidFill>
                            <a:schemeClr val="tx1"/>
                          </a:solidFill>
                          <a:latin typeface="ＭＳ Ｐ明朝" pitchFamily="18" charset="-128"/>
                          <a:ea typeface="ＭＳ Ｐ明朝" pitchFamily="18" charset="-128"/>
                        </a:rPr>
                        <a:t>120</a:t>
                      </a:r>
                      <a:r>
                        <a:rPr kumimoji="1" lang="ja-JP" altLang="en-US" sz="1200" dirty="0" smtClean="0">
                          <a:solidFill>
                            <a:schemeClr val="tx1"/>
                          </a:solidFill>
                          <a:latin typeface="ＭＳ Ｐ明朝" pitchFamily="18" charset="-128"/>
                          <a:ea typeface="ＭＳ Ｐ明朝" pitchFamily="18" charset="-128"/>
                        </a:rPr>
                        <a:t>万人</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　　　飼育動物は</a:t>
                      </a:r>
                      <a:r>
                        <a:rPr kumimoji="1" lang="en-US" altLang="ja-JP" sz="1200" dirty="0" smtClean="0">
                          <a:solidFill>
                            <a:schemeClr val="tx1"/>
                          </a:solidFill>
                          <a:latin typeface="ＭＳ Ｐ明朝" pitchFamily="18" charset="-128"/>
                          <a:ea typeface="ＭＳ Ｐ明朝" pitchFamily="18" charset="-128"/>
                        </a:rPr>
                        <a:t>200</a:t>
                      </a:r>
                      <a:r>
                        <a:rPr kumimoji="1" lang="ja-JP" altLang="en-US" sz="1200" dirty="0" smtClean="0">
                          <a:solidFill>
                            <a:schemeClr val="tx1"/>
                          </a:solidFill>
                          <a:latin typeface="ＭＳ Ｐ明朝" pitchFamily="18" charset="-128"/>
                          <a:ea typeface="ＭＳ Ｐ明朝" pitchFamily="18" charset="-128"/>
                        </a:rPr>
                        <a:t>種、</a:t>
                      </a:r>
                      <a:r>
                        <a:rPr kumimoji="1" lang="en-US" altLang="ja-JP" sz="1200" dirty="0" smtClean="0">
                          <a:solidFill>
                            <a:schemeClr val="tx1"/>
                          </a:solidFill>
                          <a:latin typeface="ＭＳ Ｐ明朝" pitchFamily="18" charset="-128"/>
                          <a:ea typeface="ＭＳ Ｐ明朝" pitchFamily="18" charset="-128"/>
                        </a:rPr>
                        <a:t>900</a:t>
                      </a:r>
                      <a:r>
                        <a:rPr kumimoji="1" lang="ja-JP" altLang="en-US" sz="1200" dirty="0" smtClean="0">
                          <a:solidFill>
                            <a:schemeClr val="tx1"/>
                          </a:solidFill>
                          <a:latin typeface="ＭＳ Ｐ明朝" pitchFamily="18" charset="-128"/>
                          <a:ea typeface="ＭＳ Ｐ明朝" pitchFamily="18" charset="-128"/>
                        </a:rPr>
                        <a:t>点</a:t>
                      </a:r>
                    </a:p>
                    <a:p>
                      <a:pPr marL="82800" indent="-82800" algn="l">
                        <a:lnSpc>
                          <a:spcPts val="1300"/>
                        </a:lnSpc>
                        <a:spcBef>
                          <a:spcPts val="300"/>
                        </a:spcBef>
                      </a:pPr>
                      <a:r>
                        <a:rPr kumimoji="1" lang="ja-JP" altLang="en-US" sz="1200" dirty="0" smtClean="0">
                          <a:solidFill>
                            <a:schemeClr val="tx1"/>
                          </a:solidFill>
                          <a:latin typeface="ＭＳ Ｐ明朝" pitchFamily="18" charset="-128"/>
                          <a:ea typeface="ＭＳ Ｐ明朝" pitchFamily="18" charset="-128"/>
                        </a:rPr>
                        <a:t>・獣舎等園内施設と樹木、花壇の維持管理。</a:t>
                      </a:r>
                      <a:endParaRPr kumimoji="1" lang="ja-JP" altLang="en-US" sz="1200" dirty="0">
                        <a:solidFill>
                          <a:schemeClr val="tx1"/>
                        </a:solidFill>
                        <a:latin typeface="ＭＳ Ｐ明朝" pitchFamily="18" charset="-128"/>
                        <a:ea typeface="ＭＳ Ｐ明朝" pitchFamily="18" charset="-128"/>
                      </a:endParaRP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631659">
                <a:tc>
                  <a:txBody>
                    <a:bodyPr/>
                    <a:lstStyle/>
                    <a:p>
                      <a:pPr algn="ctr">
                        <a:lnSpc>
                          <a:spcPts val="1300"/>
                        </a:lnSpc>
                      </a:pPr>
                      <a:r>
                        <a:rPr kumimoji="1" lang="ja-JP" altLang="en-US" sz="1200" dirty="0" smtClean="0">
                          <a:solidFill>
                            <a:schemeClr val="tx1"/>
                          </a:solidFill>
                          <a:latin typeface="+mn-lt"/>
                          <a:ea typeface="+mn-ea"/>
                        </a:rPr>
                        <a:t>②美術館</a:t>
                      </a:r>
                      <a:endParaRPr kumimoji="1" lang="en-US" altLang="ja-JP" sz="120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経済戦略局）</a:t>
                      </a:r>
                      <a:endParaRPr kumimoji="1" lang="ja-JP" altLang="en-US" sz="105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公財）大阪市博物館協会が指定管理者で運営している。</a:t>
                      </a:r>
                      <a:endParaRPr kumimoji="1" lang="en-US" altLang="ja-JP" sz="1200" dirty="0" smtClean="0">
                        <a:solidFill>
                          <a:schemeClr val="tx1"/>
                        </a:solidFill>
                        <a:latin typeface="ＭＳ Ｐ明朝" pitchFamily="18" charset="-128"/>
                        <a:ea typeface="ＭＳ Ｐ明朝" pitchFamily="18" charset="-128"/>
                      </a:endParaRP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　　（地方独立行政法人による経営形態をめざしている）</a:t>
                      </a: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36097">
                <a:tc>
                  <a:txBody>
                    <a:bodyPr/>
                    <a:lstStyle/>
                    <a:p>
                      <a:pPr algn="ctr">
                        <a:lnSpc>
                          <a:spcPts val="1300"/>
                        </a:lnSpc>
                      </a:pPr>
                      <a:r>
                        <a:rPr kumimoji="1" lang="ja-JP" altLang="en-US" sz="1200" dirty="0" smtClean="0">
                          <a:solidFill>
                            <a:schemeClr val="tx1"/>
                          </a:solidFill>
                          <a:latin typeface="+mn-lt"/>
                          <a:ea typeface="+mn-ea"/>
                        </a:rPr>
                        <a:t>③公園</a:t>
                      </a:r>
                      <a:endParaRPr kumimoji="1" lang="en-US" altLang="ja-JP" sz="120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天王寺動物</a:t>
                      </a:r>
                      <a:endParaRPr kumimoji="1" lang="en-US" altLang="ja-JP" sz="1050" dirty="0" smtClean="0">
                        <a:solidFill>
                          <a:schemeClr val="tx1"/>
                        </a:solidFill>
                        <a:latin typeface="+mn-lt"/>
                        <a:ea typeface="+mn-ea"/>
                      </a:endParaRPr>
                    </a:p>
                    <a:p>
                      <a:pPr algn="ctr">
                        <a:lnSpc>
                          <a:spcPts val="1300"/>
                        </a:lnSpc>
                      </a:pPr>
                      <a:r>
                        <a:rPr kumimoji="1" lang="ja-JP" altLang="en-US" sz="1050" dirty="0" smtClean="0">
                          <a:solidFill>
                            <a:schemeClr val="tx1"/>
                          </a:solidFill>
                          <a:latin typeface="+mn-lt"/>
                          <a:ea typeface="+mn-ea"/>
                        </a:rPr>
                        <a:t>公園事務所）</a:t>
                      </a:r>
                      <a:endParaRPr kumimoji="1" lang="ja-JP" altLang="en-US" sz="1050" dirty="0">
                        <a:solidFill>
                          <a:schemeClr val="tx1"/>
                        </a:solidFill>
                        <a:latin typeface="+mn-lt"/>
                        <a:ea typeface="+mn-ea"/>
                      </a:endParaRPr>
                    </a:p>
                  </a:txBody>
                  <a:tcPr marL="36000"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lnSpc>
                          <a:spcPts val="1300"/>
                        </a:lnSpc>
                      </a:pPr>
                      <a:r>
                        <a:rPr kumimoji="1" lang="en-US" altLang="ja-JP" sz="1200" dirty="0" smtClean="0">
                          <a:solidFill>
                            <a:schemeClr val="tx1"/>
                          </a:solidFill>
                          <a:latin typeface="+mn-lt"/>
                          <a:ea typeface="+mn-ea"/>
                        </a:rPr>
                        <a:t>【</a:t>
                      </a:r>
                      <a:r>
                        <a:rPr kumimoji="1" lang="ja-JP" altLang="en-US" sz="1200" dirty="0" smtClean="0">
                          <a:solidFill>
                            <a:schemeClr val="tx1"/>
                          </a:solidFill>
                          <a:latin typeface="+mn-lt"/>
                          <a:ea typeface="+mn-ea"/>
                        </a:rPr>
                        <a:t>③－１</a:t>
                      </a:r>
                      <a:r>
                        <a:rPr kumimoji="1" lang="ja-JP" altLang="en-US" sz="1200" baseline="0" dirty="0" smtClean="0">
                          <a:solidFill>
                            <a:schemeClr val="tx1"/>
                          </a:solidFill>
                          <a:latin typeface="+mn-lt"/>
                          <a:ea typeface="+mn-ea"/>
                        </a:rPr>
                        <a:t> </a:t>
                      </a:r>
                      <a:r>
                        <a:rPr kumimoji="1" lang="ja-JP" altLang="en-US" sz="1200" dirty="0" smtClean="0">
                          <a:solidFill>
                            <a:schemeClr val="tx1"/>
                          </a:solidFill>
                          <a:latin typeface="+mn-lt"/>
                          <a:ea typeface="+mn-ea"/>
                        </a:rPr>
                        <a:t>慶沢園、③－２ 茶臼山・河底池</a:t>
                      </a:r>
                      <a:r>
                        <a:rPr kumimoji="1" lang="en-US" altLang="ja-JP" sz="1200" dirty="0" smtClean="0">
                          <a:solidFill>
                            <a:schemeClr val="tx1"/>
                          </a:solidFill>
                          <a:latin typeface="+mn-lt"/>
                          <a:ea typeface="+mn-ea"/>
                        </a:rPr>
                        <a:t>】</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清掃、休憩所等の建物点検や樹木の剪定、刈り込みなど維持管理を行っている。</a:t>
                      </a:r>
                      <a:endParaRPr kumimoji="1" lang="en-US" altLang="ja-JP" sz="1200" dirty="0" smtClean="0">
                        <a:solidFill>
                          <a:schemeClr val="tx1"/>
                        </a:solidFill>
                        <a:latin typeface="ＭＳ Ｐ明朝" pitchFamily="18" charset="-128"/>
                        <a:ea typeface="ＭＳ Ｐ明朝" pitchFamily="18" charset="-128"/>
                      </a:endParaRPr>
                    </a:p>
                    <a:p>
                      <a:pPr marL="82800" indent="-82800" algn="l">
                        <a:lnSpc>
                          <a:spcPts val="1300"/>
                        </a:lnSpc>
                        <a:spcBef>
                          <a:spcPts val="300"/>
                        </a:spcBef>
                      </a:pPr>
                      <a:r>
                        <a:rPr kumimoji="1" lang="ja-JP" altLang="en-US" sz="1200" dirty="0" smtClean="0">
                          <a:solidFill>
                            <a:schemeClr val="tx1"/>
                          </a:solidFill>
                          <a:latin typeface="ＭＳ Ｐ明朝" pitchFamily="18" charset="-128"/>
                          <a:ea typeface="ＭＳ Ｐ明朝" pitchFamily="18" charset="-128"/>
                        </a:rPr>
                        <a:t>・慶沢園は、</a:t>
                      </a:r>
                      <a:r>
                        <a:rPr kumimoji="1" lang="en-US" altLang="ja-JP" sz="1200" dirty="0" smtClean="0">
                          <a:solidFill>
                            <a:schemeClr val="tx1"/>
                          </a:solidFill>
                          <a:latin typeface="ＭＳ Ｐ明朝" pitchFamily="18" charset="-128"/>
                          <a:ea typeface="ＭＳ Ｐ明朝" pitchFamily="18" charset="-128"/>
                        </a:rPr>
                        <a:t>2014</a:t>
                      </a:r>
                      <a:r>
                        <a:rPr kumimoji="1" lang="ja-JP" altLang="en-US" sz="1200" dirty="0" smtClean="0">
                          <a:solidFill>
                            <a:schemeClr val="tx1"/>
                          </a:solidFill>
                          <a:latin typeface="ＭＳ Ｐ明朝" pitchFamily="18" charset="-128"/>
                          <a:ea typeface="ＭＳ Ｐ明朝" pitchFamily="18" charset="-128"/>
                        </a:rPr>
                        <a:t>年８月からの改修工事後、</a:t>
                      </a:r>
                      <a:r>
                        <a:rPr kumimoji="1" lang="en-US" altLang="ja-JP" sz="1200" dirty="0" smtClean="0">
                          <a:solidFill>
                            <a:schemeClr val="tx1"/>
                          </a:solidFill>
                          <a:latin typeface="ＭＳ Ｐ明朝" pitchFamily="18" charset="-128"/>
                          <a:ea typeface="ＭＳ Ｐ明朝" pitchFamily="18" charset="-128"/>
                        </a:rPr>
                        <a:t>2015</a:t>
                      </a:r>
                      <a:r>
                        <a:rPr kumimoji="1" lang="ja-JP" altLang="en-US" sz="1200" dirty="0" smtClean="0">
                          <a:solidFill>
                            <a:schemeClr val="tx1"/>
                          </a:solidFill>
                          <a:latin typeface="ＭＳ Ｐ明朝" pitchFamily="18" charset="-128"/>
                          <a:ea typeface="ＭＳ Ｐ明朝" pitchFamily="18" charset="-128"/>
                        </a:rPr>
                        <a:t>年度から有料庭園としてリニューアルオープン予定。</a:t>
                      </a:r>
                      <a:endParaRPr kumimoji="1" lang="en-US" altLang="ja-JP" sz="1200" dirty="0" smtClean="0">
                        <a:solidFill>
                          <a:schemeClr val="tx1"/>
                        </a:solidFill>
                        <a:latin typeface="ＭＳ Ｐ明朝" pitchFamily="18" charset="-128"/>
                        <a:ea typeface="ＭＳ Ｐ明朝" pitchFamily="18" charset="-128"/>
                      </a:endParaRPr>
                    </a:p>
                    <a:p>
                      <a:pPr algn="l">
                        <a:lnSpc>
                          <a:spcPts val="1300"/>
                        </a:lnSpc>
                        <a:spcBef>
                          <a:spcPts val="600"/>
                        </a:spcBef>
                      </a:pPr>
                      <a:r>
                        <a:rPr kumimoji="1" lang="en-US" altLang="ja-JP" sz="1200" dirty="0" smtClean="0">
                          <a:solidFill>
                            <a:schemeClr val="tx1"/>
                          </a:solidFill>
                          <a:latin typeface="+mn-lt"/>
                          <a:ea typeface="+mn-ea"/>
                        </a:rPr>
                        <a:t>【</a:t>
                      </a:r>
                      <a:r>
                        <a:rPr kumimoji="1" lang="ja-JP" altLang="en-US" sz="1200" dirty="0" smtClean="0">
                          <a:solidFill>
                            <a:schemeClr val="tx1"/>
                          </a:solidFill>
                          <a:latin typeface="+mn-lt"/>
                          <a:ea typeface="+mn-ea"/>
                        </a:rPr>
                        <a:t>③－３ エントランスエリア、③－４ 茶臼山北東部エリア</a:t>
                      </a:r>
                      <a:r>
                        <a:rPr kumimoji="1" lang="en-US" altLang="ja-JP" sz="1200" dirty="0" smtClean="0">
                          <a:solidFill>
                            <a:schemeClr val="tx1"/>
                          </a:solidFill>
                          <a:latin typeface="+mn-lt"/>
                          <a:ea typeface="+mn-ea"/>
                        </a:rPr>
                        <a:t>】</a:t>
                      </a:r>
                    </a:p>
                    <a:p>
                      <a:pPr marL="82800" indent="-82800" algn="l">
                        <a:lnSpc>
                          <a:spcPts val="1300"/>
                        </a:lnSpc>
                      </a:pPr>
                      <a:r>
                        <a:rPr kumimoji="1" lang="ja-JP" altLang="en-US" sz="1200" dirty="0" smtClean="0">
                          <a:solidFill>
                            <a:schemeClr val="tx1"/>
                          </a:solidFill>
                          <a:latin typeface="ＭＳ Ｐ明朝" pitchFamily="18" charset="-128"/>
                          <a:ea typeface="ＭＳ Ｐ明朝" pitchFamily="18" charset="-128"/>
                        </a:rPr>
                        <a:t>・民間事業者による管理運営を実施予定（</a:t>
                      </a:r>
                      <a:r>
                        <a:rPr kumimoji="1" lang="en-US" altLang="ja-JP" sz="1200" dirty="0" smtClean="0">
                          <a:solidFill>
                            <a:schemeClr val="tx1"/>
                          </a:solidFill>
                          <a:latin typeface="ＭＳ Ｐ明朝" pitchFamily="18" charset="-128"/>
                          <a:ea typeface="ＭＳ Ｐ明朝" pitchFamily="18" charset="-128"/>
                        </a:rPr>
                        <a:t>2015</a:t>
                      </a:r>
                      <a:r>
                        <a:rPr kumimoji="1" lang="ja-JP" altLang="en-US" sz="1200" dirty="0" smtClean="0">
                          <a:solidFill>
                            <a:schemeClr val="tx1"/>
                          </a:solidFill>
                          <a:latin typeface="ＭＳ Ｐ明朝" pitchFamily="18" charset="-128"/>
                          <a:ea typeface="ＭＳ Ｐ明朝" pitchFamily="18" charset="-128"/>
                        </a:rPr>
                        <a:t>年</a:t>
                      </a:r>
                      <a:r>
                        <a:rPr kumimoji="1" lang="en-US" altLang="ja-JP" sz="1200" dirty="0" smtClean="0">
                          <a:solidFill>
                            <a:schemeClr val="tx1"/>
                          </a:solidFill>
                          <a:latin typeface="ＭＳ Ｐ明朝" pitchFamily="18" charset="-128"/>
                          <a:ea typeface="ＭＳ Ｐ明朝" pitchFamily="18" charset="-128"/>
                        </a:rPr>
                        <a:t>10</a:t>
                      </a:r>
                      <a:r>
                        <a:rPr kumimoji="1" lang="ja-JP" altLang="en-US" sz="1200" dirty="0" smtClean="0">
                          <a:solidFill>
                            <a:schemeClr val="tx1"/>
                          </a:solidFill>
                          <a:latin typeface="ＭＳ Ｐ明朝" pitchFamily="18" charset="-128"/>
                          <a:ea typeface="ＭＳ Ｐ明朝" pitchFamily="18" charset="-128"/>
                        </a:rPr>
                        <a:t>月～）。</a:t>
                      </a:r>
                      <a:endParaRPr kumimoji="1" lang="ja-JP" altLang="en-US" sz="1200" dirty="0">
                        <a:solidFill>
                          <a:schemeClr val="tx1"/>
                        </a:solidFill>
                        <a:latin typeface="ＭＳ Ｐ明朝" pitchFamily="18" charset="-128"/>
                        <a:ea typeface="ＭＳ Ｐ明朝" pitchFamily="18" charset="-128"/>
                      </a:endParaRPr>
                    </a:p>
                  </a:txBody>
                  <a:tcPr marL="72001" marR="7200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grpSp>
        <p:nvGrpSpPr>
          <p:cNvPr id="5" name="グループ化 92"/>
          <p:cNvGrpSpPr/>
          <p:nvPr/>
        </p:nvGrpSpPr>
        <p:grpSpPr>
          <a:xfrm>
            <a:off x="85526" y="2950822"/>
            <a:ext cx="4820844" cy="3678134"/>
            <a:chOff x="85526" y="2950822"/>
            <a:chExt cx="4820844" cy="3678134"/>
          </a:xfrm>
        </p:grpSpPr>
        <p:grpSp>
          <p:nvGrpSpPr>
            <p:cNvPr id="7" name="グループ化 141"/>
            <p:cNvGrpSpPr/>
            <p:nvPr/>
          </p:nvGrpSpPr>
          <p:grpSpPr>
            <a:xfrm>
              <a:off x="85526" y="2957974"/>
              <a:ext cx="4737044" cy="3670982"/>
              <a:chOff x="85520" y="2847602"/>
              <a:chExt cx="4737044" cy="3670982"/>
            </a:xfrm>
          </p:grpSpPr>
          <p:grpSp>
            <p:nvGrpSpPr>
              <p:cNvPr id="8" name="グループ化 58"/>
              <p:cNvGrpSpPr/>
              <p:nvPr/>
            </p:nvGrpSpPr>
            <p:grpSpPr>
              <a:xfrm>
                <a:off x="85520" y="2847602"/>
                <a:ext cx="4737044" cy="3670982"/>
                <a:chOff x="1199980" y="836712"/>
                <a:chExt cx="6767206" cy="5244259"/>
              </a:xfrm>
            </p:grpSpPr>
            <p:grpSp>
              <p:nvGrpSpPr>
                <p:cNvPr id="11" name="グループ化 136"/>
                <p:cNvGrpSpPr/>
                <p:nvPr/>
              </p:nvGrpSpPr>
              <p:grpSpPr>
                <a:xfrm>
                  <a:off x="1331640" y="836712"/>
                  <a:ext cx="6502323" cy="5244259"/>
                  <a:chOff x="1331640" y="836712"/>
                  <a:chExt cx="6502323" cy="5244259"/>
                </a:xfrm>
              </p:grpSpPr>
              <p:grpSp>
                <p:nvGrpSpPr>
                  <p:cNvPr id="13" name="グループ化 126"/>
                  <p:cNvGrpSpPr/>
                  <p:nvPr/>
                </p:nvGrpSpPr>
                <p:grpSpPr>
                  <a:xfrm>
                    <a:off x="1331640" y="836712"/>
                    <a:ext cx="6502323" cy="5244259"/>
                    <a:chOff x="1115616" y="1412776"/>
                    <a:chExt cx="6502323" cy="5244259"/>
                  </a:xfrm>
                </p:grpSpPr>
                <p:grpSp>
                  <p:nvGrpSpPr>
                    <p:cNvPr id="14" name="グループ化 67"/>
                    <p:cNvGrpSpPr>
                      <a:grpSpLocks noChangeAspect="1"/>
                    </p:cNvGrpSpPr>
                    <p:nvPr/>
                  </p:nvGrpSpPr>
                  <p:grpSpPr>
                    <a:xfrm>
                      <a:off x="1115616" y="1412776"/>
                      <a:ext cx="6502323" cy="5244259"/>
                      <a:chOff x="1763688" y="-1219716"/>
                      <a:chExt cx="9289032" cy="7491799"/>
                    </a:xfrm>
                  </p:grpSpPr>
                  <p:pic>
                    <p:nvPicPr>
                      <p:cNvPr id="103" name="ClipboardMapImage" descr="http://gis.ii.city.osaka.jp/gis/DownloadFile.ashx?imgfile=gemimg_1dca9aac-b8a6-4e41-aaa0-4193c1e011bb.png&amp;downloadType=imgfile&amp;isCB=1"/>
                      <p:cNvPicPr/>
                      <p:nvPr/>
                    </p:nvPicPr>
                    <p:blipFill>
                      <a:blip r:embed="rId4" cstate="email"/>
                      <a:srcRect/>
                      <a:stretch>
                        <a:fillRect/>
                      </a:stretch>
                    </p:blipFill>
                    <p:spPr bwMode="auto">
                      <a:xfrm>
                        <a:off x="1763688" y="-1219716"/>
                        <a:ext cx="4967094" cy="1702201"/>
                      </a:xfrm>
                      <a:prstGeom prst="rect">
                        <a:avLst/>
                      </a:prstGeom>
                      <a:noFill/>
                      <a:ln w="9525">
                        <a:noFill/>
                        <a:miter lim="800000"/>
                        <a:headEnd/>
                        <a:tailEnd/>
                      </a:ln>
                    </p:spPr>
                  </p:pic>
                  <p:grpSp>
                    <p:nvGrpSpPr>
                      <p:cNvPr id="15" name="グループ化 34"/>
                      <p:cNvGrpSpPr/>
                      <p:nvPr/>
                    </p:nvGrpSpPr>
                    <p:grpSpPr>
                      <a:xfrm>
                        <a:off x="1763688" y="-1219716"/>
                        <a:ext cx="9289032" cy="7491799"/>
                        <a:chOff x="795685" y="-1339430"/>
                        <a:chExt cx="9289032" cy="7491799"/>
                      </a:xfrm>
                    </p:grpSpPr>
                    <p:pic>
                      <p:nvPicPr>
                        <p:cNvPr id="105" name="ClipboardMapImage" descr="http://gis.ii.city.osaka.jp/gis/DownloadFile.ashx?imgfile=gemimg_011ef336-77b3-4fcc-bf64-379b4fc57bfb.png&amp;downloadType=imgfile&amp;isCB=1"/>
                        <p:cNvPicPr/>
                        <p:nvPr/>
                      </p:nvPicPr>
                      <p:blipFill>
                        <a:blip r:embed="rId5" cstate="email"/>
                        <a:srcRect/>
                        <a:stretch>
                          <a:fillRect/>
                        </a:stretch>
                      </p:blipFill>
                      <p:spPr bwMode="auto">
                        <a:xfrm>
                          <a:off x="5652120" y="-171400"/>
                          <a:ext cx="4432597" cy="1990233"/>
                        </a:xfrm>
                        <a:prstGeom prst="rect">
                          <a:avLst/>
                        </a:prstGeom>
                        <a:noFill/>
                        <a:ln w="9525">
                          <a:noFill/>
                          <a:miter lim="800000"/>
                          <a:headEnd/>
                          <a:tailEnd/>
                        </a:ln>
                      </p:spPr>
                    </p:pic>
                    <p:grpSp>
                      <p:nvGrpSpPr>
                        <p:cNvPr id="16" name="グループ化 31"/>
                        <p:cNvGrpSpPr/>
                        <p:nvPr/>
                      </p:nvGrpSpPr>
                      <p:grpSpPr>
                        <a:xfrm>
                          <a:off x="795685" y="-1339430"/>
                          <a:ext cx="9289032" cy="7491799"/>
                          <a:chOff x="795685" y="-1339430"/>
                          <a:chExt cx="9289032" cy="7491799"/>
                        </a:xfrm>
                      </p:grpSpPr>
                      <p:pic>
                        <p:nvPicPr>
                          <p:cNvPr id="107" name="ClipboardMapImage" descr="http://gis.ii.city.osaka.jp/gis/DownloadFile.ashx?imgfile=gemimg_6db9183b-6a25-4433-ad12-38f32308a714.png&amp;downloadType=imgfile&amp;isCB=1"/>
                          <p:cNvPicPr/>
                          <p:nvPr/>
                        </p:nvPicPr>
                        <p:blipFill>
                          <a:blip r:embed="rId6" cstate="email"/>
                          <a:srcRect/>
                          <a:stretch>
                            <a:fillRect/>
                          </a:stretch>
                        </p:blipFill>
                        <p:spPr bwMode="auto">
                          <a:xfrm>
                            <a:off x="5604414" y="-1339430"/>
                            <a:ext cx="4480303" cy="1742405"/>
                          </a:xfrm>
                          <a:prstGeom prst="rect">
                            <a:avLst/>
                          </a:prstGeom>
                          <a:noFill/>
                          <a:ln w="9525">
                            <a:noFill/>
                            <a:miter lim="800000"/>
                            <a:headEnd/>
                            <a:tailEnd/>
                          </a:ln>
                        </p:spPr>
                      </p:pic>
                      <p:grpSp>
                        <p:nvGrpSpPr>
                          <p:cNvPr id="17" name="グループ化 29"/>
                          <p:cNvGrpSpPr/>
                          <p:nvPr/>
                        </p:nvGrpSpPr>
                        <p:grpSpPr>
                          <a:xfrm>
                            <a:off x="795685" y="-1107504"/>
                            <a:ext cx="9289032" cy="7259873"/>
                            <a:chOff x="795685" y="-1107504"/>
                            <a:chExt cx="9289032" cy="7259873"/>
                          </a:xfrm>
                        </p:grpSpPr>
                        <p:pic>
                          <p:nvPicPr>
                            <p:cNvPr id="110" name="ClipboardMapImage" descr="http://gis.ii.city.osaka.jp/gis/DownloadFile.ashx?imgfile=gemimg_4aee8df4-f8d9-41a3-ba8d-4155eacd308f.png&amp;downloadType=imgfile&amp;isCB=1"/>
                            <p:cNvPicPr/>
                            <p:nvPr/>
                          </p:nvPicPr>
                          <p:blipFill>
                            <a:blip r:embed="rId7" cstate="email"/>
                            <a:srcRect/>
                            <a:stretch>
                              <a:fillRect/>
                            </a:stretch>
                          </p:blipFill>
                          <p:spPr bwMode="auto">
                            <a:xfrm>
                              <a:off x="5716626" y="1117690"/>
                              <a:ext cx="4368091" cy="1990233"/>
                            </a:xfrm>
                            <a:prstGeom prst="rect">
                              <a:avLst/>
                            </a:prstGeom>
                            <a:noFill/>
                            <a:ln w="9525">
                              <a:noFill/>
                              <a:miter lim="800000"/>
                              <a:headEnd/>
                              <a:tailEnd/>
                            </a:ln>
                          </p:spPr>
                        </p:pic>
                        <p:grpSp>
                          <p:nvGrpSpPr>
                            <p:cNvPr id="18" name="グループ化 27"/>
                            <p:cNvGrpSpPr/>
                            <p:nvPr/>
                          </p:nvGrpSpPr>
                          <p:grpSpPr>
                            <a:xfrm>
                              <a:off x="795685" y="-1107504"/>
                              <a:ext cx="9289032" cy="7259873"/>
                              <a:chOff x="795685" y="-1107504"/>
                              <a:chExt cx="9289032" cy="7259873"/>
                            </a:xfrm>
                          </p:grpSpPr>
                          <p:grpSp>
                            <p:nvGrpSpPr>
                              <p:cNvPr id="19" name="グループ化 25"/>
                              <p:cNvGrpSpPr/>
                              <p:nvPr/>
                            </p:nvGrpSpPr>
                            <p:grpSpPr>
                              <a:xfrm>
                                <a:off x="795685" y="-1107504"/>
                                <a:ext cx="9289032" cy="7259873"/>
                                <a:chOff x="795685" y="-1107504"/>
                                <a:chExt cx="9289032" cy="7259873"/>
                              </a:xfrm>
                            </p:grpSpPr>
                            <p:grpSp>
                              <p:nvGrpSpPr>
                                <p:cNvPr id="20" name="グループ化 23"/>
                                <p:cNvGrpSpPr/>
                                <p:nvPr/>
                              </p:nvGrpSpPr>
                              <p:grpSpPr>
                                <a:xfrm>
                                  <a:off x="795685" y="-1107504"/>
                                  <a:ext cx="9289032" cy="7259873"/>
                                  <a:chOff x="795685" y="-1107504"/>
                                  <a:chExt cx="9289032" cy="7259873"/>
                                </a:xfrm>
                              </p:grpSpPr>
                              <p:grpSp>
                                <p:nvGrpSpPr>
                                  <p:cNvPr id="21" name="グループ化 21"/>
                                  <p:cNvGrpSpPr/>
                                  <p:nvPr/>
                                </p:nvGrpSpPr>
                                <p:grpSpPr>
                                  <a:xfrm>
                                    <a:off x="795685" y="-1107504"/>
                                    <a:ext cx="7736755" cy="7259873"/>
                                    <a:chOff x="795685" y="-1107504"/>
                                    <a:chExt cx="7736755" cy="7259873"/>
                                  </a:xfrm>
                                </p:grpSpPr>
                                <p:pic>
                                  <p:nvPicPr>
                                    <p:cNvPr id="117" name="ClipboardMapImage" descr="http://gis.ii.city.osaka.jp/gis/DownloadFile.ashx?imgfile=gemimg_96aeb192-6b87-44fc-b57e-2069fb7d382d.png&amp;downloadType=imgfile&amp;isCB=1"/>
                                    <p:cNvPicPr/>
                                    <p:nvPr/>
                                  </p:nvPicPr>
                                  <p:blipFill>
                                    <a:blip r:embed="rId8" cstate="email"/>
                                    <a:srcRect/>
                                    <a:stretch>
                                      <a:fillRect/>
                                    </a:stretch>
                                  </p:blipFill>
                                  <p:spPr bwMode="auto">
                                    <a:xfrm>
                                      <a:off x="795685" y="4162136"/>
                                      <a:ext cx="4823976" cy="1990233"/>
                                    </a:xfrm>
                                    <a:prstGeom prst="rect">
                                      <a:avLst/>
                                    </a:prstGeom>
                                    <a:noFill/>
                                    <a:ln w="9525">
                                      <a:noFill/>
                                      <a:miter lim="800000"/>
                                      <a:headEnd/>
                                      <a:tailEnd/>
                                    </a:ln>
                                  </p:spPr>
                                </p:pic>
                                <p:grpSp>
                                  <p:nvGrpSpPr>
                                    <p:cNvPr id="22" name="グループ化 19"/>
                                    <p:cNvGrpSpPr/>
                                    <p:nvPr/>
                                  </p:nvGrpSpPr>
                                  <p:grpSpPr>
                                    <a:xfrm>
                                      <a:off x="795685" y="-1107504"/>
                                      <a:ext cx="7736755" cy="7256906"/>
                                      <a:chOff x="795685" y="-1107504"/>
                                      <a:chExt cx="7736755" cy="7256906"/>
                                    </a:xfrm>
                                  </p:grpSpPr>
                                  <p:pic>
                                    <p:nvPicPr>
                                      <p:cNvPr id="119" name="ClipboardMapImage" descr="http://gis.ii.city.osaka.jp/gis/DownloadFile.ashx?imgfile=gemimg_8f98790f-342e-4c12-8194-ca0dc705edae.png&amp;downloadType=imgfile&amp;isCB=1"/>
                                      <p:cNvPicPr/>
                                      <p:nvPr/>
                                    </p:nvPicPr>
                                    <p:blipFill>
                                      <a:blip r:embed="rId9" cstate="email"/>
                                      <a:srcRect/>
                                      <a:stretch>
                                        <a:fillRect/>
                                      </a:stretch>
                                    </p:blipFill>
                                    <p:spPr bwMode="auto">
                                      <a:xfrm>
                                        <a:off x="795685" y="1488532"/>
                                        <a:ext cx="4913257" cy="1990233"/>
                                      </a:xfrm>
                                      <a:prstGeom prst="rect">
                                        <a:avLst/>
                                      </a:prstGeom>
                                      <a:noFill/>
                                      <a:ln w="9525">
                                        <a:noFill/>
                                        <a:miter lim="800000"/>
                                        <a:headEnd/>
                                        <a:tailEnd/>
                                      </a:ln>
                                    </p:spPr>
                                  </p:pic>
                                  <p:grpSp>
                                    <p:nvGrpSpPr>
                                      <p:cNvPr id="23" name="グループ化 17"/>
                                      <p:cNvGrpSpPr/>
                                      <p:nvPr/>
                                    </p:nvGrpSpPr>
                                    <p:grpSpPr>
                                      <a:xfrm>
                                        <a:off x="795685" y="-1107504"/>
                                        <a:ext cx="7736755" cy="7256906"/>
                                        <a:chOff x="795685" y="-1107504"/>
                                        <a:chExt cx="7736755" cy="7256906"/>
                                      </a:xfrm>
                                    </p:grpSpPr>
                                    <p:pic>
                                      <p:nvPicPr>
                                        <p:cNvPr id="121" name="ClipboardMapImage" descr="http://gis.ii.city.osaka.jp/gis/DownloadFile.ashx?imgfile=gemimg_9acbb87a-9a03-4af4-9893-e17e622a9bd3.png&amp;downloadType=imgfile&amp;isCB=1"/>
                                        <p:cNvPicPr/>
                                        <p:nvPr/>
                                      </p:nvPicPr>
                                      <p:blipFill>
                                        <a:blip r:embed="rId10" cstate="email"/>
                                        <a:srcRect/>
                                        <a:stretch>
                                          <a:fillRect/>
                                        </a:stretch>
                                      </p:blipFill>
                                      <p:spPr bwMode="auto">
                                        <a:xfrm>
                                          <a:off x="795685" y="2826684"/>
                                          <a:ext cx="5054647" cy="1990233"/>
                                        </a:xfrm>
                                        <a:prstGeom prst="rect">
                                          <a:avLst/>
                                        </a:prstGeom>
                                        <a:noFill/>
                                        <a:ln w="9525">
                                          <a:noFill/>
                                          <a:miter lim="800000"/>
                                          <a:headEnd/>
                                          <a:tailEnd/>
                                        </a:ln>
                                      </p:spPr>
                                    </p:pic>
                                    <p:grpSp>
                                      <p:nvGrpSpPr>
                                        <p:cNvPr id="24" name="グループ化 15"/>
                                        <p:cNvGrpSpPr/>
                                        <p:nvPr/>
                                      </p:nvGrpSpPr>
                                      <p:grpSpPr>
                                        <a:xfrm>
                                          <a:off x="795685" y="-1107504"/>
                                          <a:ext cx="7736755" cy="7256906"/>
                                          <a:chOff x="795685" y="-1107504"/>
                                          <a:chExt cx="7736755" cy="7256906"/>
                                        </a:xfrm>
                                      </p:grpSpPr>
                                      <p:grpSp>
                                        <p:nvGrpSpPr>
                                          <p:cNvPr id="25" name="グループ化 13"/>
                                          <p:cNvGrpSpPr/>
                                          <p:nvPr/>
                                        </p:nvGrpSpPr>
                                        <p:grpSpPr>
                                          <a:xfrm>
                                            <a:off x="795685" y="-1107504"/>
                                            <a:ext cx="7736755" cy="6797517"/>
                                            <a:chOff x="723677" y="-387424"/>
                                            <a:chExt cx="7736755" cy="6797517"/>
                                          </a:xfrm>
                                        </p:grpSpPr>
                                        <p:grpSp>
                                          <p:nvGrpSpPr>
                                            <p:cNvPr id="26" name="グループ化 10"/>
                                            <p:cNvGrpSpPr/>
                                            <p:nvPr/>
                                          </p:nvGrpSpPr>
                                          <p:grpSpPr>
                                            <a:xfrm>
                                              <a:off x="723677" y="-387424"/>
                                              <a:ext cx="7736755" cy="5277845"/>
                                              <a:chOff x="435645" y="764704"/>
                                              <a:chExt cx="7736755" cy="5277845"/>
                                            </a:xfrm>
                                          </p:grpSpPr>
                                          <p:grpSp>
                                            <p:nvGrpSpPr>
                                              <p:cNvPr id="27" name="グループ化 8"/>
                                              <p:cNvGrpSpPr/>
                                              <p:nvPr/>
                                            </p:nvGrpSpPr>
                                            <p:grpSpPr>
                                              <a:xfrm>
                                                <a:off x="435645" y="764704"/>
                                                <a:ext cx="7736755" cy="3804687"/>
                                                <a:chOff x="435645" y="764704"/>
                                                <a:chExt cx="7736755" cy="3804685"/>
                                              </a:xfrm>
                                            </p:grpSpPr>
                                            <p:grpSp>
                                              <p:nvGrpSpPr>
                                                <p:cNvPr id="28" name="グループ化 6"/>
                                                <p:cNvGrpSpPr/>
                                                <p:nvPr/>
                                              </p:nvGrpSpPr>
                                              <p:grpSpPr>
                                                <a:xfrm>
                                                  <a:off x="435645" y="764704"/>
                                                  <a:ext cx="7736755" cy="3044475"/>
                                                  <a:chOff x="847441" y="1772816"/>
                                                  <a:chExt cx="7736755" cy="3044475"/>
                                                </a:xfrm>
                                              </p:grpSpPr>
                                              <p:pic>
                                                <p:nvPicPr>
                                                  <p:cNvPr id="131" name="ClipboardMapImage" descr="http://gis.ii.city.osaka.jp/gis/DownloadFile.ashx?imgfile=gemimg_965352e6-6340-4622-9fed-558981e5d70b.png&amp;downloadType=imgfile&amp;isCB=1"/>
                                                  <p:cNvPicPr/>
                                                  <p:nvPr/>
                                                </p:nvPicPr>
                                                <p:blipFill>
                                                  <a:blip r:embed="rId11" cstate="email"/>
                                                  <a:srcRect/>
                                                  <a:stretch>
                                                    <a:fillRect/>
                                                  </a:stretch>
                                                </p:blipFill>
                                                <p:spPr bwMode="auto">
                                                  <a:xfrm>
                                                    <a:off x="1835696" y="1772816"/>
                                                    <a:ext cx="5400040" cy="1558185"/>
                                                  </a:xfrm>
                                                  <a:prstGeom prst="rect">
                                                    <a:avLst/>
                                                  </a:prstGeom>
                                                  <a:noFill/>
                                                  <a:ln w="9525">
                                                    <a:noFill/>
                                                    <a:miter lim="800000"/>
                                                    <a:headEnd/>
                                                    <a:tailEnd/>
                                                  </a:ln>
                                                </p:spPr>
                                              </p:pic>
                                              <p:pic>
                                                <p:nvPicPr>
                                                  <p:cNvPr id="132" name="ClipboardMapImage" descr="http://gis.ii.city.osaka.jp/gis/DownloadFile.ashx?imgfile=gemimg_e2ac1940-f7fe-4665-98d4-e31130d36f5e.png&amp;downloadType=imgfile&amp;isCB=1"/>
                                                  <p:cNvPicPr/>
                                                  <p:nvPr/>
                                                </p:nvPicPr>
                                                <p:blipFill>
                                                  <a:blip r:embed="rId12" cstate="email"/>
                                                  <a:srcRect/>
                                                  <a:stretch>
                                                    <a:fillRect/>
                                                  </a:stretch>
                                                </p:blipFill>
                                                <p:spPr bwMode="auto">
                                                  <a:xfrm>
                                                    <a:off x="847441" y="2827058"/>
                                                    <a:ext cx="5287923" cy="1990233"/>
                                                  </a:xfrm>
                                                  <a:prstGeom prst="rect">
                                                    <a:avLst/>
                                                  </a:prstGeom>
                                                  <a:noFill/>
                                                  <a:ln w="9525">
                                                    <a:noFill/>
                                                    <a:miter lim="800000"/>
                                                    <a:headEnd/>
                                                    <a:tailEnd/>
                                                  </a:ln>
                                                </p:spPr>
                                              </p:pic>
                                              <p:pic>
                                                <p:nvPicPr>
                                                  <p:cNvPr id="133" name="ClipboardMapImage" descr="http://gis.ii.city.osaka.jp/gis/DownloadFile.ashx?imgfile=gemimg_13b689e4-d8e9-4d66-93aa-e038c4cf0e88.png&amp;downloadType=imgfile&amp;isCB=1"/>
                                                  <p:cNvPicPr/>
                                                  <p:nvPr/>
                                                </p:nvPicPr>
                                                <p:blipFill>
                                                  <a:blip r:embed="rId13" cstate="email"/>
                                                  <a:srcRect/>
                                                  <a:stretch>
                                                    <a:fillRect/>
                                                  </a:stretch>
                                                </p:blipFill>
                                                <p:spPr bwMode="auto">
                                                  <a:xfrm>
                                                    <a:off x="3635896" y="2276872"/>
                                                    <a:ext cx="4948300" cy="1990233"/>
                                                  </a:xfrm>
                                                  <a:prstGeom prst="rect">
                                                    <a:avLst/>
                                                  </a:prstGeom>
                                                  <a:noFill/>
                                                  <a:ln w="9525">
                                                    <a:noFill/>
                                                    <a:miter lim="800000"/>
                                                    <a:headEnd/>
                                                    <a:tailEnd/>
                                                  </a:ln>
                                                </p:spPr>
                                              </p:pic>
                                            </p:grpSp>
                                            <p:pic>
                                              <p:nvPicPr>
                                                <p:cNvPr id="130" name="ClipboardMapImage" descr="http://gis.ii.city.osaka.jp/gis/DownloadFile.ashx?imgfile=gemimg_55538eea-8ba7-4dcd-8622-09b2743ed841.png&amp;downloadType=imgfile&amp;isCB=1"/>
                                                <p:cNvPicPr/>
                                                <p:nvPr/>
                                              </p:nvPicPr>
                                              <p:blipFill>
                                                <a:blip r:embed="rId14" cstate="email"/>
                                                <a:srcRect/>
                                                <a:stretch>
                                                  <a:fillRect/>
                                                </a:stretch>
                                              </p:blipFill>
                                              <p:spPr bwMode="auto">
                                                <a:xfrm>
                                                  <a:off x="3149092" y="2579156"/>
                                                  <a:ext cx="5023308" cy="1990233"/>
                                                </a:xfrm>
                                                <a:prstGeom prst="rect">
                                                  <a:avLst/>
                                                </a:prstGeom>
                                                <a:noFill/>
                                                <a:ln w="9525">
                                                  <a:noFill/>
                                                  <a:miter lim="800000"/>
                                                  <a:headEnd/>
                                                  <a:tailEnd/>
                                                </a:ln>
                                              </p:spPr>
                                            </p:pic>
                                          </p:grpSp>
                                          <p:pic>
                                            <p:nvPicPr>
                                              <p:cNvPr id="128" name="ClipboardMapImage" descr="http://gis.ii.city.osaka.jp/gis/DownloadFile.ashx?imgfile=gemimg_64b8d3ee-6a5c-4230-9d04-e71a30a830ab.png&amp;downloadType=imgfile&amp;isCB=1"/>
                                              <p:cNvPicPr/>
                                              <p:nvPr/>
                                            </p:nvPicPr>
                                            <p:blipFill>
                                              <a:blip r:embed="rId15" cstate="email"/>
                                              <a:srcRect/>
                                              <a:stretch>
                                                <a:fillRect/>
                                              </a:stretch>
                                            </p:blipFill>
                                            <p:spPr bwMode="auto">
                                              <a:xfrm>
                                                <a:off x="3042206" y="4052316"/>
                                                <a:ext cx="5130194" cy="1990233"/>
                                              </a:xfrm>
                                              <a:prstGeom prst="rect">
                                                <a:avLst/>
                                              </a:prstGeom>
                                              <a:noFill/>
                                              <a:ln w="9525">
                                                <a:noFill/>
                                                <a:miter lim="800000"/>
                                                <a:headEnd/>
                                                <a:tailEnd/>
                                              </a:ln>
                                            </p:spPr>
                                          </p:pic>
                                        </p:grpSp>
                                        <p:pic>
                                          <p:nvPicPr>
                                            <p:cNvPr id="126" name="ClipboardMapImage" descr="http://gis.ii.city.osaka.jp/gis/DownloadFile.ashx?imgfile=gemimg_de3ce784-4224-4d72-acac-58672047dcc5.png&amp;downloadType=imgfile&amp;isCB=1"/>
                                            <p:cNvPicPr/>
                                            <p:nvPr/>
                                          </p:nvPicPr>
                                          <p:blipFill>
                                            <a:blip r:embed="rId16" cstate="email"/>
                                            <a:srcRect/>
                                            <a:stretch>
                                              <a:fillRect/>
                                            </a:stretch>
                                          </p:blipFill>
                                          <p:spPr bwMode="auto">
                                            <a:xfrm>
                                              <a:off x="3347864" y="4419860"/>
                                              <a:ext cx="5112568" cy="1990233"/>
                                            </a:xfrm>
                                            <a:prstGeom prst="rect">
                                              <a:avLst/>
                                            </a:prstGeom>
                                            <a:noFill/>
                                            <a:ln w="9525">
                                              <a:noFill/>
                                              <a:miter lim="800000"/>
                                              <a:headEnd/>
                                              <a:tailEnd/>
                                            </a:ln>
                                          </p:spPr>
                                        </p:pic>
                                      </p:grpSp>
                                      <p:pic>
                                        <p:nvPicPr>
                                          <p:cNvPr id="124" name="ClipboardMapImage" descr="http://gis.ii.city.osaka.jp/gis/DownloadFile.ashx?imgfile=gemimg_73b9863c-4928-411e-9c59-8bb9bd84745b.png&amp;downloadType=imgfile&amp;isCB=1"/>
                                          <p:cNvPicPr/>
                                          <p:nvPr/>
                                        </p:nvPicPr>
                                        <p:blipFill>
                                          <a:blip r:embed="rId17" cstate="email"/>
                                          <a:srcRect/>
                                          <a:stretch>
                                            <a:fillRect/>
                                          </a:stretch>
                                        </p:blipFill>
                                        <p:spPr bwMode="auto">
                                          <a:xfrm>
                                            <a:off x="3445750" y="4491868"/>
                                            <a:ext cx="5086690" cy="1657534"/>
                                          </a:xfrm>
                                          <a:prstGeom prst="rect">
                                            <a:avLst/>
                                          </a:prstGeom>
                                          <a:noFill/>
                                          <a:ln w="9525">
                                            <a:noFill/>
                                            <a:miter lim="800000"/>
                                            <a:headEnd/>
                                            <a:tailEnd/>
                                          </a:ln>
                                        </p:spPr>
                                      </p:pic>
                                    </p:grpSp>
                                  </p:grpSp>
                                </p:grpSp>
                              </p:grpSp>
                              <p:pic>
                                <p:nvPicPr>
                                  <p:cNvPr id="116" name="ClipboardMapImage" descr="http://gis.ii.city.osaka.jp/gis/DownloadFile.ashx?imgfile=gemimg_fb05ac58-dd91-4b01-ade2-9ac500916cb3.png&amp;downloadType=imgfile&amp;isCB=1"/>
                                  <p:cNvPicPr/>
                                  <p:nvPr/>
                                </p:nvPicPr>
                                <p:blipFill>
                                  <a:blip r:embed="rId18" cstate="email"/>
                                  <a:srcRect/>
                                  <a:stretch>
                                    <a:fillRect/>
                                  </a:stretch>
                                </p:blipFill>
                                <p:spPr bwMode="auto">
                                  <a:xfrm>
                                    <a:off x="5729915" y="4918420"/>
                                    <a:ext cx="4354802" cy="1230982"/>
                                  </a:xfrm>
                                  <a:prstGeom prst="rect">
                                    <a:avLst/>
                                  </a:prstGeom>
                                  <a:noFill/>
                                  <a:ln w="9525">
                                    <a:noFill/>
                                    <a:miter lim="800000"/>
                                    <a:headEnd/>
                                    <a:tailEnd/>
                                  </a:ln>
                                </p:spPr>
                              </p:pic>
                            </p:grpSp>
                            <p:pic>
                              <p:nvPicPr>
                                <p:cNvPr id="114" name="ClipboardMapImage" descr="http://gis.ii.city.osaka.jp/gis/DownloadFile.ashx?imgfile=gemimg_2cc7b8f9-552c-4f6a-a73a-14859a392df4.png&amp;downloadType=imgfile&amp;isCB=1"/>
                                <p:cNvPicPr/>
                                <p:nvPr/>
                              </p:nvPicPr>
                              <p:blipFill>
                                <a:blip r:embed="rId19" cstate="email"/>
                                <a:srcRect/>
                                <a:stretch>
                                  <a:fillRect/>
                                </a:stretch>
                              </p:blipFill>
                              <p:spPr bwMode="auto">
                                <a:xfrm>
                                  <a:off x="5835891" y="3797440"/>
                                  <a:ext cx="4248826" cy="1990233"/>
                                </a:xfrm>
                                <a:prstGeom prst="rect">
                                  <a:avLst/>
                                </a:prstGeom>
                                <a:noFill/>
                                <a:ln w="9525">
                                  <a:noFill/>
                                  <a:miter lim="800000"/>
                                  <a:headEnd/>
                                  <a:tailEnd/>
                                </a:ln>
                              </p:spPr>
                            </p:pic>
                          </p:grpSp>
                          <p:pic>
                            <p:nvPicPr>
                              <p:cNvPr id="112" name="ClipboardMapImage" descr="http://gis.ii.city.osaka.jp/gis/DownloadFile.ashx?imgfile=gemimg_3cab98e9-4f14-4199-ad8a-b2d1c00c2715.png&amp;downloadType=imgfile&amp;isCB=1"/>
                              <p:cNvPicPr/>
                              <p:nvPr/>
                            </p:nvPicPr>
                            <p:blipFill>
                              <a:blip r:embed="rId20" cstate="email"/>
                              <a:srcRect/>
                              <a:stretch>
                                <a:fillRect/>
                              </a:stretch>
                            </p:blipFill>
                            <p:spPr bwMode="auto">
                              <a:xfrm>
                                <a:off x="5740479" y="2508798"/>
                                <a:ext cx="4344238" cy="1990233"/>
                              </a:xfrm>
                              <a:prstGeom prst="rect">
                                <a:avLst/>
                              </a:prstGeom>
                              <a:noFill/>
                              <a:ln w="9525">
                                <a:noFill/>
                                <a:miter lim="800000"/>
                                <a:headEnd/>
                                <a:tailEnd/>
                              </a:ln>
                            </p:spPr>
                          </p:pic>
                        </p:grpSp>
                      </p:grpSp>
                    </p:grpSp>
                  </p:grpSp>
                </p:grpSp>
                <p:sp>
                  <p:nvSpPr>
                    <p:cNvPr id="95" name="フリーフォーム 94"/>
                    <p:cNvSpPr/>
                    <p:nvPr/>
                  </p:nvSpPr>
                  <p:spPr>
                    <a:xfrm>
                      <a:off x="1441094" y="1543507"/>
                      <a:ext cx="1887322" cy="2969971"/>
                    </a:xfrm>
                    <a:custGeom>
                      <a:avLst/>
                      <a:gdLst>
                        <a:gd name="connsiteX0" fmla="*/ 731520 w 1887322"/>
                        <a:gd name="connsiteY0" fmla="*/ 0 h 2969971"/>
                        <a:gd name="connsiteX1" fmla="*/ 1887322 w 1887322"/>
                        <a:gd name="connsiteY1" fmla="*/ 285293 h 2969971"/>
                        <a:gd name="connsiteX2" fmla="*/ 1119226 w 1887322"/>
                        <a:gd name="connsiteY2" fmla="*/ 2969971 h 2969971"/>
                        <a:gd name="connsiteX3" fmla="*/ 43892 w 1887322"/>
                        <a:gd name="connsiteY3" fmla="*/ 2626157 h 2969971"/>
                        <a:gd name="connsiteX4" fmla="*/ 0 w 1887322"/>
                        <a:gd name="connsiteY4" fmla="*/ 2538375 h 2969971"/>
                        <a:gd name="connsiteX5" fmla="*/ 731520 w 1887322"/>
                        <a:gd name="connsiteY5" fmla="*/ 0 h 296997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887322" h="2969971">
                          <a:moveTo>
                            <a:pt x="731520" y="0"/>
                          </a:moveTo>
                          <a:lnTo>
                            <a:pt x="1887322" y="285293"/>
                          </a:lnTo>
                          <a:lnTo>
                            <a:pt x="1119226" y="2969971"/>
                          </a:lnTo>
                          <a:lnTo>
                            <a:pt x="43892" y="2626157"/>
                          </a:lnTo>
                          <a:lnTo>
                            <a:pt x="0" y="2538375"/>
                          </a:lnTo>
                          <a:lnTo>
                            <a:pt x="73152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96" name="フリーフォーム 95"/>
                    <p:cNvSpPr/>
                    <p:nvPr/>
                  </p:nvSpPr>
                  <p:spPr>
                    <a:xfrm>
                      <a:off x="5511521" y="5958673"/>
                      <a:ext cx="929472" cy="638070"/>
                    </a:xfrm>
                    <a:custGeom>
                      <a:avLst/>
                      <a:gdLst>
                        <a:gd name="connsiteX0" fmla="*/ 120580 w 929472"/>
                        <a:gd name="connsiteY0" fmla="*/ 0 h 638070"/>
                        <a:gd name="connsiteX1" fmla="*/ 929472 w 929472"/>
                        <a:gd name="connsiteY1" fmla="*/ 251208 h 638070"/>
                        <a:gd name="connsiteX2" fmla="*/ 803868 w 929472"/>
                        <a:gd name="connsiteY2" fmla="*/ 638070 h 638070"/>
                        <a:gd name="connsiteX3" fmla="*/ 0 w 929472"/>
                        <a:gd name="connsiteY3" fmla="*/ 432079 h 638070"/>
                        <a:gd name="connsiteX4" fmla="*/ 120580 w 929472"/>
                        <a:gd name="connsiteY4" fmla="*/ 0 h 63807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929472" h="638070">
                          <a:moveTo>
                            <a:pt x="120580" y="0"/>
                          </a:moveTo>
                          <a:lnTo>
                            <a:pt x="929472" y="251208"/>
                          </a:lnTo>
                          <a:lnTo>
                            <a:pt x="803868" y="638070"/>
                          </a:lnTo>
                          <a:lnTo>
                            <a:pt x="0" y="432079"/>
                          </a:lnTo>
                          <a:lnTo>
                            <a:pt x="120580"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4" name="テキスト ボックス 83"/>
                  <p:cNvSpPr txBox="1"/>
                  <p:nvPr/>
                </p:nvSpPr>
                <p:spPr>
                  <a:xfrm>
                    <a:off x="2207983" y="2142492"/>
                    <a:ext cx="864096" cy="329760"/>
                  </a:xfrm>
                  <a:prstGeom prst="rect">
                    <a:avLst/>
                  </a:prstGeom>
                  <a:noFill/>
                </p:spPr>
                <p:txBody>
                  <a:bodyPr wrap="square" rtlCol="0">
                    <a:spAutoFit/>
                  </a:bodyPr>
                  <a:lstStyle/>
                  <a:p>
                    <a:r>
                      <a:rPr kumimoji="1" lang="ja-JP" altLang="en-US" sz="900" dirty="0" smtClean="0">
                        <a:latin typeface="+mn-ea"/>
                      </a:rPr>
                      <a:t>新世界</a:t>
                    </a:r>
                    <a:endParaRPr kumimoji="1" lang="ja-JP" altLang="en-US" sz="900" dirty="0">
                      <a:latin typeface="+mn-ea"/>
                    </a:endParaRPr>
                  </a:p>
                </p:txBody>
              </p:sp>
              <p:pic>
                <p:nvPicPr>
                  <p:cNvPr id="85" name="Picture 2" descr="C:\Users\i9551050\AppData\Local\Microsoft\Windows\Temporary Internet Files\Content.IE5\Z8TAGPVC\MC900046108[1].wmf"/>
                  <p:cNvPicPr>
                    <a:picLocks noChangeAspect="1" noChangeArrowheads="1"/>
                  </p:cNvPicPr>
                  <p:nvPr/>
                </p:nvPicPr>
                <p:blipFill>
                  <a:blip r:embed="rId21" cstate="email"/>
                  <a:srcRect/>
                  <a:stretch>
                    <a:fillRect/>
                  </a:stretch>
                </p:blipFill>
                <p:spPr bwMode="auto">
                  <a:xfrm>
                    <a:off x="1403649" y="1125322"/>
                    <a:ext cx="602590" cy="907998"/>
                  </a:xfrm>
                  <a:prstGeom prst="rect">
                    <a:avLst/>
                  </a:prstGeom>
                  <a:noFill/>
                </p:spPr>
              </p:pic>
              <p:sp>
                <p:nvSpPr>
                  <p:cNvPr id="86" name="テキスト ボックス 85"/>
                  <p:cNvSpPr txBox="1"/>
                  <p:nvPr/>
                </p:nvSpPr>
                <p:spPr>
                  <a:xfrm>
                    <a:off x="5731825" y="5435575"/>
                    <a:ext cx="1368153" cy="527617"/>
                  </a:xfrm>
                  <a:prstGeom prst="rect">
                    <a:avLst/>
                  </a:prstGeom>
                  <a:noFill/>
                </p:spPr>
                <p:txBody>
                  <a:bodyPr wrap="square" rtlCol="0">
                    <a:spAutoFit/>
                  </a:bodyPr>
                  <a:lstStyle/>
                  <a:p>
                    <a:r>
                      <a:rPr kumimoji="1" lang="ja-JP" altLang="en-US" sz="900" dirty="0" smtClean="0">
                        <a:latin typeface="+mn-ea"/>
                      </a:rPr>
                      <a:t>あべの</a:t>
                    </a:r>
                    <a:endParaRPr kumimoji="1" lang="en-US" altLang="ja-JP" sz="900" dirty="0" smtClean="0">
                      <a:latin typeface="+mn-ea"/>
                    </a:endParaRPr>
                  </a:p>
                  <a:p>
                    <a:r>
                      <a:rPr kumimoji="1" lang="ja-JP" altLang="en-US" sz="900" dirty="0" smtClean="0">
                        <a:latin typeface="+mn-ea"/>
                      </a:rPr>
                      <a:t>ハルカス</a:t>
                    </a:r>
                    <a:endParaRPr kumimoji="1" lang="ja-JP" altLang="en-US" sz="900" dirty="0">
                      <a:latin typeface="+mn-ea"/>
                    </a:endParaRPr>
                  </a:p>
                </p:txBody>
              </p:sp>
            </p:grpSp>
            <p:sp>
              <p:nvSpPr>
                <p:cNvPr id="79" name="正方形/長方形 78"/>
                <p:cNvSpPr/>
                <p:nvPr/>
              </p:nvSpPr>
              <p:spPr>
                <a:xfrm rot="1020000">
                  <a:off x="4463451" y="3068296"/>
                  <a:ext cx="301804" cy="59142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1" name="テキスト ボックス 80"/>
                <p:cNvSpPr txBox="1"/>
                <p:nvPr/>
              </p:nvSpPr>
              <p:spPr>
                <a:xfrm>
                  <a:off x="1199980" y="4077073"/>
                  <a:ext cx="1440160" cy="483649"/>
                </a:xfrm>
                <a:prstGeom prst="rect">
                  <a:avLst/>
                </a:prstGeom>
                <a:noFill/>
              </p:spPr>
              <p:txBody>
                <a:bodyPr wrap="square" rtlCol="0">
                  <a:spAutoFit/>
                </a:bodyPr>
                <a:lstStyle/>
                <a:p>
                  <a:pPr algn="ctr"/>
                  <a:r>
                    <a:rPr kumimoji="1" lang="ja-JP" altLang="en-US" sz="800" dirty="0" smtClean="0">
                      <a:latin typeface="HGP創英角ｺﾞｼｯｸUB" pitchFamily="50" charset="-128"/>
                      <a:ea typeface="HGP創英角ｺﾞｼｯｸUB" pitchFamily="50" charset="-128"/>
                    </a:rPr>
                    <a:t>地下鉄御堂筋線</a:t>
                  </a:r>
                  <a:endParaRPr kumimoji="1" lang="en-US" altLang="ja-JP" sz="800" dirty="0" smtClean="0">
                    <a:latin typeface="HGP創英角ｺﾞｼｯｸUB" pitchFamily="50" charset="-128"/>
                    <a:ea typeface="HGP創英角ｺﾞｼｯｸUB" pitchFamily="50" charset="-128"/>
                  </a:endParaRPr>
                </a:p>
                <a:p>
                  <a:pPr algn="ctr"/>
                  <a:r>
                    <a:rPr kumimoji="1" lang="ja-JP" altLang="en-US" sz="800" dirty="0" smtClean="0">
                      <a:latin typeface="HGP創英角ｺﾞｼｯｸUB" pitchFamily="50" charset="-128"/>
                      <a:ea typeface="HGP創英角ｺﾞｼｯｸUB" pitchFamily="50" charset="-128"/>
                    </a:rPr>
                    <a:t>動物園前駅</a:t>
                  </a:r>
                  <a:endParaRPr kumimoji="1" lang="ja-JP" altLang="en-US" sz="800" dirty="0">
                    <a:latin typeface="HGP創英角ｺﾞｼｯｸUB" pitchFamily="50" charset="-128"/>
                    <a:ea typeface="HGP創英角ｺﾞｼｯｸUB" pitchFamily="50" charset="-128"/>
                  </a:endParaRPr>
                </a:p>
              </p:txBody>
            </p:sp>
            <p:sp>
              <p:nvSpPr>
                <p:cNvPr id="82" name="テキスト ボックス 81"/>
                <p:cNvSpPr txBox="1"/>
                <p:nvPr/>
              </p:nvSpPr>
              <p:spPr>
                <a:xfrm>
                  <a:off x="5208620" y="4756331"/>
                  <a:ext cx="2758566" cy="483648"/>
                </a:xfrm>
                <a:prstGeom prst="rect">
                  <a:avLst/>
                </a:prstGeom>
                <a:noFill/>
              </p:spPr>
              <p:txBody>
                <a:bodyPr wrap="square" rtlCol="0">
                  <a:spAutoFit/>
                </a:bodyPr>
                <a:lstStyle/>
                <a:p>
                  <a:r>
                    <a:rPr lang="ja-JP" altLang="en-US" sz="800" dirty="0" smtClean="0">
                      <a:latin typeface="HGP創英角ｺﾞｼｯｸUB" pitchFamily="50" charset="-128"/>
                      <a:ea typeface="HGP創英角ｺﾞｼｯｸUB" pitchFamily="50" charset="-128"/>
                    </a:rPr>
                    <a:t>天王寺駅ターミナル、アベノ地下街</a:t>
                  </a:r>
                </a:p>
                <a:p>
                  <a:r>
                    <a:rPr lang="ja-JP" altLang="en-US" sz="800" dirty="0" smtClean="0">
                      <a:latin typeface="HGP創英角ｺﾞｼｯｸUB" pitchFamily="50" charset="-128"/>
                      <a:ea typeface="HGP創英角ｺﾞｼｯｸUB" pitchFamily="50" charset="-128"/>
                    </a:rPr>
                    <a:t>（地下鉄・</a:t>
                  </a:r>
                  <a:r>
                    <a:rPr lang="en-US" altLang="ja-JP" sz="800" dirty="0" smtClean="0">
                      <a:latin typeface="HGP創英角ｺﾞｼｯｸUB" pitchFamily="50" charset="-128"/>
                      <a:ea typeface="HGP創英角ｺﾞｼｯｸUB" pitchFamily="50" charset="-128"/>
                    </a:rPr>
                    <a:t>JR</a:t>
                  </a:r>
                  <a:r>
                    <a:rPr lang="ja-JP" altLang="en-US" sz="800" dirty="0" smtClean="0">
                      <a:latin typeface="HGP創英角ｺﾞｼｯｸUB" pitchFamily="50" charset="-128"/>
                      <a:ea typeface="HGP創英角ｺﾞｼｯｸUB" pitchFamily="50" charset="-128"/>
                    </a:rPr>
                    <a:t>・近鉄）</a:t>
                  </a:r>
                </a:p>
              </p:txBody>
            </p:sp>
          </p:grpSp>
          <p:sp>
            <p:nvSpPr>
              <p:cNvPr id="136" name="フリーフォーム 135"/>
              <p:cNvSpPr/>
              <p:nvPr/>
            </p:nvSpPr>
            <p:spPr>
              <a:xfrm>
                <a:off x="2447585" y="4334005"/>
                <a:ext cx="513567" cy="751562"/>
              </a:xfrm>
              <a:custGeom>
                <a:avLst/>
                <a:gdLst>
                  <a:gd name="connsiteX0" fmla="*/ 453442 w 618786"/>
                  <a:gd name="connsiteY0" fmla="*/ 731520 h 751562"/>
                  <a:gd name="connsiteX1" fmla="*/ 513567 w 618786"/>
                  <a:gd name="connsiteY1" fmla="*/ 746552 h 751562"/>
                  <a:gd name="connsiteX2" fmla="*/ 618786 w 618786"/>
                  <a:gd name="connsiteY2" fmla="*/ 263047 h 751562"/>
                  <a:gd name="connsiteX3" fmla="*/ 460958 w 618786"/>
                  <a:gd name="connsiteY3" fmla="*/ 245511 h 751562"/>
                  <a:gd name="connsiteX4" fmla="*/ 453442 w 618786"/>
                  <a:gd name="connsiteY4" fmla="*/ 227974 h 751562"/>
                  <a:gd name="connsiteX5" fmla="*/ 335697 w 618786"/>
                  <a:gd name="connsiteY5" fmla="*/ 212943 h 751562"/>
                  <a:gd name="connsiteX6" fmla="*/ 395822 w 618786"/>
                  <a:gd name="connsiteY6" fmla="*/ 0 h 751562"/>
                  <a:gd name="connsiteX7" fmla="*/ 258036 w 618786"/>
                  <a:gd name="connsiteY7" fmla="*/ 10021 h 751562"/>
                  <a:gd name="connsiteX8" fmla="*/ 255531 w 618786"/>
                  <a:gd name="connsiteY8" fmla="*/ 80167 h 751562"/>
                  <a:gd name="connsiteX9" fmla="*/ 207932 w 618786"/>
                  <a:gd name="connsiteY9" fmla="*/ 117745 h 751562"/>
                  <a:gd name="connsiteX10" fmla="*/ 82672 w 618786"/>
                  <a:gd name="connsiteY10" fmla="*/ 538620 h 751562"/>
                  <a:gd name="connsiteX11" fmla="*/ 0 w 618786"/>
                  <a:gd name="connsiteY11" fmla="*/ 538620 h 751562"/>
                  <a:gd name="connsiteX12" fmla="*/ 2505 w 618786"/>
                  <a:gd name="connsiteY12" fmla="*/ 596239 h 751562"/>
                  <a:gd name="connsiteX13" fmla="*/ 60125 w 618786"/>
                  <a:gd name="connsiteY13" fmla="*/ 668890 h 751562"/>
                  <a:gd name="connsiteX14" fmla="*/ 365760 w 618786"/>
                  <a:gd name="connsiteY14" fmla="*/ 751562 h 751562"/>
                  <a:gd name="connsiteX15" fmla="*/ 453442 w 618786"/>
                  <a:gd name="connsiteY15" fmla="*/ 731520 h 751562"/>
                  <a:gd name="connsiteX0" fmla="*/ 618786 w 710226"/>
                  <a:gd name="connsiteY0" fmla="*/ 263047 h 751562"/>
                  <a:gd name="connsiteX1" fmla="*/ 460958 w 710226"/>
                  <a:gd name="connsiteY1" fmla="*/ 245511 h 751562"/>
                  <a:gd name="connsiteX2" fmla="*/ 453442 w 710226"/>
                  <a:gd name="connsiteY2" fmla="*/ 227974 h 751562"/>
                  <a:gd name="connsiteX3" fmla="*/ 335697 w 710226"/>
                  <a:gd name="connsiteY3" fmla="*/ 212943 h 751562"/>
                  <a:gd name="connsiteX4" fmla="*/ 395822 w 710226"/>
                  <a:gd name="connsiteY4" fmla="*/ 0 h 751562"/>
                  <a:gd name="connsiteX5" fmla="*/ 258036 w 710226"/>
                  <a:gd name="connsiteY5" fmla="*/ 10021 h 751562"/>
                  <a:gd name="connsiteX6" fmla="*/ 255531 w 710226"/>
                  <a:gd name="connsiteY6" fmla="*/ 80167 h 751562"/>
                  <a:gd name="connsiteX7" fmla="*/ 207932 w 710226"/>
                  <a:gd name="connsiteY7" fmla="*/ 117745 h 751562"/>
                  <a:gd name="connsiteX8" fmla="*/ 82672 w 710226"/>
                  <a:gd name="connsiteY8" fmla="*/ 538620 h 751562"/>
                  <a:gd name="connsiteX9" fmla="*/ 0 w 710226"/>
                  <a:gd name="connsiteY9" fmla="*/ 538620 h 751562"/>
                  <a:gd name="connsiteX10" fmla="*/ 2505 w 710226"/>
                  <a:gd name="connsiteY10" fmla="*/ 596239 h 751562"/>
                  <a:gd name="connsiteX11" fmla="*/ 60125 w 710226"/>
                  <a:gd name="connsiteY11" fmla="*/ 668890 h 751562"/>
                  <a:gd name="connsiteX12" fmla="*/ 365760 w 710226"/>
                  <a:gd name="connsiteY12" fmla="*/ 751562 h 751562"/>
                  <a:gd name="connsiteX13" fmla="*/ 453442 w 710226"/>
                  <a:gd name="connsiteY13" fmla="*/ 731520 h 751562"/>
                  <a:gd name="connsiteX14" fmla="*/ 513567 w 710226"/>
                  <a:gd name="connsiteY14" fmla="*/ 746552 h 751562"/>
                  <a:gd name="connsiteX15" fmla="*/ 710226 w 710226"/>
                  <a:gd name="connsiteY15" fmla="*/ 354487 h 751562"/>
                  <a:gd name="connsiteX0" fmla="*/ 618786 w 710226"/>
                  <a:gd name="connsiteY0" fmla="*/ 263047 h 751562"/>
                  <a:gd name="connsiteX1" fmla="*/ 460958 w 710226"/>
                  <a:gd name="connsiteY1" fmla="*/ 245511 h 751562"/>
                  <a:gd name="connsiteX2" fmla="*/ 335697 w 710226"/>
                  <a:gd name="connsiteY2" fmla="*/ 212943 h 751562"/>
                  <a:gd name="connsiteX3" fmla="*/ 395822 w 710226"/>
                  <a:gd name="connsiteY3" fmla="*/ 0 h 751562"/>
                  <a:gd name="connsiteX4" fmla="*/ 258036 w 710226"/>
                  <a:gd name="connsiteY4" fmla="*/ 10021 h 751562"/>
                  <a:gd name="connsiteX5" fmla="*/ 255531 w 710226"/>
                  <a:gd name="connsiteY5" fmla="*/ 80167 h 751562"/>
                  <a:gd name="connsiteX6" fmla="*/ 207932 w 710226"/>
                  <a:gd name="connsiteY6" fmla="*/ 117745 h 751562"/>
                  <a:gd name="connsiteX7" fmla="*/ 82672 w 710226"/>
                  <a:gd name="connsiteY7" fmla="*/ 538620 h 751562"/>
                  <a:gd name="connsiteX8" fmla="*/ 0 w 710226"/>
                  <a:gd name="connsiteY8" fmla="*/ 538620 h 751562"/>
                  <a:gd name="connsiteX9" fmla="*/ 2505 w 710226"/>
                  <a:gd name="connsiteY9" fmla="*/ 596239 h 751562"/>
                  <a:gd name="connsiteX10" fmla="*/ 60125 w 710226"/>
                  <a:gd name="connsiteY10" fmla="*/ 668890 h 751562"/>
                  <a:gd name="connsiteX11" fmla="*/ 365760 w 710226"/>
                  <a:gd name="connsiteY11" fmla="*/ 751562 h 751562"/>
                  <a:gd name="connsiteX12" fmla="*/ 453442 w 710226"/>
                  <a:gd name="connsiteY12" fmla="*/ 731520 h 751562"/>
                  <a:gd name="connsiteX13" fmla="*/ 513567 w 710226"/>
                  <a:gd name="connsiteY13" fmla="*/ 746552 h 751562"/>
                  <a:gd name="connsiteX14" fmla="*/ 710226 w 710226"/>
                  <a:gd name="connsiteY14" fmla="*/ 354487 h 751562"/>
                  <a:gd name="connsiteX0" fmla="*/ 460958 w 710226"/>
                  <a:gd name="connsiteY0" fmla="*/ 245511 h 751562"/>
                  <a:gd name="connsiteX1" fmla="*/ 335697 w 710226"/>
                  <a:gd name="connsiteY1" fmla="*/ 212943 h 751562"/>
                  <a:gd name="connsiteX2" fmla="*/ 395822 w 710226"/>
                  <a:gd name="connsiteY2" fmla="*/ 0 h 751562"/>
                  <a:gd name="connsiteX3" fmla="*/ 258036 w 710226"/>
                  <a:gd name="connsiteY3" fmla="*/ 10021 h 751562"/>
                  <a:gd name="connsiteX4" fmla="*/ 255531 w 710226"/>
                  <a:gd name="connsiteY4" fmla="*/ 80167 h 751562"/>
                  <a:gd name="connsiteX5" fmla="*/ 207932 w 710226"/>
                  <a:gd name="connsiteY5" fmla="*/ 117745 h 751562"/>
                  <a:gd name="connsiteX6" fmla="*/ 82672 w 710226"/>
                  <a:gd name="connsiteY6" fmla="*/ 538620 h 751562"/>
                  <a:gd name="connsiteX7" fmla="*/ 0 w 710226"/>
                  <a:gd name="connsiteY7" fmla="*/ 538620 h 751562"/>
                  <a:gd name="connsiteX8" fmla="*/ 2505 w 710226"/>
                  <a:gd name="connsiteY8" fmla="*/ 596239 h 751562"/>
                  <a:gd name="connsiteX9" fmla="*/ 60125 w 710226"/>
                  <a:gd name="connsiteY9" fmla="*/ 668890 h 751562"/>
                  <a:gd name="connsiteX10" fmla="*/ 365760 w 710226"/>
                  <a:gd name="connsiteY10" fmla="*/ 751562 h 751562"/>
                  <a:gd name="connsiteX11" fmla="*/ 453442 w 710226"/>
                  <a:gd name="connsiteY11" fmla="*/ 731520 h 751562"/>
                  <a:gd name="connsiteX12" fmla="*/ 513567 w 710226"/>
                  <a:gd name="connsiteY12" fmla="*/ 746552 h 751562"/>
                  <a:gd name="connsiteX13" fmla="*/ 710226 w 710226"/>
                  <a:gd name="connsiteY13" fmla="*/ 354487 h 751562"/>
                  <a:gd name="connsiteX0" fmla="*/ 335697 w 710226"/>
                  <a:gd name="connsiteY0" fmla="*/ 212943 h 751562"/>
                  <a:gd name="connsiteX1" fmla="*/ 395822 w 710226"/>
                  <a:gd name="connsiteY1" fmla="*/ 0 h 751562"/>
                  <a:gd name="connsiteX2" fmla="*/ 258036 w 710226"/>
                  <a:gd name="connsiteY2" fmla="*/ 10021 h 751562"/>
                  <a:gd name="connsiteX3" fmla="*/ 255531 w 710226"/>
                  <a:gd name="connsiteY3" fmla="*/ 80167 h 751562"/>
                  <a:gd name="connsiteX4" fmla="*/ 207932 w 710226"/>
                  <a:gd name="connsiteY4" fmla="*/ 117745 h 751562"/>
                  <a:gd name="connsiteX5" fmla="*/ 82672 w 710226"/>
                  <a:gd name="connsiteY5" fmla="*/ 538620 h 751562"/>
                  <a:gd name="connsiteX6" fmla="*/ 0 w 710226"/>
                  <a:gd name="connsiteY6" fmla="*/ 538620 h 751562"/>
                  <a:gd name="connsiteX7" fmla="*/ 2505 w 710226"/>
                  <a:gd name="connsiteY7" fmla="*/ 596239 h 751562"/>
                  <a:gd name="connsiteX8" fmla="*/ 60125 w 710226"/>
                  <a:gd name="connsiteY8" fmla="*/ 668890 h 751562"/>
                  <a:gd name="connsiteX9" fmla="*/ 365760 w 710226"/>
                  <a:gd name="connsiteY9" fmla="*/ 751562 h 751562"/>
                  <a:gd name="connsiteX10" fmla="*/ 453442 w 710226"/>
                  <a:gd name="connsiteY10" fmla="*/ 731520 h 751562"/>
                  <a:gd name="connsiteX11" fmla="*/ 513567 w 710226"/>
                  <a:gd name="connsiteY11" fmla="*/ 746552 h 751562"/>
                  <a:gd name="connsiteX12" fmla="*/ 710226 w 710226"/>
                  <a:gd name="connsiteY12" fmla="*/ 354487 h 751562"/>
                  <a:gd name="connsiteX0" fmla="*/ 395822 w 710226"/>
                  <a:gd name="connsiteY0" fmla="*/ 0 h 751562"/>
                  <a:gd name="connsiteX1" fmla="*/ 258036 w 710226"/>
                  <a:gd name="connsiteY1" fmla="*/ 10021 h 751562"/>
                  <a:gd name="connsiteX2" fmla="*/ 255531 w 710226"/>
                  <a:gd name="connsiteY2" fmla="*/ 80167 h 751562"/>
                  <a:gd name="connsiteX3" fmla="*/ 207932 w 710226"/>
                  <a:gd name="connsiteY3" fmla="*/ 117745 h 751562"/>
                  <a:gd name="connsiteX4" fmla="*/ 82672 w 710226"/>
                  <a:gd name="connsiteY4" fmla="*/ 538620 h 751562"/>
                  <a:gd name="connsiteX5" fmla="*/ 0 w 710226"/>
                  <a:gd name="connsiteY5" fmla="*/ 538620 h 751562"/>
                  <a:gd name="connsiteX6" fmla="*/ 2505 w 710226"/>
                  <a:gd name="connsiteY6" fmla="*/ 596239 h 751562"/>
                  <a:gd name="connsiteX7" fmla="*/ 60125 w 710226"/>
                  <a:gd name="connsiteY7" fmla="*/ 668890 h 751562"/>
                  <a:gd name="connsiteX8" fmla="*/ 365760 w 710226"/>
                  <a:gd name="connsiteY8" fmla="*/ 751562 h 751562"/>
                  <a:gd name="connsiteX9" fmla="*/ 453442 w 710226"/>
                  <a:gd name="connsiteY9" fmla="*/ 731520 h 751562"/>
                  <a:gd name="connsiteX10" fmla="*/ 513567 w 710226"/>
                  <a:gd name="connsiteY10" fmla="*/ 746552 h 751562"/>
                  <a:gd name="connsiteX11" fmla="*/ 710226 w 710226"/>
                  <a:gd name="connsiteY11" fmla="*/ 354487 h 751562"/>
                  <a:gd name="connsiteX0" fmla="*/ 395822 w 513567"/>
                  <a:gd name="connsiteY0" fmla="*/ 0 h 751562"/>
                  <a:gd name="connsiteX1" fmla="*/ 258036 w 513567"/>
                  <a:gd name="connsiteY1" fmla="*/ 10021 h 751562"/>
                  <a:gd name="connsiteX2" fmla="*/ 255531 w 513567"/>
                  <a:gd name="connsiteY2" fmla="*/ 80167 h 751562"/>
                  <a:gd name="connsiteX3" fmla="*/ 207932 w 513567"/>
                  <a:gd name="connsiteY3" fmla="*/ 117745 h 751562"/>
                  <a:gd name="connsiteX4" fmla="*/ 82672 w 513567"/>
                  <a:gd name="connsiteY4" fmla="*/ 538620 h 751562"/>
                  <a:gd name="connsiteX5" fmla="*/ 0 w 513567"/>
                  <a:gd name="connsiteY5" fmla="*/ 538620 h 751562"/>
                  <a:gd name="connsiteX6" fmla="*/ 2505 w 513567"/>
                  <a:gd name="connsiteY6" fmla="*/ 596239 h 751562"/>
                  <a:gd name="connsiteX7" fmla="*/ 60125 w 513567"/>
                  <a:gd name="connsiteY7" fmla="*/ 668890 h 751562"/>
                  <a:gd name="connsiteX8" fmla="*/ 365760 w 513567"/>
                  <a:gd name="connsiteY8" fmla="*/ 751562 h 751562"/>
                  <a:gd name="connsiteX9" fmla="*/ 453442 w 513567"/>
                  <a:gd name="connsiteY9" fmla="*/ 731520 h 751562"/>
                  <a:gd name="connsiteX10" fmla="*/ 513567 w 513567"/>
                  <a:gd name="connsiteY10" fmla="*/ 746552 h 7515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513567" h="751562">
                    <a:moveTo>
                      <a:pt x="395822" y="0"/>
                    </a:moveTo>
                    <a:lnTo>
                      <a:pt x="258036" y="10021"/>
                    </a:lnTo>
                    <a:lnTo>
                      <a:pt x="255531" y="80167"/>
                    </a:lnTo>
                    <a:lnTo>
                      <a:pt x="207932" y="117745"/>
                    </a:lnTo>
                    <a:lnTo>
                      <a:pt x="82672" y="538620"/>
                    </a:lnTo>
                    <a:lnTo>
                      <a:pt x="0" y="538620"/>
                    </a:lnTo>
                    <a:lnTo>
                      <a:pt x="2505" y="596239"/>
                    </a:lnTo>
                    <a:lnTo>
                      <a:pt x="60125" y="668890"/>
                    </a:lnTo>
                    <a:lnTo>
                      <a:pt x="365760" y="751562"/>
                    </a:lnTo>
                    <a:lnTo>
                      <a:pt x="453442" y="731520"/>
                    </a:lnTo>
                    <a:lnTo>
                      <a:pt x="513567" y="746552"/>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7" name="フリーフォーム 136"/>
              <p:cNvSpPr/>
              <p:nvPr/>
            </p:nvSpPr>
            <p:spPr>
              <a:xfrm>
                <a:off x="2042808" y="3998068"/>
                <a:ext cx="282102" cy="928991"/>
              </a:xfrm>
              <a:custGeom>
                <a:avLst/>
                <a:gdLst>
                  <a:gd name="connsiteX0" fmla="*/ 1074906 w 1108953"/>
                  <a:gd name="connsiteY0" fmla="*/ 2154677 h 2154677"/>
                  <a:gd name="connsiteX1" fmla="*/ 1108953 w 1108953"/>
                  <a:gd name="connsiteY1" fmla="*/ 2067128 h 2154677"/>
                  <a:gd name="connsiteX2" fmla="*/ 1040859 w 1108953"/>
                  <a:gd name="connsiteY2" fmla="*/ 1950396 h 2154677"/>
                  <a:gd name="connsiteX3" fmla="*/ 1094361 w 1108953"/>
                  <a:gd name="connsiteY3" fmla="*/ 1765570 h 2154677"/>
                  <a:gd name="connsiteX4" fmla="*/ 826851 w 1108953"/>
                  <a:gd name="connsiteY4" fmla="*/ 1682885 h 2154677"/>
                  <a:gd name="connsiteX5" fmla="*/ 812259 w 1108953"/>
                  <a:gd name="connsiteY5" fmla="*/ 1648838 h 2154677"/>
                  <a:gd name="connsiteX6" fmla="*/ 1045723 w 1108953"/>
                  <a:gd name="connsiteY6" fmla="*/ 836579 h 2154677"/>
                  <a:gd name="connsiteX7" fmla="*/ 948447 w 1108953"/>
                  <a:gd name="connsiteY7" fmla="*/ 758758 h 2154677"/>
                  <a:gd name="connsiteX8" fmla="*/ 953310 w 1108953"/>
                  <a:gd name="connsiteY8" fmla="*/ 481519 h 2154677"/>
                  <a:gd name="connsiteX9" fmla="*/ 928991 w 1108953"/>
                  <a:gd name="connsiteY9" fmla="*/ 423153 h 2154677"/>
                  <a:gd name="connsiteX10" fmla="*/ 938719 w 1108953"/>
                  <a:gd name="connsiteY10" fmla="*/ 301558 h 2154677"/>
                  <a:gd name="connsiteX11" fmla="*/ 997085 w 1108953"/>
                  <a:gd name="connsiteY11" fmla="*/ 63230 h 2154677"/>
                  <a:gd name="connsiteX12" fmla="*/ 535021 w 1108953"/>
                  <a:gd name="connsiteY12" fmla="*/ 0 h 2154677"/>
                  <a:gd name="connsiteX13" fmla="*/ 0 w 1108953"/>
                  <a:gd name="connsiteY13" fmla="*/ 1853119 h 2154677"/>
                  <a:gd name="connsiteX14" fmla="*/ 1074906 w 1108953"/>
                  <a:gd name="connsiteY14" fmla="*/ 2154677 h 2154677"/>
                  <a:gd name="connsiteX0" fmla="*/ 1074906 w 1255021"/>
                  <a:gd name="connsiteY0" fmla="*/ 2154677 h 2201824"/>
                  <a:gd name="connsiteX1" fmla="*/ 1108953 w 1255021"/>
                  <a:gd name="connsiteY1" fmla="*/ 2067128 h 2201824"/>
                  <a:gd name="connsiteX2" fmla="*/ 1040859 w 1255021"/>
                  <a:gd name="connsiteY2" fmla="*/ 1950396 h 2201824"/>
                  <a:gd name="connsiteX3" fmla="*/ 1094361 w 1255021"/>
                  <a:gd name="connsiteY3" fmla="*/ 1765570 h 2201824"/>
                  <a:gd name="connsiteX4" fmla="*/ 826851 w 1255021"/>
                  <a:gd name="connsiteY4" fmla="*/ 1682885 h 2201824"/>
                  <a:gd name="connsiteX5" fmla="*/ 812259 w 1255021"/>
                  <a:gd name="connsiteY5" fmla="*/ 1648838 h 2201824"/>
                  <a:gd name="connsiteX6" fmla="*/ 1045723 w 1255021"/>
                  <a:gd name="connsiteY6" fmla="*/ 836579 h 2201824"/>
                  <a:gd name="connsiteX7" fmla="*/ 948447 w 1255021"/>
                  <a:gd name="connsiteY7" fmla="*/ 758758 h 2201824"/>
                  <a:gd name="connsiteX8" fmla="*/ 953310 w 1255021"/>
                  <a:gd name="connsiteY8" fmla="*/ 481519 h 2201824"/>
                  <a:gd name="connsiteX9" fmla="*/ 928991 w 1255021"/>
                  <a:gd name="connsiteY9" fmla="*/ 423153 h 2201824"/>
                  <a:gd name="connsiteX10" fmla="*/ 938719 w 1255021"/>
                  <a:gd name="connsiteY10" fmla="*/ 301558 h 2201824"/>
                  <a:gd name="connsiteX11" fmla="*/ 997085 w 1255021"/>
                  <a:gd name="connsiteY11" fmla="*/ 63230 h 2201824"/>
                  <a:gd name="connsiteX12" fmla="*/ 535021 w 1255021"/>
                  <a:gd name="connsiteY12" fmla="*/ 0 h 2201824"/>
                  <a:gd name="connsiteX13" fmla="*/ 0 w 1255021"/>
                  <a:gd name="connsiteY13" fmla="*/ 1853119 h 2201824"/>
                  <a:gd name="connsiteX14" fmla="*/ 1074906 w 1255021"/>
                  <a:gd name="connsiteY14" fmla="*/ 2154677 h 2201824"/>
                  <a:gd name="connsiteX15" fmla="*/ 1080689 w 1255021"/>
                  <a:gd name="connsiteY15" fmla="*/ 2136002 h 2201824"/>
                  <a:gd name="connsiteX0" fmla="*/ 1074906 w 1255021"/>
                  <a:gd name="connsiteY0" fmla="*/ 2154677 h 2201824"/>
                  <a:gd name="connsiteX1" fmla="*/ 1040859 w 1255021"/>
                  <a:gd name="connsiteY1" fmla="*/ 1950396 h 2201824"/>
                  <a:gd name="connsiteX2" fmla="*/ 1094361 w 1255021"/>
                  <a:gd name="connsiteY2" fmla="*/ 1765570 h 2201824"/>
                  <a:gd name="connsiteX3" fmla="*/ 826851 w 1255021"/>
                  <a:gd name="connsiteY3" fmla="*/ 1682885 h 2201824"/>
                  <a:gd name="connsiteX4" fmla="*/ 812259 w 1255021"/>
                  <a:gd name="connsiteY4" fmla="*/ 1648838 h 2201824"/>
                  <a:gd name="connsiteX5" fmla="*/ 1045723 w 1255021"/>
                  <a:gd name="connsiteY5" fmla="*/ 836579 h 2201824"/>
                  <a:gd name="connsiteX6" fmla="*/ 948447 w 1255021"/>
                  <a:gd name="connsiteY6" fmla="*/ 758758 h 2201824"/>
                  <a:gd name="connsiteX7" fmla="*/ 953310 w 1255021"/>
                  <a:gd name="connsiteY7" fmla="*/ 481519 h 2201824"/>
                  <a:gd name="connsiteX8" fmla="*/ 928991 w 1255021"/>
                  <a:gd name="connsiteY8" fmla="*/ 423153 h 2201824"/>
                  <a:gd name="connsiteX9" fmla="*/ 938719 w 1255021"/>
                  <a:gd name="connsiteY9" fmla="*/ 301558 h 2201824"/>
                  <a:gd name="connsiteX10" fmla="*/ 997085 w 1255021"/>
                  <a:gd name="connsiteY10" fmla="*/ 63230 h 2201824"/>
                  <a:gd name="connsiteX11" fmla="*/ 535021 w 1255021"/>
                  <a:gd name="connsiteY11" fmla="*/ 0 h 2201824"/>
                  <a:gd name="connsiteX12" fmla="*/ 0 w 1255021"/>
                  <a:gd name="connsiteY12" fmla="*/ 1853119 h 2201824"/>
                  <a:gd name="connsiteX13" fmla="*/ 1074906 w 1255021"/>
                  <a:gd name="connsiteY13" fmla="*/ 2154677 h 2201824"/>
                  <a:gd name="connsiteX14" fmla="*/ 1080689 w 1255021"/>
                  <a:gd name="connsiteY14" fmla="*/ 2136002 h 2201824"/>
                  <a:gd name="connsiteX15" fmla="*/ 1074906 w 1255021"/>
                  <a:gd name="connsiteY15"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997085 w 1255021"/>
                  <a:gd name="connsiteY9" fmla="*/ 63230 h 2201824"/>
                  <a:gd name="connsiteX10" fmla="*/ 535021 w 1255021"/>
                  <a:gd name="connsiteY10" fmla="*/ 0 h 2201824"/>
                  <a:gd name="connsiteX11" fmla="*/ 0 w 1255021"/>
                  <a:gd name="connsiteY11" fmla="*/ 1853119 h 2201824"/>
                  <a:gd name="connsiteX12" fmla="*/ 1074906 w 1255021"/>
                  <a:gd name="connsiteY12" fmla="*/ 2154677 h 2201824"/>
                  <a:gd name="connsiteX13" fmla="*/ 1080689 w 1255021"/>
                  <a:gd name="connsiteY13" fmla="*/ 2136002 h 2201824"/>
                  <a:gd name="connsiteX14" fmla="*/ 1074906 w 1255021"/>
                  <a:gd name="connsiteY14"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28991 w 1255021"/>
                  <a:gd name="connsiteY7" fmla="*/ 423153 h 2201824"/>
                  <a:gd name="connsiteX8" fmla="*/ 938719 w 1255021"/>
                  <a:gd name="connsiteY8" fmla="*/ 301558 h 2201824"/>
                  <a:gd name="connsiteX9" fmla="*/ 535021 w 1255021"/>
                  <a:gd name="connsiteY9" fmla="*/ 0 h 2201824"/>
                  <a:gd name="connsiteX10" fmla="*/ 0 w 1255021"/>
                  <a:gd name="connsiteY10" fmla="*/ 1853119 h 2201824"/>
                  <a:gd name="connsiteX11" fmla="*/ 1074906 w 1255021"/>
                  <a:gd name="connsiteY11" fmla="*/ 2154677 h 2201824"/>
                  <a:gd name="connsiteX12" fmla="*/ 1080689 w 1255021"/>
                  <a:gd name="connsiteY12" fmla="*/ 2136002 h 2201824"/>
                  <a:gd name="connsiteX13" fmla="*/ 1074906 w 1255021"/>
                  <a:gd name="connsiteY13"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53310 w 1255021"/>
                  <a:gd name="connsiteY6" fmla="*/ 481519 h 2201824"/>
                  <a:gd name="connsiteX7" fmla="*/ 938719 w 1255021"/>
                  <a:gd name="connsiteY7" fmla="*/ 301558 h 2201824"/>
                  <a:gd name="connsiteX8" fmla="*/ 535021 w 1255021"/>
                  <a:gd name="connsiteY8" fmla="*/ 0 h 2201824"/>
                  <a:gd name="connsiteX9" fmla="*/ 0 w 1255021"/>
                  <a:gd name="connsiteY9" fmla="*/ 1853119 h 2201824"/>
                  <a:gd name="connsiteX10" fmla="*/ 1074906 w 1255021"/>
                  <a:gd name="connsiteY10" fmla="*/ 2154677 h 2201824"/>
                  <a:gd name="connsiteX11" fmla="*/ 1080689 w 1255021"/>
                  <a:gd name="connsiteY11" fmla="*/ 2136002 h 2201824"/>
                  <a:gd name="connsiteX12" fmla="*/ 1074906 w 1255021"/>
                  <a:gd name="connsiteY12"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938719 w 1255021"/>
                  <a:gd name="connsiteY6" fmla="*/ 301558 h 2201824"/>
                  <a:gd name="connsiteX7" fmla="*/ 535021 w 1255021"/>
                  <a:gd name="connsiteY7" fmla="*/ 0 h 2201824"/>
                  <a:gd name="connsiteX8" fmla="*/ 0 w 1255021"/>
                  <a:gd name="connsiteY8" fmla="*/ 1853119 h 2201824"/>
                  <a:gd name="connsiteX9" fmla="*/ 1074906 w 1255021"/>
                  <a:gd name="connsiteY9" fmla="*/ 2154677 h 2201824"/>
                  <a:gd name="connsiteX10" fmla="*/ 1080689 w 1255021"/>
                  <a:gd name="connsiteY10" fmla="*/ 2136002 h 2201824"/>
                  <a:gd name="connsiteX11" fmla="*/ 1074906 w 1255021"/>
                  <a:gd name="connsiteY11" fmla="*/ 2154677 h 2201824"/>
                  <a:gd name="connsiteX0" fmla="*/ 1074906 w 1255021"/>
                  <a:gd name="connsiteY0" fmla="*/ 2154677 h 2201824"/>
                  <a:gd name="connsiteX1" fmla="*/ 1094361 w 1255021"/>
                  <a:gd name="connsiteY1" fmla="*/ 1765570 h 2201824"/>
                  <a:gd name="connsiteX2" fmla="*/ 826851 w 1255021"/>
                  <a:gd name="connsiteY2" fmla="*/ 1682885 h 2201824"/>
                  <a:gd name="connsiteX3" fmla="*/ 812259 w 1255021"/>
                  <a:gd name="connsiteY3" fmla="*/ 1648838 h 2201824"/>
                  <a:gd name="connsiteX4" fmla="*/ 1045723 w 1255021"/>
                  <a:gd name="connsiteY4" fmla="*/ 836579 h 2201824"/>
                  <a:gd name="connsiteX5" fmla="*/ 948447 w 1255021"/>
                  <a:gd name="connsiteY5" fmla="*/ 758758 h 2201824"/>
                  <a:gd name="connsiteX6" fmla="*/ 535021 w 1255021"/>
                  <a:gd name="connsiteY6" fmla="*/ 0 h 2201824"/>
                  <a:gd name="connsiteX7" fmla="*/ 0 w 1255021"/>
                  <a:gd name="connsiteY7" fmla="*/ 1853119 h 2201824"/>
                  <a:gd name="connsiteX8" fmla="*/ 1074906 w 1255021"/>
                  <a:gd name="connsiteY8" fmla="*/ 2154677 h 2201824"/>
                  <a:gd name="connsiteX9" fmla="*/ 1080689 w 1255021"/>
                  <a:gd name="connsiteY9" fmla="*/ 2136002 h 2201824"/>
                  <a:gd name="connsiteX10" fmla="*/ 1074906 w 1255021"/>
                  <a:gd name="connsiteY10" fmla="*/ 2154677 h 2201824"/>
                  <a:gd name="connsiteX0" fmla="*/ 1074906 w 1255021"/>
                  <a:gd name="connsiteY0" fmla="*/ 1395919 h 1443066"/>
                  <a:gd name="connsiteX1" fmla="*/ 1094361 w 1255021"/>
                  <a:gd name="connsiteY1" fmla="*/ 1006812 h 1443066"/>
                  <a:gd name="connsiteX2" fmla="*/ 826851 w 1255021"/>
                  <a:gd name="connsiteY2" fmla="*/ 924127 h 1443066"/>
                  <a:gd name="connsiteX3" fmla="*/ 812259 w 1255021"/>
                  <a:gd name="connsiteY3" fmla="*/ 890080 h 1443066"/>
                  <a:gd name="connsiteX4" fmla="*/ 1045723 w 1255021"/>
                  <a:gd name="connsiteY4" fmla="*/ 77821 h 1443066"/>
                  <a:gd name="connsiteX5" fmla="*/ 948447 w 1255021"/>
                  <a:gd name="connsiteY5" fmla="*/ 0 h 1443066"/>
                  <a:gd name="connsiteX6" fmla="*/ 0 w 1255021"/>
                  <a:gd name="connsiteY6" fmla="*/ 1094361 h 1443066"/>
                  <a:gd name="connsiteX7" fmla="*/ 1074906 w 1255021"/>
                  <a:gd name="connsiteY7" fmla="*/ 1395919 h 1443066"/>
                  <a:gd name="connsiteX8" fmla="*/ 1080689 w 1255021"/>
                  <a:gd name="connsiteY8" fmla="*/ 1377244 h 1443066"/>
                  <a:gd name="connsiteX9" fmla="*/ 1074906 w 1255021"/>
                  <a:gd name="connsiteY9" fmla="*/ 1395919 h 1443066"/>
                  <a:gd name="connsiteX0" fmla="*/ 262647 w 442762"/>
                  <a:gd name="connsiteY0" fmla="*/ 1395919 h 1443066"/>
                  <a:gd name="connsiteX1" fmla="*/ 282102 w 442762"/>
                  <a:gd name="connsiteY1" fmla="*/ 1006812 h 1443066"/>
                  <a:gd name="connsiteX2" fmla="*/ 14592 w 442762"/>
                  <a:gd name="connsiteY2" fmla="*/ 924127 h 1443066"/>
                  <a:gd name="connsiteX3" fmla="*/ 0 w 442762"/>
                  <a:gd name="connsiteY3" fmla="*/ 890080 h 1443066"/>
                  <a:gd name="connsiteX4" fmla="*/ 233464 w 442762"/>
                  <a:gd name="connsiteY4" fmla="*/ 77821 h 1443066"/>
                  <a:gd name="connsiteX5" fmla="*/ 136188 w 442762"/>
                  <a:gd name="connsiteY5" fmla="*/ 0 h 1443066"/>
                  <a:gd name="connsiteX6" fmla="*/ 262647 w 442762"/>
                  <a:gd name="connsiteY6" fmla="*/ 1395919 h 1443066"/>
                  <a:gd name="connsiteX7" fmla="*/ 268430 w 442762"/>
                  <a:gd name="connsiteY7" fmla="*/ 1377244 h 1443066"/>
                  <a:gd name="connsiteX8" fmla="*/ 262647 w 442762"/>
                  <a:gd name="connsiteY8" fmla="*/ 1395919 h 1443066"/>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409538"/>
                  <a:gd name="connsiteX1" fmla="*/ 282102 w 442762"/>
                  <a:gd name="connsiteY1" fmla="*/ 928991 h 1409538"/>
                  <a:gd name="connsiteX2" fmla="*/ 14592 w 442762"/>
                  <a:gd name="connsiteY2" fmla="*/ 846306 h 1409538"/>
                  <a:gd name="connsiteX3" fmla="*/ 0 w 442762"/>
                  <a:gd name="connsiteY3" fmla="*/ 812259 h 1409538"/>
                  <a:gd name="connsiteX4" fmla="*/ 233464 w 442762"/>
                  <a:gd name="connsiteY4" fmla="*/ 0 h 1409538"/>
                  <a:gd name="connsiteX5" fmla="*/ 262647 w 442762"/>
                  <a:gd name="connsiteY5" fmla="*/ 1318098 h 1409538"/>
                  <a:gd name="connsiteX6" fmla="*/ 268430 w 442762"/>
                  <a:gd name="connsiteY6" fmla="*/ 1299423 h 1409538"/>
                  <a:gd name="connsiteX7" fmla="*/ 354087 w 442762"/>
                  <a:gd name="connsiteY7" fmla="*/ 1409538 h 1409538"/>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262647 w 442762"/>
                  <a:gd name="connsiteY0" fmla="*/ 1318098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262647 w 442762"/>
                  <a:gd name="connsiteY0" fmla="*/ 1318098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8" fmla="*/ 409337 w 442762"/>
                  <a:gd name="connsiteY8" fmla="*/ 1068183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317897 w 442762"/>
                  <a:gd name="connsiteY1" fmla="*/ 976743 h 1365245"/>
                  <a:gd name="connsiteX2" fmla="*/ 282102 w 442762"/>
                  <a:gd name="connsiteY2" fmla="*/ 928991 h 1365245"/>
                  <a:gd name="connsiteX3" fmla="*/ 14592 w 442762"/>
                  <a:gd name="connsiteY3" fmla="*/ 846306 h 1365245"/>
                  <a:gd name="connsiteX4" fmla="*/ 0 w 442762"/>
                  <a:gd name="connsiteY4" fmla="*/ 812259 h 1365245"/>
                  <a:gd name="connsiteX5" fmla="*/ 233464 w 442762"/>
                  <a:gd name="connsiteY5" fmla="*/ 0 h 1365245"/>
                  <a:gd name="connsiteX6" fmla="*/ 262647 w 442762"/>
                  <a:gd name="connsiteY6" fmla="*/ 1318098 h 1365245"/>
                  <a:gd name="connsiteX7" fmla="*/ 268430 w 442762"/>
                  <a:gd name="connsiteY7" fmla="*/ 1299423 h 1365245"/>
                  <a:gd name="connsiteX8" fmla="*/ 262647 w 442762"/>
                  <a:gd name="connsiteY8"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7" fmla="*/ 262647 w 442762"/>
                  <a:gd name="connsiteY7" fmla="*/ 1318098 h 1365245"/>
                  <a:gd name="connsiteX0" fmla="*/ 317897 w 442762"/>
                  <a:gd name="connsiteY0" fmla="*/ 976743 h 1365245"/>
                  <a:gd name="connsiteX1" fmla="*/ 282102 w 442762"/>
                  <a:gd name="connsiteY1" fmla="*/ 928991 h 1365245"/>
                  <a:gd name="connsiteX2" fmla="*/ 14592 w 442762"/>
                  <a:gd name="connsiteY2" fmla="*/ 846306 h 1365245"/>
                  <a:gd name="connsiteX3" fmla="*/ 0 w 442762"/>
                  <a:gd name="connsiteY3" fmla="*/ 812259 h 1365245"/>
                  <a:gd name="connsiteX4" fmla="*/ 233464 w 442762"/>
                  <a:gd name="connsiteY4" fmla="*/ 0 h 1365245"/>
                  <a:gd name="connsiteX5" fmla="*/ 262647 w 442762"/>
                  <a:gd name="connsiteY5" fmla="*/ 1318098 h 1365245"/>
                  <a:gd name="connsiteX6" fmla="*/ 268430 w 442762"/>
                  <a:gd name="connsiteY6" fmla="*/ 1299423 h 1365245"/>
                  <a:gd name="connsiteX0" fmla="*/ 317897 w 317897"/>
                  <a:gd name="connsiteY0" fmla="*/ 976743 h 1318098"/>
                  <a:gd name="connsiteX1" fmla="*/ 282102 w 317897"/>
                  <a:gd name="connsiteY1" fmla="*/ 928991 h 1318098"/>
                  <a:gd name="connsiteX2" fmla="*/ 14592 w 317897"/>
                  <a:gd name="connsiteY2" fmla="*/ 846306 h 1318098"/>
                  <a:gd name="connsiteX3" fmla="*/ 0 w 317897"/>
                  <a:gd name="connsiteY3" fmla="*/ 812259 h 1318098"/>
                  <a:gd name="connsiteX4" fmla="*/ 233464 w 317897"/>
                  <a:gd name="connsiteY4" fmla="*/ 0 h 1318098"/>
                  <a:gd name="connsiteX5" fmla="*/ 262647 w 317897"/>
                  <a:gd name="connsiteY5" fmla="*/ 1318098 h 1318098"/>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317897 w 317898"/>
                  <a:gd name="connsiteY0" fmla="*/ 976743 h 976744"/>
                  <a:gd name="connsiteX1" fmla="*/ 317898 w 317898"/>
                  <a:gd name="connsiteY1" fmla="*/ 976744 h 976744"/>
                  <a:gd name="connsiteX2" fmla="*/ 282102 w 317898"/>
                  <a:gd name="connsiteY2" fmla="*/ 928991 h 976744"/>
                  <a:gd name="connsiteX3" fmla="*/ 14592 w 317898"/>
                  <a:gd name="connsiteY3" fmla="*/ 846306 h 976744"/>
                  <a:gd name="connsiteX4" fmla="*/ 0 w 317898"/>
                  <a:gd name="connsiteY4" fmla="*/ 812259 h 976744"/>
                  <a:gd name="connsiteX5" fmla="*/ 233464 w 317898"/>
                  <a:gd name="connsiteY5" fmla="*/ 0 h 976744"/>
                  <a:gd name="connsiteX0" fmla="*/ 317897 w 317897"/>
                  <a:gd name="connsiteY0" fmla="*/ 976743 h 976743"/>
                  <a:gd name="connsiteX1" fmla="*/ 282102 w 317897"/>
                  <a:gd name="connsiteY1" fmla="*/ 928991 h 976743"/>
                  <a:gd name="connsiteX2" fmla="*/ 14592 w 317897"/>
                  <a:gd name="connsiteY2" fmla="*/ 846306 h 976743"/>
                  <a:gd name="connsiteX3" fmla="*/ 0 w 317897"/>
                  <a:gd name="connsiteY3" fmla="*/ 812259 h 976743"/>
                  <a:gd name="connsiteX4" fmla="*/ 233464 w 317897"/>
                  <a:gd name="connsiteY4" fmla="*/ 0 h 976743"/>
                  <a:gd name="connsiteX0" fmla="*/ 282102 w 282102"/>
                  <a:gd name="connsiteY0" fmla="*/ 928991 h 928991"/>
                  <a:gd name="connsiteX1" fmla="*/ 14592 w 282102"/>
                  <a:gd name="connsiteY1" fmla="*/ 846306 h 928991"/>
                  <a:gd name="connsiteX2" fmla="*/ 0 w 282102"/>
                  <a:gd name="connsiteY2" fmla="*/ 812259 h 928991"/>
                  <a:gd name="connsiteX3" fmla="*/ 233464 w 282102"/>
                  <a:gd name="connsiteY3" fmla="*/ 0 h 928991"/>
                </a:gdLst>
                <a:ahLst/>
                <a:cxnLst>
                  <a:cxn ang="0">
                    <a:pos x="connsiteX0" y="connsiteY0"/>
                  </a:cxn>
                  <a:cxn ang="0">
                    <a:pos x="connsiteX1" y="connsiteY1"/>
                  </a:cxn>
                  <a:cxn ang="0">
                    <a:pos x="connsiteX2" y="connsiteY2"/>
                  </a:cxn>
                  <a:cxn ang="0">
                    <a:pos x="connsiteX3" y="connsiteY3"/>
                  </a:cxn>
                </a:cxnLst>
                <a:rect l="l" t="t" r="r" b="b"/>
                <a:pathLst>
                  <a:path w="282102" h="928991">
                    <a:moveTo>
                      <a:pt x="282102" y="928991"/>
                    </a:moveTo>
                    <a:lnTo>
                      <a:pt x="14592" y="846306"/>
                    </a:lnTo>
                    <a:lnTo>
                      <a:pt x="0" y="812259"/>
                    </a:lnTo>
                    <a:lnTo>
                      <a:pt x="233464" y="0"/>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45" name="フリーフォーム 144"/>
            <p:cNvSpPr/>
            <p:nvPr/>
          </p:nvSpPr>
          <p:spPr>
            <a:xfrm>
              <a:off x="3792242" y="2961160"/>
              <a:ext cx="941070" cy="800100"/>
            </a:xfrm>
            <a:custGeom>
              <a:avLst/>
              <a:gdLst>
                <a:gd name="connsiteX0" fmla="*/ 262890 w 941070"/>
                <a:gd name="connsiteY0" fmla="*/ 0 h 800100"/>
                <a:gd name="connsiteX1" fmla="*/ 262890 w 941070"/>
                <a:gd name="connsiteY1" fmla="*/ 0 h 800100"/>
                <a:gd name="connsiteX2" fmla="*/ 323850 w 941070"/>
                <a:gd name="connsiteY2" fmla="*/ 118110 h 800100"/>
                <a:gd name="connsiteX3" fmla="*/ 327660 w 941070"/>
                <a:gd name="connsiteY3" fmla="*/ 274320 h 800100"/>
                <a:gd name="connsiteX4" fmla="*/ 236220 w 941070"/>
                <a:gd name="connsiteY4" fmla="*/ 278130 h 800100"/>
                <a:gd name="connsiteX5" fmla="*/ 240030 w 941070"/>
                <a:gd name="connsiteY5" fmla="*/ 323850 h 800100"/>
                <a:gd name="connsiteX6" fmla="*/ 0 w 941070"/>
                <a:gd name="connsiteY6" fmla="*/ 331470 h 800100"/>
                <a:gd name="connsiteX7" fmla="*/ 3810 w 941070"/>
                <a:gd name="connsiteY7" fmla="*/ 441960 h 800100"/>
                <a:gd name="connsiteX8" fmla="*/ 777240 w 941070"/>
                <a:gd name="connsiteY8" fmla="*/ 800100 h 800100"/>
                <a:gd name="connsiteX9" fmla="*/ 826770 w 941070"/>
                <a:gd name="connsiteY9" fmla="*/ 659130 h 800100"/>
                <a:gd name="connsiteX10" fmla="*/ 872490 w 941070"/>
                <a:gd name="connsiteY10" fmla="*/ 659130 h 800100"/>
                <a:gd name="connsiteX11" fmla="*/ 941070 w 941070"/>
                <a:gd name="connsiteY11" fmla="*/ 575310 h 8001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Lst>
              <a:rect l="l" t="t" r="r" b="b"/>
              <a:pathLst>
                <a:path w="941070" h="800100">
                  <a:moveTo>
                    <a:pt x="262890" y="0"/>
                  </a:moveTo>
                  <a:lnTo>
                    <a:pt x="262890" y="0"/>
                  </a:lnTo>
                  <a:lnTo>
                    <a:pt x="323850" y="118110"/>
                  </a:lnTo>
                  <a:lnTo>
                    <a:pt x="327660" y="274320"/>
                  </a:lnTo>
                  <a:lnTo>
                    <a:pt x="236220" y="278130"/>
                  </a:lnTo>
                  <a:lnTo>
                    <a:pt x="240030" y="323850"/>
                  </a:lnTo>
                  <a:lnTo>
                    <a:pt x="0" y="331470"/>
                  </a:lnTo>
                  <a:lnTo>
                    <a:pt x="3810" y="441960"/>
                  </a:lnTo>
                  <a:lnTo>
                    <a:pt x="777240" y="800100"/>
                  </a:lnTo>
                  <a:lnTo>
                    <a:pt x="826770" y="659130"/>
                  </a:lnTo>
                  <a:lnTo>
                    <a:pt x="872490" y="659130"/>
                  </a:lnTo>
                  <a:lnTo>
                    <a:pt x="941070" y="575310"/>
                  </a:lnTo>
                </a:path>
              </a:pathLst>
            </a:custGeom>
            <a:ln w="63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46" name="フリーフォーム 145"/>
            <p:cNvSpPr/>
            <p:nvPr/>
          </p:nvSpPr>
          <p:spPr>
            <a:xfrm>
              <a:off x="3800872" y="2950822"/>
              <a:ext cx="936104" cy="811530"/>
            </a:xfrm>
            <a:custGeom>
              <a:avLst/>
              <a:gdLst>
                <a:gd name="connsiteX0" fmla="*/ 262890 w 944880"/>
                <a:gd name="connsiteY0" fmla="*/ 3810 h 811530"/>
                <a:gd name="connsiteX1" fmla="*/ 327660 w 944880"/>
                <a:gd name="connsiteY1" fmla="*/ 137160 h 811530"/>
                <a:gd name="connsiteX2" fmla="*/ 327660 w 944880"/>
                <a:gd name="connsiteY2" fmla="*/ 285750 h 811530"/>
                <a:gd name="connsiteX3" fmla="*/ 240030 w 944880"/>
                <a:gd name="connsiteY3" fmla="*/ 289560 h 811530"/>
                <a:gd name="connsiteX4" fmla="*/ 240030 w 944880"/>
                <a:gd name="connsiteY4" fmla="*/ 331470 h 811530"/>
                <a:gd name="connsiteX5" fmla="*/ 0 w 944880"/>
                <a:gd name="connsiteY5" fmla="*/ 342900 h 811530"/>
                <a:gd name="connsiteX6" fmla="*/ 7620 w 944880"/>
                <a:gd name="connsiteY6" fmla="*/ 453390 h 811530"/>
                <a:gd name="connsiteX7" fmla="*/ 781050 w 944880"/>
                <a:gd name="connsiteY7" fmla="*/ 811530 h 811530"/>
                <a:gd name="connsiteX8" fmla="*/ 830580 w 944880"/>
                <a:gd name="connsiteY8" fmla="*/ 666750 h 811530"/>
                <a:gd name="connsiteX9" fmla="*/ 876300 w 944880"/>
                <a:gd name="connsiteY9" fmla="*/ 662940 h 811530"/>
                <a:gd name="connsiteX10" fmla="*/ 941070 w 944880"/>
                <a:gd name="connsiteY10" fmla="*/ 586740 h 811530"/>
                <a:gd name="connsiteX11" fmla="*/ 944880 w 944880"/>
                <a:gd name="connsiteY11" fmla="*/ 0 h 811530"/>
                <a:gd name="connsiteX12" fmla="*/ 262890 w 944880"/>
                <a:gd name="connsiteY12" fmla="*/ 3810 h 8115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944880" h="811530">
                  <a:moveTo>
                    <a:pt x="262890" y="3810"/>
                  </a:moveTo>
                  <a:lnTo>
                    <a:pt x="327660" y="137160"/>
                  </a:lnTo>
                  <a:lnTo>
                    <a:pt x="327660" y="285750"/>
                  </a:lnTo>
                  <a:lnTo>
                    <a:pt x="240030" y="289560"/>
                  </a:lnTo>
                  <a:lnTo>
                    <a:pt x="240030" y="331470"/>
                  </a:lnTo>
                  <a:lnTo>
                    <a:pt x="0" y="342900"/>
                  </a:lnTo>
                  <a:lnTo>
                    <a:pt x="7620" y="453390"/>
                  </a:lnTo>
                  <a:lnTo>
                    <a:pt x="781050" y="811530"/>
                  </a:lnTo>
                  <a:lnTo>
                    <a:pt x="830580" y="666750"/>
                  </a:lnTo>
                  <a:lnTo>
                    <a:pt x="876300" y="662940"/>
                  </a:lnTo>
                  <a:lnTo>
                    <a:pt x="941070" y="586740"/>
                  </a:lnTo>
                  <a:lnTo>
                    <a:pt x="944880" y="0"/>
                  </a:lnTo>
                  <a:lnTo>
                    <a:pt x="262890" y="3810"/>
                  </a:lnTo>
                  <a:close/>
                </a:path>
              </a:pathLst>
            </a:cu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7" name="フリーフォーム 146"/>
            <p:cNvSpPr/>
            <p:nvPr/>
          </p:nvSpPr>
          <p:spPr>
            <a:xfrm>
              <a:off x="2407672" y="3348600"/>
              <a:ext cx="479145" cy="651053"/>
            </a:xfrm>
            <a:custGeom>
              <a:avLst/>
              <a:gdLst>
                <a:gd name="connsiteX0" fmla="*/ 98755 w 479145"/>
                <a:gd name="connsiteY0" fmla="*/ 0 h 651053"/>
                <a:gd name="connsiteX1" fmla="*/ 21945 w 479145"/>
                <a:gd name="connsiteY1" fmla="*/ 274320 h 651053"/>
                <a:gd name="connsiteX2" fmla="*/ 0 w 479145"/>
                <a:gd name="connsiteY2" fmla="*/ 651053 h 651053"/>
                <a:gd name="connsiteX3" fmla="*/ 164592 w 479145"/>
                <a:gd name="connsiteY3" fmla="*/ 577901 h 651053"/>
                <a:gd name="connsiteX4" fmla="*/ 215798 w 479145"/>
                <a:gd name="connsiteY4" fmla="*/ 442570 h 651053"/>
                <a:gd name="connsiteX5" fmla="*/ 431597 w 479145"/>
                <a:gd name="connsiteY5" fmla="*/ 402336 h 651053"/>
                <a:gd name="connsiteX6" fmla="*/ 479145 w 479145"/>
                <a:gd name="connsiteY6" fmla="*/ 43891 h 651053"/>
                <a:gd name="connsiteX7" fmla="*/ 446227 w 479145"/>
                <a:gd name="connsiteY7" fmla="*/ 18288 h 651053"/>
                <a:gd name="connsiteX8" fmla="*/ 314553 w 479145"/>
                <a:gd name="connsiteY8" fmla="*/ 18288 h 651053"/>
                <a:gd name="connsiteX9" fmla="*/ 98755 w 479145"/>
                <a:gd name="connsiteY9" fmla="*/ 0 h 6510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479145" h="651053">
                  <a:moveTo>
                    <a:pt x="98755" y="0"/>
                  </a:moveTo>
                  <a:lnTo>
                    <a:pt x="21945" y="274320"/>
                  </a:lnTo>
                  <a:lnTo>
                    <a:pt x="0" y="651053"/>
                  </a:lnTo>
                  <a:lnTo>
                    <a:pt x="164592" y="577901"/>
                  </a:lnTo>
                  <a:lnTo>
                    <a:pt x="215798" y="442570"/>
                  </a:lnTo>
                  <a:lnTo>
                    <a:pt x="431597" y="402336"/>
                  </a:lnTo>
                  <a:lnTo>
                    <a:pt x="479145" y="43891"/>
                  </a:lnTo>
                  <a:lnTo>
                    <a:pt x="446227" y="18288"/>
                  </a:lnTo>
                  <a:lnTo>
                    <a:pt x="314553" y="18288"/>
                  </a:lnTo>
                  <a:lnTo>
                    <a:pt x="98755" y="0"/>
                  </a:lnTo>
                  <a:close/>
                </a:path>
              </a:pathLst>
            </a:cu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9" name="テキスト ボックス 148"/>
            <p:cNvSpPr txBox="1"/>
            <p:nvPr/>
          </p:nvSpPr>
          <p:spPr>
            <a:xfrm>
              <a:off x="4114283" y="3068960"/>
              <a:ext cx="792087" cy="230832"/>
            </a:xfrm>
            <a:prstGeom prst="rect">
              <a:avLst/>
            </a:prstGeom>
            <a:noFill/>
          </p:spPr>
          <p:txBody>
            <a:bodyPr wrap="square" rtlCol="0">
              <a:spAutoFit/>
            </a:bodyPr>
            <a:lstStyle/>
            <a:p>
              <a:r>
                <a:rPr kumimoji="1" lang="ja-JP" altLang="en-US" sz="900" dirty="0" smtClean="0">
                  <a:latin typeface="+mj-ea"/>
                  <a:ea typeface="+mj-ea"/>
                </a:rPr>
                <a:t>四天王寺</a:t>
              </a:r>
              <a:endParaRPr kumimoji="1" lang="ja-JP" altLang="en-US" sz="900" dirty="0">
                <a:latin typeface="+mj-ea"/>
                <a:ea typeface="+mj-ea"/>
              </a:endParaRPr>
            </a:p>
          </p:txBody>
        </p:sp>
        <p:sp>
          <p:nvSpPr>
            <p:cNvPr id="150" name="テキスト ボックス 149"/>
            <p:cNvSpPr txBox="1"/>
            <p:nvPr/>
          </p:nvSpPr>
          <p:spPr>
            <a:xfrm>
              <a:off x="2396337" y="3429000"/>
              <a:ext cx="719232" cy="230832"/>
            </a:xfrm>
            <a:prstGeom prst="rect">
              <a:avLst/>
            </a:prstGeom>
            <a:noFill/>
          </p:spPr>
          <p:txBody>
            <a:bodyPr wrap="square" rtlCol="0">
              <a:spAutoFit/>
            </a:bodyPr>
            <a:lstStyle/>
            <a:p>
              <a:r>
                <a:rPr kumimoji="1" lang="ja-JP" altLang="en-US" sz="900" dirty="0" smtClean="0">
                  <a:latin typeface="+mn-ea"/>
                </a:rPr>
                <a:t>一心寺</a:t>
              </a:r>
              <a:endParaRPr kumimoji="1" lang="ja-JP" altLang="en-US" sz="900" dirty="0">
                <a:latin typeface="+mn-ea"/>
              </a:endParaRPr>
            </a:p>
          </p:txBody>
        </p:sp>
        <p:sp>
          <p:nvSpPr>
            <p:cNvPr id="87" name="フリーフォーム 86"/>
            <p:cNvSpPr/>
            <p:nvPr/>
          </p:nvSpPr>
          <p:spPr>
            <a:xfrm>
              <a:off x="1215899" y="3248409"/>
              <a:ext cx="2232561" cy="2369127"/>
            </a:xfrm>
            <a:custGeom>
              <a:avLst/>
              <a:gdLst>
                <a:gd name="connsiteX0" fmla="*/ 540327 w 2232561"/>
                <a:gd name="connsiteY0" fmla="*/ 0 h 2369127"/>
                <a:gd name="connsiteX1" fmla="*/ 1021278 w 2232561"/>
                <a:gd name="connsiteY1" fmla="*/ 53439 h 2369127"/>
                <a:gd name="connsiteX2" fmla="*/ 967839 w 2232561"/>
                <a:gd name="connsiteY2" fmla="*/ 332509 h 2369127"/>
                <a:gd name="connsiteX3" fmla="*/ 967839 w 2232561"/>
                <a:gd name="connsiteY3" fmla="*/ 433449 h 2369127"/>
                <a:gd name="connsiteX4" fmla="*/ 991589 w 2232561"/>
                <a:gd name="connsiteY4" fmla="*/ 492826 h 2369127"/>
                <a:gd name="connsiteX5" fmla="*/ 985652 w 2232561"/>
                <a:gd name="connsiteY5" fmla="*/ 765958 h 2369127"/>
                <a:gd name="connsiteX6" fmla="*/ 1068779 w 2232561"/>
                <a:gd name="connsiteY6" fmla="*/ 843148 h 2369127"/>
                <a:gd name="connsiteX7" fmla="*/ 1110343 w 2232561"/>
                <a:gd name="connsiteY7" fmla="*/ 849086 h 2369127"/>
                <a:gd name="connsiteX8" fmla="*/ 1211283 w 2232561"/>
                <a:gd name="connsiteY8" fmla="*/ 760021 h 2369127"/>
                <a:gd name="connsiteX9" fmla="*/ 1383475 w 2232561"/>
                <a:gd name="connsiteY9" fmla="*/ 694706 h 2369127"/>
                <a:gd name="connsiteX10" fmla="*/ 1436914 w 2232561"/>
                <a:gd name="connsiteY10" fmla="*/ 564078 h 2369127"/>
                <a:gd name="connsiteX11" fmla="*/ 1638795 w 2232561"/>
                <a:gd name="connsiteY11" fmla="*/ 516577 h 2369127"/>
                <a:gd name="connsiteX12" fmla="*/ 1888176 w 2232561"/>
                <a:gd name="connsiteY12" fmla="*/ 599704 h 2369127"/>
                <a:gd name="connsiteX13" fmla="*/ 2036618 w 2232561"/>
                <a:gd name="connsiteY13" fmla="*/ 670956 h 2369127"/>
                <a:gd name="connsiteX14" fmla="*/ 2226623 w 2232561"/>
                <a:gd name="connsiteY14" fmla="*/ 676893 h 2369127"/>
                <a:gd name="connsiteX15" fmla="*/ 2232561 w 2232561"/>
                <a:gd name="connsiteY15" fmla="*/ 843148 h 2369127"/>
                <a:gd name="connsiteX16" fmla="*/ 2006930 w 2232561"/>
                <a:gd name="connsiteY16" fmla="*/ 825335 h 2369127"/>
                <a:gd name="connsiteX17" fmla="*/ 1977241 w 2232561"/>
                <a:gd name="connsiteY17" fmla="*/ 985652 h 2369127"/>
                <a:gd name="connsiteX18" fmla="*/ 1995054 w 2232561"/>
                <a:gd name="connsiteY18" fmla="*/ 1027216 h 2369127"/>
                <a:gd name="connsiteX19" fmla="*/ 2036618 w 2232561"/>
                <a:gd name="connsiteY19" fmla="*/ 1033153 h 2369127"/>
                <a:gd name="connsiteX20" fmla="*/ 2030680 w 2232561"/>
                <a:gd name="connsiteY20" fmla="*/ 1169719 h 2369127"/>
                <a:gd name="connsiteX21" fmla="*/ 1953491 w 2232561"/>
                <a:gd name="connsiteY21" fmla="*/ 1205345 h 2369127"/>
                <a:gd name="connsiteX22" fmla="*/ 1870363 w 2232561"/>
                <a:gd name="connsiteY22" fmla="*/ 1193470 h 2369127"/>
                <a:gd name="connsiteX23" fmla="*/ 1816924 w 2232561"/>
                <a:gd name="connsiteY23" fmla="*/ 1145969 h 2369127"/>
                <a:gd name="connsiteX24" fmla="*/ 1656608 w 2232561"/>
                <a:gd name="connsiteY24" fmla="*/ 1151906 h 2369127"/>
                <a:gd name="connsiteX25" fmla="*/ 1591293 w 2232561"/>
                <a:gd name="connsiteY25" fmla="*/ 1383475 h 2369127"/>
                <a:gd name="connsiteX26" fmla="*/ 1692234 w 2232561"/>
                <a:gd name="connsiteY26" fmla="*/ 1395351 h 2369127"/>
                <a:gd name="connsiteX27" fmla="*/ 1704109 w 2232561"/>
                <a:gd name="connsiteY27" fmla="*/ 1407226 h 2369127"/>
                <a:gd name="connsiteX28" fmla="*/ 1870363 w 2232561"/>
                <a:gd name="connsiteY28" fmla="*/ 1442852 h 2369127"/>
                <a:gd name="connsiteX29" fmla="*/ 1763485 w 2232561"/>
                <a:gd name="connsiteY29" fmla="*/ 1959429 h 2369127"/>
                <a:gd name="connsiteX30" fmla="*/ 2113808 w 2232561"/>
                <a:gd name="connsiteY30" fmla="*/ 2072244 h 2369127"/>
                <a:gd name="connsiteX31" fmla="*/ 2084119 w 2232561"/>
                <a:gd name="connsiteY31" fmla="*/ 2244436 h 2369127"/>
                <a:gd name="connsiteX32" fmla="*/ 2000992 w 2232561"/>
                <a:gd name="connsiteY32" fmla="*/ 2321626 h 2369127"/>
                <a:gd name="connsiteX33" fmla="*/ 1751610 w 2232561"/>
                <a:gd name="connsiteY33" fmla="*/ 2369127 h 2369127"/>
                <a:gd name="connsiteX34" fmla="*/ 1698171 w 2232561"/>
                <a:gd name="connsiteY34" fmla="*/ 2369127 h 2369127"/>
                <a:gd name="connsiteX35" fmla="*/ 1698171 w 2232561"/>
                <a:gd name="connsiteY35" fmla="*/ 2369127 h 2369127"/>
                <a:gd name="connsiteX36" fmla="*/ 0 w 2232561"/>
                <a:gd name="connsiteY36" fmla="*/ 1882239 h 2369127"/>
                <a:gd name="connsiteX37" fmla="*/ 540327 w 2232561"/>
                <a:gd name="connsiteY37" fmla="*/ 0 h 23691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2232561" h="2369127">
                  <a:moveTo>
                    <a:pt x="540327" y="0"/>
                  </a:moveTo>
                  <a:lnTo>
                    <a:pt x="1021278" y="53439"/>
                  </a:lnTo>
                  <a:lnTo>
                    <a:pt x="967839" y="332509"/>
                  </a:lnTo>
                  <a:lnTo>
                    <a:pt x="967839" y="433449"/>
                  </a:lnTo>
                  <a:lnTo>
                    <a:pt x="991589" y="492826"/>
                  </a:lnTo>
                  <a:lnTo>
                    <a:pt x="985652" y="765958"/>
                  </a:lnTo>
                  <a:lnTo>
                    <a:pt x="1068779" y="843148"/>
                  </a:lnTo>
                  <a:lnTo>
                    <a:pt x="1110343" y="849086"/>
                  </a:lnTo>
                  <a:lnTo>
                    <a:pt x="1211283" y="760021"/>
                  </a:lnTo>
                  <a:lnTo>
                    <a:pt x="1383475" y="694706"/>
                  </a:lnTo>
                  <a:lnTo>
                    <a:pt x="1436914" y="564078"/>
                  </a:lnTo>
                  <a:lnTo>
                    <a:pt x="1638795" y="516577"/>
                  </a:lnTo>
                  <a:lnTo>
                    <a:pt x="1888176" y="599704"/>
                  </a:lnTo>
                  <a:lnTo>
                    <a:pt x="2036618" y="670956"/>
                  </a:lnTo>
                  <a:lnTo>
                    <a:pt x="2226623" y="676893"/>
                  </a:lnTo>
                  <a:lnTo>
                    <a:pt x="2232561" y="843148"/>
                  </a:lnTo>
                  <a:lnTo>
                    <a:pt x="2006930" y="825335"/>
                  </a:lnTo>
                  <a:lnTo>
                    <a:pt x="1977241" y="985652"/>
                  </a:lnTo>
                  <a:lnTo>
                    <a:pt x="1995054" y="1027216"/>
                  </a:lnTo>
                  <a:lnTo>
                    <a:pt x="2036618" y="1033153"/>
                  </a:lnTo>
                  <a:lnTo>
                    <a:pt x="2030680" y="1169719"/>
                  </a:lnTo>
                  <a:lnTo>
                    <a:pt x="1953491" y="1205345"/>
                  </a:lnTo>
                  <a:lnTo>
                    <a:pt x="1870363" y="1193470"/>
                  </a:lnTo>
                  <a:lnTo>
                    <a:pt x="1816924" y="1145969"/>
                  </a:lnTo>
                  <a:lnTo>
                    <a:pt x="1656608" y="1151906"/>
                  </a:lnTo>
                  <a:lnTo>
                    <a:pt x="1591293" y="1383475"/>
                  </a:lnTo>
                  <a:lnTo>
                    <a:pt x="1692234" y="1395351"/>
                  </a:lnTo>
                  <a:lnTo>
                    <a:pt x="1704109" y="1407226"/>
                  </a:lnTo>
                  <a:lnTo>
                    <a:pt x="1870363" y="1442852"/>
                  </a:lnTo>
                  <a:lnTo>
                    <a:pt x="1763485" y="1959429"/>
                  </a:lnTo>
                  <a:lnTo>
                    <a:pt x="2113808" y="2072244"/>
                  </a:lnTo>
                  <a:lnTo>
                    <a:pt x="2084119" y="2244436"/>
                  </a:lnTo>
                  <a:lnTo>
                    <a:pt x="2000992" y="2321626"/>
                  </a:lnTo>
                  <a:lnTo>
                    <a:pt x="1751610" y="2369127"/>
                  </a:lnTo>
                  <a:lnTo>
                    <a:pt x="1698171" y="2369127"/>
                  </a:lnTo>
                  <a:lnTo>
                    <a:pt x="1698171" y="2369127"/>
                  </a:lnTo>
                  <a:lnTo>
                    <a:pt x="0" y="1882239"/>
                  </a:lnTo>
                  <a:lnTo>
                    <a:pt x="540327" y="0"/>
                  </a:lnTo>
                  <a:close/>
                </a:path>
              </a:pathLst>
            </a:custGeom>
            <a:solidFill>
              <a:srgbClr val="92D050">
                <a:alpha val="30000"/>
              </a:srgb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8" name="フリーフォーム 87"/>
            <p:cNvSpPr/>
            <p:nvPr/>
          </p:nvSpPr>
          <p:spPr>
            <a:xfrm>
              <a:off x="2277742" y="5034222"/>
              <a:ext cx="1025342" cy="567275"/>
            </a:xfrm>
            <a:custGeom>
              <a:avLst/>
              <a:gdLst>
                <a:gd name="connsiteX0" fmla="*/ 73672 w 1464774"/>
                <a:gd name="connsiteY0" fmla="*/ 0 h 810392"/>
                <a:gd name="connsiteX1" fmla="*/ 0 w 1464774"/>
                <a:gd name="connsiteY1" fmla="*/ 264353 h 810392"/>
                <a:gd name="connsiteX2" fmla="*/ 91007 w 1464774"/>
                <a:gd name="connsiteY2" fmla="*/ 416030 h 810392"/>
                <a:gd name="connsiteX3" fmla="*/ 60671 w 1464774"/>
                <a:gd name="connsiteY3" fmla="*/ 515704 h 810392"/>
                <a:gd name="connsiteX4" fmla="*/ 936068 w 1464774"/>
                <a:gd name="connsiteY4" fmla="*/ 767056 h 810392"/>
                <a:gd name="connsiteX5" fmla="*/ 975071 w 1464774"/>
                <a:gd name="connsiteY5" fmla="*/ 810392 h 810392"/>
                <a:gd name="connsiteX6" fmla="*/ 1317429 w 1464774"/>
                <a:gd name="connsiteY6" fmla="*/ 754055 h 810392"/>
                <a:gd name="connsiteX7" fmla="*/ 1434438 w 1464774"/>
                <a:gd name="connsiteY7" fmla="*/ 641380 h 810392"/>
                <a:gd name="connsiteX8" fmla="*/ 1464774 w 1464774"/>
                <a:gd name="connsiteY8" fmla="*/ 498370 h 810392"/>
                <a:gd name="connsiteX9" fmla="*/ 1187420 w 1464774"/>
                <a:gd name="connsiteY9" fmla="*/ 429031 h 810392"/>
                <a:gd name="connsiteX10" fmla="*/ 1139750 w 1464774"/>
                <a:gd name="connsiteY10" fmla="*/ 355359 h 810392"/>
                <a:gd name="connsiteX11" fmla="*/ 1157084 w 1464774"/>
                <a:gd name="connsiteY11" fmla="*/ 303355 h 810392"/>
                <a:gd name="connsiteX12" fmla="*/ 888398 w 1464774"/>
                <a:gd name="connsiteY12" fmla="*/ 221016 h 810392"/>
                <a:gd name="connsiteX13" fmla="*/ 823393 w 1464774"/>
                <a:gd name="connsiteY13" fmla="*/ 242684 h 810392"/>
                <a:gd name="connsiteX14" fmla="*/ 745388 w 1464774"/>
                <a:gd name="connsiteY14" fmla="*/ 260019 h 810392"/>
                <a:gd name="connsiteX15" fmla="*/ 264353 w 1464774"/>
                <a:gd name="connsiteY15" fmla="*/ 125676 h 810392"/>
                <a:gd name="connsiteX16" fmla="*/ 177680 w 1464774"/>
                <a:gd name="connsiteY16" fmla="*/ 26002 h 810392"/>
                <a:gd name="connsiteX17" fmla="*/ 73672 w 1464774"/>
                <a:gd name="connsiteY17" fmla="*/ 0 h 81039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1464774" h="810392">
                  <a:moveTo>
                    <a:pt x="73672" y="0"/>
                  </a:moveTo>
                  <a:lnTo>
                    <a:pt x="0" y="264353"/>
                  </a:lnTo>
                  <a:lnTo>
                    <a:pt x="91007" y="416030"/>
                  </a:lnTo>
                  <a:lnTo>
                    <a:pt x="60671" y="515704"/>
                  </a:lnTo>
                  <a:lnTo>
                    <a:pt x="936068" y="767056"/>
                  </a:lnTo>
                  <a:lnTo>
                    <a:pt x="975071" y="810392"/>
                  </a:lnTo>
                  <a:lnTo>
                    <a:pt x="1317429" y="754055"/>
                  </a:lnTo>
                  <a:lnTo>
                    <a:pt x="1434438" y="641380"/>
                  </a:lnTo>
                  <a:lnTo>
                    <a:pt x="1464774" y="498370"/>
                  </a:lnTo>
                  <a:lnTo>
                    <a:pt x="1187420" y="429031"/>
                  </a:lnTo>
                  <a:lnTo>
                    <a:pt x="1139750" y="355359"/>
                  </a:lnTo>
                  <a:lnTo>
                    <a:pt x="1157084" y="303355"/>
                  </a:lnTo>
                  <a:lnTo>
                    <a:pt x="888398" y="221016"/>
                  </a:lnTo>
                  <a:lnTo>
                    <a:pt x="823393" y="242684"/>
                  </a:lnTo>
                  <a:lnTo>
                    <a:pt x="745388" y="260019"/>
                  </a:lnTo>
                  <a:lnTo>
                    <a:pt x="264353" y="125676"/>
                  </a:lnTo>
                  <a:lnTo>
                    <a:pt x="177680" y="26002"/>
                  </a:lnTo>
                  <a:lnTo>
                    <a:pt x="73672" y="0"/>
                  </a:lnTo>
                  <a:close/>
                </a:path>
              </a:pathLst>
            </a:custGeom>
            <a:solidFill>
              <a:srgbClr val="00B0F0">
                <a:alpha val="50000"/>
              </a:srgb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0" name="テキスト ボックス 89"/>
            <p:cNvSpPr txBox="1"/>
            <p:nvPr/>
          </p:nvSpPr>
          <p:spPr>
            <a:xfrm>
              <a:off x="1444312" y="4365104"/>
              <a:ext cx="772384" cy="230832"/>
            </a:xfrm>
            <a:prstGeom prst="rect">
              <a:avLst/>
            </a:prstGeom>
            <a:noFill/>
          </p:spPr>
          <p:txBody>
            <a:bodyPr wrap="square" rtlCol="0">
              <a:spAutoFit/>
            </a:bodyPr>
            <a:lstStyle/>
            <a:p>
              <a:r>
                <a:rPr lang="ja-JP" altLang="en-US" sz="900" dirty="0" smtClean="0">
                  <a:latin typeface="HGP創英角ｺﾞｼｯｸUB" pitchFamily="50" charset="-128"/>
                  <a:ea typeface="HGP創英角ｺﾞｼｯｸUB" pitchFamily="50" charset="-128"/>
                </a:rPr>
                <a:t>① 動物園</a:t>
              </a:r>
              <a:endParaRPr kumimoji="1" lang="ja-JP" altLang="en-US" sz="900" dirty="0">
                <a:latin typeface="HGP創英角ｺﾞｼｯｸUB" pitchFamily="50" charset="-128"/>
                <a:ea typeface="HGP創英角ｺﾞｼｯｸUB" pitchFamily="50" charset="-128"/>
              </a:endParaRPr>
            </a:p>
          </p:txBody>
        </p:sp>
        <p:sp>
          <p:nvSpPr>
            <p:cNvPr id="89" name="フリーフォーム 88"/>
            <p:cNvSpPr/>
            <p:nvPr/>
          </p:nvSpPr>
          <p:spPr>
            <a:xfrm>
              <a:off x="3056182" y="3868397"/>
              <a:ext cx="378606"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540866" h="537586">
                  <a:moveTo>
                    <a:pt x="70338" y="0"/>
                  </a:moveTo>
                  <a:lnTo>
                    <a:pt x="40193" y="40193"/>
                  </a:lnTo>
                  <a:lnTo>
                    <a:pt x="0" y="432079"/>
                  </a:lnTo>
                  <a:lnTo>
                    <a:pt x="95459" y="522514"/>
                  </a:lnTo>
                  <a:lnTo>
                    <a:pt x="165798" y="537586"/>
                  </a:lnTo>
                  <a:lnTo>
                    <a:pt x="205991" y="281353"/>
                  </a:lnTo>
                  <a:lnTo>
                    <a:pt x="532562" y="311498"/>
                  </a:lnTo>
                  <a:lnTo>
                    <a:pt x="540866" y="85903"/>
                  </a:lnTo>
                  <a:lnTo>
                    <a:pt x="256233" y="95459"/>
                  </a:lnTo>
                  <a:lnTo>
                    <a:pt x="70338" y="0"/>
                  </a:lnTo>
                  <a:close/>
                </a:path>
              </a:pathLst>
            </a:custGeom>
            <a:solidFill>
              <a:srgbClr val="00B0F0">
                <a:alpha val="51000"/>
              </a:srgb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1" name="テキスト ボックス 90"/>
            <p:cNvSpPr txBox="1"/>
            <p:nvPr/>
          </p:nvSpPr>
          <p:spPr>
            <a:xfrm>
              <a:off x="2284896" y="4018781"/>
              <a:ext cx="936104" cy="369332"/>
            </a:xfrm>
            <a:prstGeom prst="rect">
              <a:avLst/>
            </a:prstGeom>
            <a:noFill/>
          </p:spPr>
          <p:txBody>
            <a:bodyPr wrap="square" rtlCol="0">
              <a:spAutoFit/>
            </a:bodyPr>
            <a:lstStyle/>
            <a:p>
              <a:r>
                <a:rPr lang="ja-JP" altLang="en-US" sz="900" dirty="0" smtClean="0">
                  <a:latin typeface="HGP創英角ｺﾞｼｯｸUB" pitchFamily="50" charset="-128"/>
                  <a:ea typeface="HGP創英角ｺﾞｼｯｸUB" pitchFamily="50" charset="-128"/>
                </a:rPr>
                <a:t>③－２</a:t>
              </a:r>
              <a:endParaRPr lang="en-US" altLang="ja-JP" sz="900" dirty="0" smtClean="0">
                <a:latin typeface="HGP創英角ｺﾞｼｯｸUB" pitchFamily="50" charset="-128"/>
                <a:ea typeface="HGP創英角ｺﾞｼｯｸUB" pitchFamily="50" charset="-128"/>
              </a:endParaRPr>
            </a:p>
            <a:p>
              <a:pPr algn="ctr"/>
              <a:r>
                <a:rPr lang="ja-JP" altLang="en-US" sz="900" dirty="0" smtClean="0">
                  <a:latin typeface="HGP創英角ｺﾞｼｯｸUB" pitchFamily="50" charset="-128"/>
                  <a:ea typeface="HGP創英角ｺﾞｼｯｸUB" pitchFamily="50" charset="-128"/>
                </a:rPr>
                <a:t>茶臼山・河底池</a:t>
              </a:r>
              <a:endParaRPr lang="en-US" altLang="ja-JP" sz="900" dirty="0" smtClean="0">
                <a:latin typeface="HGP創英角ｺﾞｼｯｸUB" pitchFamily="50" charset="-128"/>
                <a:ea typeface="HGP創英角ｺﾞｼｯｸUB" pitchFamily="50" charset="-128"/>
              </a:endParaRPr>
            </a:p>
          </p:txBody>
        </p:sp>
        <p:sp>
          <p:nvSpPr>
            <p:cNvPr id="94" name="テキスト ボックス 93"/>
            <p:cNvSpPr txBox="1"/>
            <p:nvPr/>
          </p:nvSpPr>
          <p:spPr>
            <a:xfrm>
              <a:off x="2072680" y="4581128"/>
              <a:ext cx="738664" cy="230832"/>
            </a:xfrm>
            <a:prstGeom prst="rect">
              <a:avLst/>
            </a:prstGeom>
            <a:noFill/>
          </p:spPr>
          <p:txBody>
            <a:bodyPr vert="horz" wrap="square" rtlCol="0">
              <a:spAutoFit/>
            </a:bodyPr>
            <a:lstStyle/>
            <a:p>
              <a:r>
                <a:rPr lang="ja-JP" altLang="en-US" sz="900" dirty="0" smtClean="0">
                  <a:latin typeface="HGP創英角ｺﾞｼｯｸUB" pitchFamily="50" charset="-128"/>
                  <a:ea typeface="HGP創英角ｺﾞｼｯｸUB" pitchFamily="50" charset="-128"/>
                </a:rPr>
                <a:t>② 美術館</a:t>
              </a:r>
              <a:endParaRPr kumimoji="1" lang="ja-JP" altLang="en-US" sz="900" dirty="0">
                <a:latin typeface="HGP創英角ｺﾞｼｯｸUB" pitchFamily="50" charset="-128"/>
                <a:ea typeface="HGP創英角ｺﾞｼｯｸUB" pitchFamily="50" charset="-128"/>
              </a:endParaRPr>
            </a:p>
          </p:txBody>
        </p:sp>
        <p:sp>
          <p:nvSpPr>
            <p:cNvPr id="97" name="テキスト ボックス 96"/>
            <p:cNvSpPr txBox="1"/>
            <p:nvPr/>
          </p:nvSpPr>
          <p:spPr>
            <a:xfrm>
              <a:off x="2562487" y="4731837"/>
              <a:ext cx="1058517" cy="369332"/>
            </a:xfrm>
            <a:prstGeom prst="rect">
              <a:avLst/>
            </a:prstGeom>
            <a:noFill/>
          </p:spPr>
          <p:txBody>
            <a:bodyPr wrap="square" rtlCol="0">
              <a:spAutoFit/>
            </a:bodyPr>
            <a:lstStyle/>
            <a:p>
              <a:r>
                <a:rPr lang="ja-JP" altLang="en-US" sz="900" dirty="0" smtClean="0">
                  <a:latin typeface="HGP創英角ｺﾞｼｯｸUB" pitchFamily="50" charset="-128"/>
                  <a:ea typeface="HGP創英角ｺﾞｼｯｸUB" pitchFamily="50" charset="-128"/>
                </a:rPr>
                <a:t>③－１</a:t>
              </a:r>
              <a:endParaRPr lang="en-US" altLang="ja-JP" sz="900" dirty="0" smtClean="0">
                <a:latin typeface="HGP創英角ｺﾞｼｯｸUB" pitchFamily="50" charset="-128"/>
                <a:ea typeface="HGP創英角ｺﾞｼｯｸUB" pitchFamily="50" charset="-128"/>
              </a:endParaRPr>
            </a:p>
            <a:p>
              <a:r>
                <a:rPr lang="ja-JP" altLang="en-US" sz="900" dirty="0" smtClean="0">
                  <a:latin typeface="HGP創英角ｺﾞｼｯｸUB" pitchFamily="50" charset="-128"/>
                  <a:ea typeface="HGP創英角ｺﾞｼｯｸUB" pitchFamily="50" charset="-128"/>
                </a:rPr>
                <a:t>慶沢園</a:t>
              </a:r>
              <a:endParaRPr kumimoji="1" lang="ja-JP" altLang="en-US" sz="900" dirty="0">
                <a:latin typeface="HGP創英角ｺﾞｼｯｸUB" pitchFamily="50" charset="-128"/>
                <a:ea typeface="HGP創英角ｺﾞｼｯｸUB" pitchFamily="50" charset="-128"/>
              </a:endParaRPr>
            </a:p>
          </p:txBody>
        </p:sp>
        <p:sp>
          <p:nvSpPr>
            <p:cNvPr id="98" name="テキスト ボックス 97"/>
            <p:cNvSpPr txBox="1"/>
            <p:nvPr/>
          </p:nvSpPr>
          <p:spPr>
            <a:xfrm>
              <a:off x="2267992" y="5145453"/>
              <a:ext cx="1152129" cy="323165"/>
            </a:xfrm>
            <a:prstGeom prst="rect">
              <a:avLst/>
            </a:prstGeom>
            <a:noFill/>
          </p:spPr>
          <p:txBody>
            <a:bodyPr wrap="square" rtlCol="0">
              <a:spAutoFit/>
            </a:bodyPr>
            <a:lstStyle/>
            <a:p>
              <a:pPr>
                <a:lnSpc>
                  <a:spcPts val="900"/>
                </a:lnSpc>
              </a:pPr>
              <a:r>
                <a:rPr lang="ja-JP" altLang="en-US" sz="900" dirty="0" smtClean="0">
                  <a:latin typeface="HGP創英角ｺﾞｼｯｸUB" pitchFamily="50" charset="-128"/>
                  <a:ea typeface="HGP創英角ｺﾞｼｯｸUB" pitchFamily="50" charset="-128"/>
                </a:rPr>
                <a:t>③－３</a:t>
              </a:r>
              <a:endParaRPr lang="en-US" altLang="ja-JP" sz="900" dirty="0" smtClean="0">
                <a:latin typeface="HGP創英角ｺﾞｼｯｸUB" pitchFamily="50" charset="-128"/>
                <a:ea typeface="HGP創英角ｺﾞｼｯｸUB" pitchFamily="50" charset="-128"/>
              </a:endParaRPr>
            </a:p>
            <a:p>
              <a:pPr>
                <a:lnSpc>
                  <a:spcPts val="900"/>
                </a:lnSpc>
              </a:pPr>
              <a:r>
                <a:rPr lang="ja-JP" altLang="en-US" sz="900" dirty="0" smtClean="0">
                  <a:latin typeface="HGP創英角ｺﾞｼｯｸUB" pitchFamily="50" charset="-128"/>
                  <a:ea typeface="HGP創英角ｺﾞｼｯｸUB" pitchFamily="50" charset="-128"/>
                </a:rPr>
                <a:t>エントランスエリア</a:t>
              </a:r>
              <a:endParaRPr kumimoji="1" lang="ja-JP" altLang="en-US" sz="900" dirty="0">
                <a:latin typeface="HGP創英角ｺﾞｼｯｸUB" pitchFamily="50" charset="-128"/>
                <a:ea typeface="HGP創英角ｺﾞｼｯｸUB" pitchFamily="50" charset="-128"/>
              </a:endParaRPr>
            </a:p>
          </p:txBody>
        </p:sp>
        <p:sp>
          <p:nvSpPr>
            <p:cNvPr id="104" name="テキスト ボックス 103"/>
            <p:cNvSpPr txBox="1"/>
            <p:nvPr/>
          </p:nvSpPr>
          <p:spPr>
            <a:xfrm>
              <a:off x="3021309" y="3923531"/>
              <a:ext cx="1581176" cy="207749"/>
            </a:xfrm>
            <a:prstGeom prst="rect">
              <a:avLst/>
            </a:prstGeom>
            <a:noFill/>
          </p:spPr>
          <p:txBody>
            <a:bodyPr wrap="square" rtlCol="0">
              <a:spAutoFit/>
            </a:bodyPr>
            <a:lstStyle/>
            <a:p>
              <a:pPr>
                <a:lnSpc>
                  <a:spcPts val="900"/>
                </a:lnSpc>
              </a:pPr>
              <a:r>
                <a:rPr lang="ja-JP" altLang="en-US" sz="900" dirty="0" smtClean="0">
                  <a:latin typeface="HGP創英角ｺﾞｼｯｸUB" pitchFamily="50" charset="-128"/>
                  <a:ea typeface="HGP創英角ｺﾞｼｯｸUB" pitchFamily="50" charset="-128"/>
                </a:rPr>
                <a:t>③－４ 茶臼山北東部エリア</a:t>
              </a:r>
              <a:endParaRPr kumimoji="1" lang="ja-JP" altLang="en-US" sz="900" dirty="0">
                <a:latin typeface="HGP創英角ｺﾞｼｯｸUB" pitchFamily="50" charset="-128"/>
                <a:ea typeface="HGP創英角ｺﾞｼｯｸUB" pitchFamily="50" charset="-128"/>
              </a:endParaRPr>
            </a:p>
          </p:txBody>
        </p:sp>
        <p:sp>
          <p:nvSpPr>
            <p:cNvPr id="75" name="フリーフォーム 74"/>
            <p:cNvSpPr/>
            <p:nvPr/>
          </p:nvSpPr>
          <p:spPr>
            <a:xfrm>
              <a:off x="3062684" y="3865575"/>
              <a:ext cx="116058" cy="376310"/>
            </a:xfrm>
            <a:custGeom>
              <a:avLst/>
              <a:gdLst>
                <a:gd name="connsiteX0" fmla="*/ 70338 w 532562"/>
                <a:gd name="connsiteY0" fmla="*/ 0 h 537586"/>
                <a:gd name="connsiteX1" fmla="*/ 40193 w 532562"/>
                <a:gd name="connsiteY1" fmla="*/ 40193 h 537586"/>
                <a:gd name="connsiteX2" fmla="*/ 0 w 532562"/>
                <a:gd name="connsiteY2" fmla="*/ 432079 h 537586"/>
                <a:gd name="connsiteX3" fmla="*/ 95459 w 532562"/>
                <a:gd name="connsiteY3" fmla="*/ 522514 h 537586"/>
                <a:gd name="connsiteX4" fmla="*/ 165798 w 532562"/>
                <a:gd name="connsiteY4" fmla="*/ 537586 h 537586"/>
                <a:gd name="connsiteX5" fmla="*/ 205991 w 532562"/>
                <a:gd name="connsiteY5" fmla="*/ 281353 h 537586"/>
                <a:gd name="connsiteX6" fmla="*/ 532562 w 532562"/>
                <a:gd name="connsiteY6" fmla="*/ 311498 h 537586"/>
                <a:gd name="connsiteX7" fmla="*/ 527538 w 532562"/>
                <a:gd name="connsiteY7" fmla="*/ 120580 h 537586"/>
                <a:gd name="connsiteX8" fmla="*/ 256233 w 532562"/>
                <a:gd name="connsiteY8" fmla="*/ 95459 h 537586"/>
                <a:gd name="connsiteX9" fmla="*/ 70338 w 532562"/>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256233 w 540866"/>
                <a:gd name="connsiteY8" fmla="*/ 95459 h 537586"/>
                <a:gd name="connsiteX9" fmla="*/ 70338 w 540866"/>
                <a:gd name="connsiteY9" fmla="*/ 0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205991 w 540866"/>
                <a:gd name="connsiteY5" fmla="*/ 281353 h 537586"/>
                <a:gd name="connsiteX6" fmla="*/ 532562 w 540866"/>
                <a:gd name="connsiteY6" fmla="*/ 311498 h 537586"/>
                <a:gd name="connsiteX7" fmla="*/ 540866 w 540866"/>
                <a:gd name="connsiteY7" fmla="*/ 85903 h 537586"/>
                <a:gd name="connsiteX8" fmla="*/ 312912 w 540866"/>
                <a:gd name="connsiteY8" fmla="*/ 102869 h 537586"/>
                <a:gd name="connsiteX9" fmla="*/ 70338 w 540866"/>
                <a:gd name="connsiteY9" fmla="*/ 0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85903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32562 w 540866"/>
                <a:gd name="connsiteY7" fmla="*/ 311498 h 537586"/>
                <a:gd name="connsiteX8" fmla="*/ 540866 w 540866"/>
                <a:gd name="connsiteY8" fmla="*/ 102869 h 537586"/>
                <a:gd name="connsiteX9" fmla="*/ 443541 w 540866"/>
                <a:gd name="connsiteY9"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205991 w 540866"/>
                <a:gd name="connsiteY6" fmla="*/ 281353 h 537586"/>
                <a:gd name="connsiteX7" fmla="*/ 540866 w 540866"/>
                <a:gd name="connsiteY7" fmla="*/ 102869 h 537586"/>
                <a:gd name="connsiteX8" fmla="*/ 443541 w 540866"/>
                <a:gd name="connsiteY8" fmla="*/ 233498 h 537586"/>
                <a:gd name="connsiteX0" fmla="*/ 312912 w 540866"/>
                <a:gd name="connsiteY0" fmla="*/ 102869 h 537586"/>
                <a:gd name="connsiteX1" fmla="*/ 70338 w 540866"/>
                <a:gd name="connsiteY1" fmla="*/ 0 h 537586"/>
                <a:gd name="connsiteX2" fmla="*/ 40193 w 540866"/>
                <a:gd name="connsiteY2" fmla="*/ 40193 h 537586"/>
                <a:gd name="connsiteX3" fmla="*/ 0 w 540866"/>
                <a:gd name="connsiteY3" fmla="*/ 432079 h 537586"/>
                <a:gd name="connsiteX4" fmla="*/ 95459 w 540866"/>
                <a:gd name="connsiteY4" fmla="*/ 522514 h 537586"/>
                <a:gd name="connsiteX5" fmla="*/ 165798 w 540866"/>
                <a:gd name="connsiteY5" fmla="*/ 537586 h 537586"/>
                <a:gd name="connsiteX6" fmla="*/ 540866 w 540866"/>
                <a:gd name="connsiteY6" fmla="*/ 102869 h 537586"/>
                <a:gd name="connsiteX7" fmla="*/ 443541 w 540866"/>
                <a:gd name="connsiteY7"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7" fmla="*/ 447560 w 540866"/>
                <a:gd name="connsiteY7" fmla="*/ 243592 h 537586"/>
                <a:gd name="connsiteX0" fmla="*/ 70338 w 540866"/>
                <a:gd name="connsiteY0" fmla="*/ 0 h 537586"/>
                <a:gd name="connsiteX1" fmla="*/ 40193 w 540866"/>
                <a:gd name="connsiteY1" fmla="*/ 40193 h 537586"/>
                <a:gd name="connsiteX2" fmla="*/ 0 w 540866"/>
                <a:gd name="connsiteY2" fmla="*/ 432079 h 537586"/>
                <a:gd name="connsiteX3" fmla="*/ 95459 w 540866"/>
                <a:gd name="connsiteY3" fmla="*/ 522514 h 537586"/>
                <a:gd name="connsiteX4" fmla="*/ 165798 w 540866"/>
                <a:gd name="connsiteY4" fmla="*/ 537586 h 537586"/>
                <a:gd name="connsiteX5" fmla="*/ 540866 w 540866"/>
                <a:gd name="connsiteY5" fmla="*/ 102869 h 537586"/>
                <a:gd name="connsiteX6" fmla="*/ 443541 w 540866"/>
                <a:gd name="connsiteY6" fmla="*/ 233498 h 537586"/>
                <a:gd name="connsiteX0" fmla="*/ 70338 w 443542"/>
                <a:gd name="connsiteY0" fmla="*/ 0 h 537586"/>
                <a:gd name="connsiteX1" fmla="*/ 40193 w 443542"/>
                <a:gd name="connsiteY1" fmla="*/ 40193 h 537586"/>
                <a:gd name="connsiteX2" fmla="*/ 0 w 443542"/>
                <a:gd name="connsiteY2" fmla="*/ 432079 h 537586"/>
                <a:gd name="connsiteX3" fmla="*/ 95459 w 443542"/>
                <a:gd name="connsiteY3" fmla="*/ 522514 h 537586"/>
                <a:gd name="connsiteX4" fmla="*/ 165798 w 443542"/>
                <a:gd name="connsiteY4" fmla="*/ 537586 h 537586"/>
                <a:gd name="connsiteX5" fmla="*/ 443541 w 443542"/>
                <a:gd name="connsiteY5" fmla="*/ 233498 h 537586"/>
                <a:gd name="connsiteX0" fmla="*/ 70338 w 165797"/>
                <a:gd name="connsiteY0" fmla="*/ 0 h 537586"/>
                <a:gd name="connsiteX1" fmla="*/ 40193 w 165797"/>
                <a:gd name="connsiteY1" fmla="*/ 40193 h 537586"/>
                <a:gd name="connsiteX2" fmla="*/ 0 w 165797"/>
                <a:gd name="connsiteY2" fmla="*/ 432079 h 537586"/>
                <a:gd name="connsiteX3" fmla="*/ 95459 w 165797"/>
                <a:gd name="connsiteY3" fmla="*/ 522514 h 537586"/>
                <a:gd name="connsiteX4" fmla="*/ 165798 w 165797"/>
                <a:gd name="connsiteY4" fmla="*/ 537586 h 537586"/>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5797" h="537586">
                  <a:moveTo>
                    <a:pt x="70338" y="0"/>
                  </a:moveTo>
                  <a:lnTo>
                    <a:pt x="40193" y="40193"/>
                  </a:lnTo>
                  <a:lnTo>
                    <a:pt x="0" y="432079"/>
                  </a:lnTo>
                  <a:lnTo>
                    <a:pt x="95459" y="522514"/>
                  </a:lnTo>
                  <a:lnTo>
                    <a:pt x="165798" y="537586"/>
                  </a:lnTo>
                </a:path>
              </a:pathLst>
            </a:custGeom>
            <a:no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2" name="直線コネクタ 91"/>
            <p:cNvCxnSpPr/>
            <p:nvPr/>
          </p:nvCxnSpPr>
          <p:spPr>
            <a:xfrm rot="720000">
              <a:off x="2320995" y="5419810"/>
              <a:ext cx="0" cy="36000"/>
            </a:xfrm>
            <a:prstGeom prst="line">
              <a:avLst/>
            </a:prstGeom>
            <a:ln w="12700">
              <a:solidFill>
                <a:schemeClr val="tx1"/>
              </a:solidFill>
              <a:prstDash val="sysDot"/>
            </a:ln>
          </p:spPr>
          <p:style>
            <a:lnRef idx="1">
              <a:schemeClr val="accent1"/>
            </a:lnRef>
            <a:fillRef idx="0">
              <a:schemeClr val="accent1"/>
            </a:fillRef>
            <a:effectRef idx="0">
              <a:schemeClr val="accent1"/>
            </a:effectRef>
            <a:fontRef idx="minor">
              <a:schemeClr val="tx1"/>
            </a:fontRef>
          </p:style>
        </p:cxnSp>
      </p:grpSp>
      <p:sp>
        <p:nvSpPr>
          <p:cNvPr id="99" name="テキスト ボックス 98"/>
          <p:cNvSpPr txBox="1"/>
          <p:nvPr/>
        </p:nvSpPr>
        <p:spPr>
          <a:xfrm>
            <a:off x="4699472" y="2703294"/>
            <a:ext cx="2880320" cy="415498"/>
          </a:xfrm>
          <a:prstGeom prst="rect">
            <a:avLst/>
          </a:prstGeom>
          <a:noFill/>
        </p:spPr>
        <p:txBody>
          <a:bodyPr wrap="square" rtlCol="0">
            <a:spAutoFit/>
          </a:bodyPr>
          <a:lstStyle/>
          <a:p>
            <a:pPr marL="216000" indent="-180000"/>
            <a:r>
              <a:rPr lang="ja-JP" altLang="en-US" sz="1050" dirty="0" smtClean="0">
                <a:latin typeface="+mn-ea"/>
              </a:rPr>
              <a:t>＜天王寺公園各施設の管理運営＞</a:t>
            </a:r>
          </a:p>
          <a:p>
            <a:pPr marL="216000" indent="-180000"/>
            <a:endParaRPr lang="en-US" altLang="ja-JP" sz="1050" dirty="0" smtClean="0"/>
          </a:p>
        </p:txBody>
      </p:sp>
      <p:sp>
        <p:nvSpPr>
          <p:cNvPr id="100" name="テキスト ボックス 99"/>
          <p:cNvSpPr txBox="1"/>
          <p:nvPr/>
        </p:nvSpPr>
        <p:spPr>
          <a:xfrm>
            <a:off x="60382" y="2697294"/>
            <a:ext cx="2880320" cy="415498"/>
          </a:xfrm>
          <a:prstGeom prst="rect">
            <a:avLst/>
          </a:prstGeom>
          <a:noFill/>
        </p:spPr>
        <p:txBody>
          <a:bodyPr wrap="square" rtlCol="0">
            <a:spAutoFit/>
          </a:bodyPr>
          <a:lstStyle/>
          <a:p>
            <a:pPr marL="216000" indent="-180000"/>
            <a:r>
              <a:rPr lang="ja-JP" altLang="en-US" sz="1050" dirty="0" smtClean="0">
                <a:latin typeface="+mn-ea"/>
              </a:rPr>
              <a:t>＜天王寺公園及び周辺地域＞</a:t>
            </a:r>
          </a:p>
          <a:p>
            <a:pPr marL="216000" indent="-180000"/>
            <a:endParaRPr lang="en-US" altLang="ja-JP" sz="1050" dirty="0" smtClean="0"/>
          </a:p>
        </p:txBody>
      </p:sp>
      <p:sp>
        <p:nvSpPr>
          <p:cNvPr id="78" name="左大かっこ 77"/>
          <p:cNvSpPr/>
          <p:nvPr/>
        </p:nvSpPr>
        <p:spPr>
          <a:xfrm>
            <a:off x="6071530" y="3721912"/>
            <a:ext cx="36000" cy="288000"/>
          </a:xfrm>
          <a:prstGeom prst="leftBracket">
            <a:avLst/>
          </a:prstGeom>
          <a:ln w="952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0" name="左大かっこ 79"/>
          <p:cNvSpPr/>
          <p:nvPr/>
        </p:nvSpPr>
        <p:spPr>
          <a:xfrm>
            <a:off x="477241" y="1163618"/>
            <a:ext cx="36000" cy="288000"/>
          </a:xfrm>
          <a:prstGeom prst="leftBracket">
            <a:avLst/>
          </a:prstGeom>
          <a:ln w="952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93" name="スライド番号プレースホルダ 92"/>
          <p:cNvSpPr>
            <a:spLocks noGrp="1"/>
          </p:cNvSpPr>
          <p:nvPr>
            <p:ph type="sldNum" sz="quarter" idx="12"/>
          </p:nvPr>
        </p:nvSpPr>
        <p:spPr/>
        <p:txBody>
          <a:bodyPr/>
          <a:lstStyle/>
          <a:p>
            <a:fld id="{37EF5067-3AB7-4642-9103-42CBD40CC6D9}" type="slidenum">
              <a:rPr kumimoji="1" lang="ja-JP" altLang="en-US" smtClean="0"/>
              <a:pPr/>
              <a:t>31</a:t>
            </a:fld>
            <a:endParaRPr kumimoji="1" lang="ja-JP" altLang="en-US" dirty="0"/>
          </a:p>
        </p:txBody>
      </p:sp>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28"/>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７．天王寺公園</a:t>
            </a:r>
            <a:endParaRPr lang="en-US" altLang="ja-JP" sz="2000" b="1" dirty="0" smtClean="0">
              <a:solidFill>
                <a:schemeClr val="bg1"/>
              </a:solidFill>
              <a:latin typeface="ＭＳ ゴシック" pitchFamily="49" charset="-128"/>
              <a:ea typeface="ＭＳ ゴシック" pitchFamily="49" charset="-128"/>
            </a:endParaRPr>
          </a:p>
        </p:txBody>
      </p:sp>
      <p:sp>
        <p:nvSpPr>
          <p:cNvPr id="15" name="テキスト ボックス 14"/>
          <p:cNvSpPr txBox="1"/>
          <p:nvPr/>
        </p:nvSpPr>
        <p:spPr>
          <a:xfrm>
            <a:off x="45169" y="717962"/>
            <a:ext cx="2819599" cy="5663366"/>
          </a:xfrm>
          <a:prstGeom prst="rect">
            <a:avLst/>
          </a:prstGeom>
          <a:noFill/>
          <a:ln w="12700">
            <a:solidFill>
              <a:schemeClr val="tx1"/>
            </a:solidFill>
          </a:ln>
          <a:effectLst/>
        </p:spPr>
        <p:txBody>
          <a:bodyPr wrap="square" rtlCol="0">
            <a:noAutofit/>
          </a:bodyPr>
          <a:lstStyle/>
          <a:p>
            <a:pPr marL="82800" indent="-82800"/>
            <a:r>
              <a:rPr lang="en-US" altLang="ja-JP" sz="1200" dirty="0" smtClean="0"/>
              <a:t>【</a:t>
            </a:r>
            <a:r>
              <a:rPr lang="ja-JP" altLang="en-US" sz="1200" dirty="0" smtClean="0"/>
              <a:t>上町台地固有の「歴史・文化・自然」の発信拠点としての役割を果たせてない</a:t>
            </a:r>
            <a:r>
              <a:rPr lang="en-US" altLang="ja-JP" sz="1200" dirty="0" smtClean="0"/>
              <a:t>】</a:t>
            </a:r>
          </a:p>
          <a:p>
            <a:pPr marL="82800" indent="-82800">
              <a:spcBef>
                <a:spcPts val="300"/>
              </a:spcBef>
              <a:spcAft>
                <a:spcPts val="1200"/>
              </a:spcAft>
            </a:pPr>
            <a:r>
              <a:rPr lang="ja-JP" altLang="en-US" sz="1200" dirty="0" smtClean="0">
                <a:latin typeface="ＭＳ Ｐ明朝" pitchFamily="18" charset="-128"/>
                <a:ea typeface="ＭＳ Ｐ明朝" pitchFamily="18" charset="-128"/>
              </a:rPr>
              <a:t>・古代、中世、近世にかけての歴史の舞台であり数多くの歴史文化遺産を有する上町台地に位置し、公園自体も歴史と文化と自然が融合した強みを有しているにもかかわらず、その魅力・潜在価値・シンボル性を発信できていない。</a:t>
            </a:r>
            <a:endParaRPr lang="en-US" altLang="ja-JP" sz="1200" dirty="0" smtClean="0">
              <a:latin typeface="ＭＳ Ｐ明朝" pitchFamily="18" charset="-128"/>
              <a:ea typeface="ＭＳ Ｐ明朝" pitchFamily="18" charset="-128"/>
            </a:endParaRPr>
          </a:p>
          <a:p>
            <a:pPr marL="82800" indent="-82800">
              <a:spcBef>
                <a:spcPts val="600"/>
              </a:spcBef>
            </a:pPr>
            <a:r>
              <a:rPr lang="en-US" altLang="ja-JP" sz="1200" dirty="0" smtClean="0"/>
              <a:t>【</a:t>
            </a:r>
            <a:r>
              <a:rPr lang="ja-JP" altLang="en-US" sz="1200" dirty="0" smtClean="0"/>
              <a:t>都心型の立地特性を活かせていない</a:t>
            </a:r>
            <a:r>
              <a:rPr lang="en-US" altLang="ja-JP" sz="1200" dirty="0" smtClean="0"/>
              <a:t>】</a:t>
            </a:r>
          </a:p>
          <a:p>
            <a:pPr marL="82800" lvl="0" indent="-82800">
              <a:spcBef>
                <a:spcPts val="300"/>
              </a:spcBef>
              <a:spcAft>
                <a:spcPts val="1200"/>
              </a:spcAft>
            </a:pPr>
            <a:r>
              <a:rPr lang="ja-JP" altLang="en-US" sz="1200" dirty="0" smtClean="0">
                <a:latin typeface="ＭＳ Ｐ明朝" pitchFamily="18" charset="-128"/>
                <a:ea typeface="ＭＳ Ｐ明朝" pitchFamily="18" charset="-128"/>
              </a:rPr>
              <a:t>・ターミナルに近接し、潜在需要が高く集客装置としての可能性をもった場所であるが、アクセスしにくい。</a:t>
            </a:r>
            <a:endParaRPr lang="en-US" altLang="ja-JP" sz="1200" dirty="0" smtClean="0">
              <a:latin typeface="ＭＳ Ｐ明朝" pitchFamily="18" charset="-128"/>
              <a:ea typeface="ＭＳ Ｐ明朝" pitchFamily="18" charset="-128"/>
            </a:endParaRPr>
          </a:p>
          <a:p>
            <a:pPr marL="82800" indent="-82800">
              <a:spcBef>
                <a:spcPts val="600"/>
              </a:spcBef>
            </a:pPr>
            <a:r>
              <a:rPr lang="en-US" altLang="ja-JP" sz="1200" dirty="0" smtClean="0"/>
              <a:t>【</a:t>
            </a:r>
            <a:r>
              <a:rPr lang="ja-JP" altLang="en-US" sz="1200" dirty="0" smtClean="0"/>
              <a:t>公園内施設の管理運営サービスにまとまりがない</a:t>
            </a:r>
            <a:r>
              <a:rPr lang="en-US" altLang="ja-JP" sz="1200" dirty="0" smtClean="0"/>
              <a:t>】</a:t>
            </a:r>
          </a:p>
          <a:p>
            <a:pPr marL="82800" indent="-82800">
              <a:spcBef>
                <a:spcPts val="300"/>
              </a:spcBef>
              <a:spcAft>
                <a:spcPts val="1200"/>
              </a:spcAft>
            </a:pPr>
            <a:r>
              <a:rPr lang="ja-JP" altLang="en-US" sz="1200" dirty="0" smtClean="0">
                <a:latin typeface="ＭＳ Ｐ明朝" pitchFamily="18" charset="-128"/>
                <a:ea typeface="ＭＳ Ｐ明朝" pitchFamily="18" charset="-128"/>
              </a:rPr>
              <a:t>・管理運営主体が異なる公園内各施設の連携が図られていないため、施設ごとの企画やサービス提供にとどまっている。　</a:t>
            </a:r>
            <a:endParaRPr lang="en-US" altLang="ja-JP" sz="1200" dirty="0" smtClean="0">
              <a:latin typeface="ＭＳ Ｐ明朝" pitchFamily="18" charset="-128"/>
              <a:ea typeface="ＭＳ Ｐ明朝" pitchFamily="18" charset="-128"/>
            </a:endParaRPr>
          </a:p>
          <a:p>
            <a:pPr marL="82800" indent="-82800">
              <a:spcBef>
                <a:spcPts val="600"/>
              </a:spcBef>
            </a:pPr>
            <a:r>
              <a:rPr lang="en-US" altLang="ja-JP" sz="1200" dirty="0" smtClean="0"/>
              <a:t>【</a:t>
            </a:r>
            <a:r>
              <a:rPr lang="ja-JP" altLang="en-US" sz="1200" dirty="0" smtClean="0"/>
              <a:t>個別施設の利用者サービスが不十分</a:t>
            </a:r>
            <a:r>
              <a:rPr lang="en-US" altLang="ja-JP" sz="1200" dirty="0" smtClean="0"/>
              <a:t>】</a:t>
            </a:r>
          </a:p>
          <a:p>
            <a:pPr marL="82800" indent="-82800">
              <a:spcBef>
                <a:spcPts val="300"/>
              </a:spcBef>
              <a:spcAft>
                <a:spcPts val="1200"/>
              </a:spcAft>
            </a:pPr>
            <a:r>
              <a:rPr lang="ja-JP" altLang="en-US" sz="1200" dirty="0" smtClean="0">
                <a:latin typeface="ＭＳ Ｐ明朝" pitchFamily="18" charset="-128"/>
                <a:ea typeface="ＭＳ Ｐ明朝" pitchFamily="18" charset="-128"/>
              </a:rPr>
              <a:t>・来訪者へのサービスの質と量が不十分で、施設の老朽化が著しい。</a:t>
            </a:r>
            <a:endParaRPr lang="en-US" altLang="ja-JP" sz="1200" dirty="0" smtClean="0">
              <a:latin typeface="ＭＳ Ｐ明朝" pitchFamily="18" charset="-128"/>
              <a:ea typeface="ＭＳ Ｐ明朝" pitchFamily="18" charset="-128"/>
            </a:endParaRPr>
          </a:p>
        </p:txBody>
      </p:sp>
      <p:sp>
        <p:nvSpPr>
          <p:cNvPr id="7" name="正方形/長方形 6"/>
          <p:cNvSpPr/>
          <p:nvPr/>
        </p:nvSpPr>
        <p:spPr>
          <a:xfrm>
            <a:off x="31521" y="453144"/>
            <a:ext cx="2833247" cy="23955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200" b="1" dirty="0" smtClean="0"/>
              <a:t>課　　題</a:t>
            </a:r>
            <a:endParaRPr kumimoji="1" lang="ja-JP" altLang="en-US" sz="1200" b="1" dirty="0"/>
          </a:p>
        </p:txBody>
      </p:sp>
      <p:sp>
        <p:nvSpPr>
          <p:cNvPr id="8" name="右矢印 7"/>
          <p:cNvSpPr/>
          <p:nvPr/>
        </p:nvSpPr>
        <p:spPr>
          <a:xfrm>
            <a:off x="2925659" y="2852936"/>
            <a:ext cx="227141" cy="742314"/>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3183864" y="428414"/>
            <a:ext cx="4068000" cy="264282"/>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200" b="1" dirty="0" smtClean="0"/>
              <a:t>改革方針</a:t>
            </a:r>
            <a:endParaRPr kumimoji="1" lang="ja-JP" altLang="en-US" sz="1200" b="1" dirty="0"/>
          </a:p>
        </p:txBody>
      </p:sp>
      <p:grpSp>
        <p:nvGrpSpPr>
          <p:cNvPr id="2" name="グループ化 12"/>
          <p:cNvGrpSpPr>
            <a:grpSpLocks noChangeAspect="1"/>
          </p:cNvGrpSpPr>
          <p:nvPr/>
        </p:nvGrpSpPr>
        <p:grpSpPr>
          <a:xfrm>
            <a:off x="7311237" y="704813"/>
            <a:ext cx="2578716" cy="5639583"/>
            <a:chOff x="5529064" y="0"/>
            <a:chExt cx="4136139" cy="9045624"/>
          </a:xfrm>
        </p:grpSpPr>
        <p:pic>
          <p:nvPicPr>
            <p:cNvPr id="1028" name="Picture 4"/>
            <p:cNvPicPr>
              <a:picLocks noChangeAspect="1" noChangeArrowheads="1"/>
            </p:cNvPicPr>
            <p:nvPr/>
          </p:nvPicPr>
          <p:blipFill>
            <a:blip r:embed="rId3" cstate="email"/>
            <a:srcRect/>
            <a:stretch>
              <a:fillRect/>
            </a:stretch>
          </p:blipFill>
          <p:spPr bwMode="auto">
            <a:xfrm>
              <a:off x="5529064" y="6644824"/>
              <a:ext cx="3980434" cy="2400800"/>
            </a:xfrm>
            <a:prstGeom prst="rect">
              <a:avLst/>
            </a:prstGeom>
            <a:noFill/>
            <a:ln w="9525">
              <a:noFill/>
              <a:miter lim="800000"/>
              <a:headEnd/>
              <a:tailEnd/>
            </a:ln>
          </p:spPr>
        </p:pic>
        <p:pic>
          <p:nvPicPr>
            <p:cNvPr id="1027" name="Picture 3"/>
            <p:cNvPicPr>
              <a:picLocks noChangeAspect="1" noChangeArrowheads="1"/>
            </p:cNvPicPr>
            <p:nvPr/>
          </p:nvPicPr>
          <p:blipFill>
            <a:blip r:embed="rId4" cstate="email"/>
            <a:srcRect/>
            <a:stretch>
              <a:fillRect/>
            </a:stretch>
          </p:blipFill>
          <p:spPr bwMode="auto">
            <a:xfrm>
              <a:off x="5817101" y="0"/>
              <a:ext cx="3848102" cy="9045624"/>
            </a:xfrm>
            <a:prstGeom prst="rect">
              <a:avLst/>
            </a:prstGeom>
            <a:noFill/>
            <a:ln w="9525">
              <a:noFill/>
              <a:miter lim="800000"/>
              <a:headEnd/>
              <a:tailEnd/>
            </a:ln>
          </p:spPr>
        </p:pic>
      </p:grpSp>
      <p:sp>
        <p:nvSpPr>
          <p:cNvPr id="16" name="テキスト ボックス 15"/>
          <p:cNvSpPr txBox="1"/>
          <p:nvPr/>
        </p:nvSpPr>
        <p:spPr>
          <a:xfrm>
            <a:off x="3183864" y="716446"/>
            <a:ext cx="4073392" cy="5664882"/>
          </a:xfrm>
          <a:prstGeom prst="rect">
            <a:avLst/>
          </a:prstGeom>
          <a:noFill/>
          <a:ln w="12700">
            <a:solidFill>
              <a:schemeClr val="tx1"/>
            </a:solidFill>
          </a:ln>
          <a:effectLst/>
        </p:spPr>
        <p:txBody>
          <a:bodyPr wrap="square" rtlCol="0">
            <a:noAutofit/>
          </a:bodyPr>
          <a:lstStyle/>
          <a:p>
            <a:pPr marL="82800" indent="-82800"/>
            <a:r>
              <a:rPr lang="en-US" altLang="ja-JP" sz="1200" dirty="0" smtClean="0"/>
              <a:t>【</a:t>
            </a:r>
            <a:r>
              <a:rPr lang="ja-JP" altLang="en-US" sz="1200" dirty="0" smtClean="0"/>
              <a:t>「歴史・文化・自然」の再発見・発信</a:t>
            </a:r>
            <a:r>
              <a:rPr lang="en-US" altLang="ja-JP" sz="1200" dirty="0" smtClean="0"/>
              <a:t>】</a:t>
            </a:r>
          </a:p>
          <a:p>
            <a:pPr marL="82800" indent="-82800">
              <a:spcAft>
                <a:spcPts val="600"/>
              </a:spcAft>
            </a:pPr>
            <a:r>
              <a:rPr lang="ja-JP" altLang="en-US" sz="1200" dirty="0" smtClean="0">
                <a:latin typeface="ＭＳ Ｐ明朝" pitchFamily="18" charset="-128"/>
                <a:ea typeface="ＭＳ Ｐ明朝" pitchFamily="18" charset="-128"/>
              </a:rPr>
              <a:t>・上町台地に固有の「歴史・文化・自然」を掘り起こし、公園を拠点として市民へ発信する。</a:t>
            </a:r>
            <a:endParaRPr lang="en-US" altLang="ja-JP" sz="1200" dirty="0" smtClean="0">
              <a:latin typeface="ＭＳ Ｐ明朝" pitchFamily="18" charset="-128"/>
              <a:ea typeface="ＭＳ Ｐ明朝" pitchFamily="18" charset="-128"/>
            </a:endParaRPr>
          </a:p>
          <a:p>
            <a:pPr marL="288000" indent="-180000">
              <a:spcAft>
                <a:spcPts val="300"/>
              </a:spcAft>
            </a:pPr>
            <a:r>
              <a:rPr lang="ja-JP" altLang="en-US" sz="1100" dirty="0" smtClean="0">
                <a:latin typeface="ＭＳ Ｐ明朝" pitchFamily="18" charset="-128"/>
                <a:ea typeface="ＭＳ Ｐ明朝" pitchFamily="18" charset="-128"/>
              </a:rPr>
              <a:t>　・上町台地マイルド</a:t>
            </a:r>
            <a:r>
              <a:rPr lang="en-US" altLang="ja-JP" sz="1100" dirty="0" smtClean="0">
                <a:latin typeface="ＭＳ Ｐ明朝" pitchFamily="18" charset="-128"/>
                <a:ea typeface="ＭＳ Ｐ明朝" pitchFamily="18" charset="-128"/>
              </a:rPr>
              <a:t>HOPE</a:t>
            </a:r>
            <a:r>
              <a:rPr lang="ja-JP" altLang="en-US" sz="1100" dirty="0" smtClean="0">
                <a:latin typeface="ＭＳ Ｐ明朝" pitchFamily="18" charset="-128"/>
                <a:ea typeface="ＭＳ Ｐ明朝" pitchFamily="18" charset="-128"/>
              </a:rPr>
              <a:t>ゾーン事業では魅力情報の発信のためのツアー開催や地域資源の掘り起こしなどを実施中</a:t>
            </a:r>
            <a:endParaRPr lang="en-US" altLang="ja-JP" sz="1100" dirty="0" smtClean="0">
              <a:latin typeface="ＭＳ Ｐ明朝" pitchFamily="18" charset="-128"/>
              <a:ea typeface="ＭＳ Ｐ明朝" pitchFamily="18" charset="-128"/>
            </a:endParaRPr>
          </a:p>
          <a:p>
            <a:pPr marL="288000" indent="-180000">
              <a:spcAft>
                <a:spcPts val="300"/>
              </a:spcAft>
            </a:pPr>
            <a:r>
              <a:rPr lang="ja-JP" altLang="en-US" sz="1100" dirty="0" smtClean="0">
                <a:latin typeface="ＭＳ Ｐ明朝" pitchFamily="18" charset="-128"/>
                <a:ea typeface="ＭＳ Ｐ明朝" pitchFamily="18" charset="-128"/>
              </a:rPr>
              <a:t>　・上町台地周遊マップの制作（</a:t>
            </a:r>
            <a:r>
              <a:rPr lang="en-US" altLang="ja-JP" sz="1100" dirty="0" smtClean="0">
                <a:latin typeface="ＭＳ Ｐ明朝" pitchFamily="18" charset="-128"/>
                <a:ea typeface="ＭＳ Ｐ明朝" pitchFamily="18" charset="-128"/>
              </a:rPr>
              <a:t>2012</a:t>
            </a:r>
            <a:r>
              <a:rPr lang="ja-JP" altLang="en-US" sz="1100" dirty="0" smtClean="0">
                <a:latin typeface="ＭＳ Ｐ明朝" pitchFamily="18" charset="-128"/>
                <a:ea typeface="ＭＳ Ｐ明朝" pitchFamily="18" charset="-128"/>
              </a:rPr>
              <a:t>年～）</a:t>
            </a:r>
          </a:p>
          <a:p>
            <a:pPr marL="288000" indent="-180000">
              <a:spcAft>
                <a:spcPts val="600"/>
              </a:spcAft>
            </a:pPr>
            <a:r>
              <a:rPr lang="ja-JP" altLang="en-US" sz="1100" dirty="0" smtClean="0">
                <a:latin typeface="ＭＳ Ｐ明朝" pitchFamily="18" charset="-128"/>
                <a:ea typeface="ＭＳ Ｐ明朝" pitchFamily="18" charset="-128"/>
              </a:rPr>
              <a:t>　・天王寺真田幸村博の開催（天王寺公園、真田山公園ほか／</a:t>
            </a:r>
            <a:r>
              <a:rPr lang="en-US" altLang="ja-JP" sz="1100" dirty="0" smtClean="0">
                <a:latin typeface="ＭＳ Ｐ明朝" pitchFamily="18" charset="-128"/>
                <a:ea typeface="ＭＳ Ｐ明朝" pitchFamily="18" charset="-128"/>
              </a:rPr>
              <a:t>2014</a:t>
            </a:r>
            <a:r>
              <a:rPr lang="ja-JP" altLang="en-US" sz="1100" dirty="0" smtClean="0">
                <a:latin typeface="ＭＳ Ｐ明朝" pitchFamily="18" charset="-128"/>
                <a:ea typeface="ＭＳ Ｐ明朝" pitchFamily="18" charset="-128"/>
              </a:rPr>
              <a:t>～</a:t>
            </a:r>
            <a:r>
              <a:rPr lang="en-US" altLang="ja-JP" sz="1100" dirty="0" smtClean="0">
                <a:latin typeface="ＭＳ Ｐ明朝" pitchFamily="18" charset="-128"/>
                <a:ea typeface="ＭＳ Ｐ明朝" pitchFamily="18" charset="-128"/>
              </a:rPr>
              <a:t>2015</a:t>
            </a:r>
            <a:r>
              <a:rPr lang="ja-JP" altLang="en-US" sz="1100" dirty="0" smtClean="0">
                <a:latin typeface="ＭＳ Ｐ明朝" pitchFamily="18" charset="-128"/>
                <a:ea typeface="ＭＳ Ｐ明朝" pitchFamily="18" charset="-128"/>
              </a:rPr>
              <a:t>年）</a:t>
            </a:r>
            <a:endParaRPr lang="en-US" altLang="ja-JP" sz="1100" dirty="0" smtClean="0">
              <a:latin typeface="ＭＳ Ｐ明朝" pitchFamily="18" charset="-128"/>
              <a:ea typeface="ＭＳ Ｐ明朝" pitchFamily="18" charset="-128"/>
            </a:endParaRPr>
          </a:p>
          <a:p>
            <a:pPr marL="82800" indent="-82800">
              <a:spcBef>
                <a:spcPts val="600"/>
              </a:spcBef>
            </a:pPr>
            <a:r>
              <a:rPr lang="en-US" altLang="ja-JP" sz="1200" dirty="0" smtClean="0"/>
              <a:t>【</a:t>
            </a:r>
            <a:r>
              <a:rPr lang="ja-JP" altLang="en-US" sz="1200" dirty="0" smtClean="0"/>
              <a:t>公園のオープン化とアクセス改善</a:t>
            </a:r>
            <a:r>
              <a:rPr lang="en-US" altLang="ja-JP" sz="1200" dirty="0" smtClean="0"/>
              <a:t>】</a:t>
            </a:r>
          </a:p>
          <a:p>
            <a:pPr marL="82800" lvl="0" indent="-82800">
              <a:spcAft>
                <a:spcPts val="600"/>
              </a:spcAft>
            </a:pPr>
            <a:r>
              <a:rPr lang="ja-JP" altLang="en-US" sz="1200" dirty="0" smtClean="0">
                <a:latin typeface="ＭＳ Ｐ明朝" pitchFamily="18" charset="-128"/>
                <a:ea typeface="ＭＳ Ｐ明朝" pitchFamily="18" charset="-128"/>
              </a:rPr>
              <a:t>・公園の無料化とともに、わかりやすい動線の確保、わくわく感と余韻を楽しめる空間の形成を図る。</a:t>
            </a:r>
            <a:endParaRPr lang="en-US" altLang="ja-JP" sz="1200" dirty="0" smtClean="0">
              <a:latin typeface="ＭＳ Ｐ明朝" pitchFamily="18" charset="-128"/>
              <a:ea typeface="ＭＳ Ｐ明朝" pitchFamily="18" charset="-128"/>
            </a:endParaRPr>
          </a:p>
          <a:p>
            <a:pPr marL="144000" indent="-216000"/>
            <a:r>
              <a:rPr lang="ja-JP" altLang="en-US" sz="1100" dirty="0" smtClean="0">
                <a:latin typeface="ＭＳ Ｐ明朝" pitchFamily="18" charset="-128"/>
                <a:ea typeface="ＭＳ Ｐ明朝" pitchFamily="18" charset="-128"/>
              </a:rPr>
              <a:t>　（例）最寄駅からのアクセス環境の整備、動物園・美術館等へ</a:t>
            </a:r>
            <a:endParaRPr lang="en-US" altLang="ja-JP" sz="1100" dirty="0" smtClean="0">
              <a:latin typeface="ＭＳ Ｐ明朝" pitchFamily="18" charset="-128"/>
              <a:ea typeface="ＭＳ Ｐ明朝" pitchFamily="18" charset="-128"/>
            </a:endParaRPr>
          </a:p>
          <a:p>
            <a:pPr marL="144000" indent="-216000">
              <a:spcAft>
                <a:spcPts val="600"/>
              </a:spcAft>
            </a:pPr>
            <a:r>
              <a:rPr lang="ja-JP" altLang="en-US" sz="1100" dirty="0" smtClean="0">
                <a:latin typeface="ＭＳ Ｐ明朝" pitchFamily="18" charset="-128"/>
                <a:ea typeface="ＭＳ Ｐ明朝" pitchFamily="18" charset="-128"/>
              </a:rPr>
              <a:t>　　　　向かうルートでのわくわく感の演出など</a:t>
            </a:r>
            <a:endParaRPr lang="en-US" altLang="ja-JP" sz="1100" dirty="0" smtClean="0">
              <a:latin typeface="ＭＳ Ｐ明朝" pitchFamily="18" charset="-128"/>
              <a:ea typeface="ＭＳ Ｐ明朝" pitchFamily="18" charset="-128"/>
            </a:endParaRPr>
          </a:p>
          <a:p>
            <a:pPr marL="82800" indent="-82800">
              <a:spcBef>
                <a:spcPts val="600"/>
              </a:spcBef>
            </a:pPr>
            <a:r>
              <a:rPr lang="en-US" altLang="ja-JP" sz="1200" dirty="0" smtClean="0"/>
              <a:t>【</a:t>
            </a:r>
            <a:r>
              <a:rPr lang="ja-JP" altLang="en-US" sz="1200" dirty="0" smtClean="0"/>
              <a:t>公園の一体的マネジメント</a:t>
            </a:r>
            <a:r>
              <a:rPr lang="en-US" altLang="ja-JP" sz="1200" dirty="0" smtClean="0"/>
              <a:t>】</a:t>
            </a:r>
          </a:p>
          <a:p>
            <a:pPr marL="82800" lvl="0" indent="-82800">
              <a:spcAft>
                <a:spcPts val="600"/>
              </a:spcAft>
            </a:pPr>
            <a:r>
              <a:rPr lang="ja-JP" altLang="en-US" sz="1200" dirty="0" smtClean="0">
                <a:latin typeface="ＭＳ Ｐ明朝" pitchFamily="18" charset="-128"/>
                <a:ea typeface="ＭＳ Ｐ明朝" pitchFamily="18" charset="-128"/>
              </a:rPr>
              <a:t>・公園の一体的マネジメントにより、施設間の連携を促進し、公園全体を見通しての最適な企画や高付加価値サービス等を提供する。</a:t>
            </a:r>
            <a:endParaRPr lang="en-US" altLang="ja-JP" sz="1200" dirty="0" smtClean="0">
              <a:latin typeface="ＭＳ Ｐ明朝" pitchFamily="18" charset="-128"/>
              <a:ea typeface="ＭＳ Ｐ明朝" pitchFamily="18" charset="-128"/>
            </a:endParaRPr>
          </a:p>
          <a:p>
            <a:pPr marL="144000" lvl="0" indent="-216000"/>
            <a:r>
              <a:rPr lang="ja-JP" altLang="en-US" sz="1100" dirty="0" smtClean="0">
                <a:latin typeface="ＭＳ Ｐ明朝" pitchFamily="18" charset="-128"/>
                <a:ea typeface="ＭＳ Ｐ明朝" pitchFamily="18" charset="-128"/>
              </a:rPr>
              <a:t>　（例）美術館・慶沢園の一体的活用（共通入場券の導入）、</a:t>
            </a:r>
            <a:endParaRPr lang="en-US" altLang="ja-JP" sz="1100" dirty="0" smtClean="0">
              <a:latin typeface="ＭＳ Ｐ明朝" pitchFamily="18" charset="-128"/>
              <a:ea typeface="ＭＳ Ｐ明朝" pitchFamily="18" charset="-128"/>
            </a:endParaRPr>
          </a:p>
          <a:p>
            <a:pPr marL="144000" lvl="0" indent="-216000">
              <a:spcAft>
                <a:spcPts val="600"/>
              </a:spcAft>
            </a:pPr>
            <a:r>
              <a:rPr lang="ja-JP" altLang="en-US" sz="1100" dirty="0" smtClean="0">
                <a:latin typeface="ＭＳ Ｐ明朝" pitchFamily="18" charset="-128"/>
                <a:ea typeface="ＭＳ Ｐ明朝" pitchFamily="18" charset="-128"/>
              </a:rPr>
              <a:t>　　　　案内サインの統一化など</a:t>
            </a:r>
            <a:endParaRPr lang="en-US" altLang="ja-JP" sz="1100" dirty="0" smtClean="0">
              <a:latin typeface="ＭＳ Ｐ明朝" pitchFamily="18" charset="-128"/>
              <a:ea typeface="ＭＳ Ｐ明朝" pitchFamily="18" charset="-128"/>
            </a:endParaRPr>
          </a:p>
          <a:p>
            <a:pPr marL="82800" lvl="0" indent="-82800">
              <a:spcBef>
                <a:spcPts val="600"/>
              </a:spcBef>
            </a:pPr>
            <a:r>
              <a:rPr lang="en-US" altLang="ja-JP" sz="1200" dirty="0" smtClean="0">
                <a:solidFill>
                  <a:prstClr val="black"/>
                </a:solidFill>
              </a:rPr>
              <a:t>【</a:t>
            </a:r>
            <a:r>
              <a:rPr lang="ja-JP" altLang="en-US" sz="1200" dirty="0" smtClean="0">
                <a:solidFill>
                  <a:prstClr val="black"/>
                </a:solidFill>
              </a:rPr>
              <a:t>公園施設の魅力向上</a:t>
            </a:r>
            <a:r>
              <a:rPr lang="en-US" altLang="ja-JP" sz="1200" dirty="0" smtClean="0">
                <a:solidFill>
                  <a:prstClr val="black"/>
                </a:solidFill>
              </a:rPr>
              <a:t>】</a:t>
            </a:r>
          </a:p>
          <a:p>
            <a:pPr marL="82800" lvl="0" indent="-82800">
              <a:spcAft>
                <a:spcPts val="600"/>
              </a:spcAft>
            </a:pPr>
            <a:r>
              <a:rPr lang="ja-JP" altLang="en-US" sz="1200" dirty="0" smtClean="0">
                <a:solidFill>
                  <a:prstClr val="black"/>
                </a:solidFill>
                <a:latin typeface="ＭＳ Ｐ明朝" pitchFamily="18" charset="-128"/>
                <a:ea typeface="ＭＳ Ｐ明朝" pitchFamily="18" charset="-128"/>
              </a:rPr>
              <a:t>・エントランスエリア等に民間活力を導入し、新たな都市魅力を創出する。</a:t>
            </a:r>
            <a:endParaRPr lang="en-US" altLang="ja-JP" sz="1200" dirty="0" smtClean="0">
              <a:solidFill>
                <a:prstClr val="black"/>
              </a:solidFill>
              <a:latin typeface="ＭＳ Ｐ明朝" pitchFamily="18" charset="-128"/>
              <a:ea typeface="ＭＳ Ｐ明朝" pitchFamily="18" charset="-128"/>
            </a:endParaRPr>
          </a:p>
          <a:p>
            <a:pPr marL="82800" lvl="0" indent="-82800">
              <a:spcAft>
                <a:spcPts val="600"/>
              </a:spcAft>
            </a:pPr>
            <a:r>
              <a:rPr lang="ja-JP" altLang="en-US" sz="1200" dirty="0" smtClean="0">
                <a:solidFill>
                  <a:prstClr val="black"/>
                </a:solidFill>
                <a:latin typeface="ＭＳ Ｐ明朝" pitchFamily="18" charset="-128"/>
                <a:ea typeface="ＭＳ Ｐ明朝" pitchFamily="18" charset="-128"/>
              </a:rPr>
              <a:t>・来訪者の利便性向上のため、各施設のリニューアルとサービス機能強化を実施する。</a:t>
            </a:r>
            <a:endParaRPr lang="en-US" altLang="ja-JP" sz="1200" dirty="0" smtClean="0">
              <a:solidFill>
                <a:prstClr val="black"/>
              </a:solidFill>
              <a:latin typeface="ＭＳ Ｐ明朝" pitchFamily="18" charset="-128"/>
              <a:ea typeface="ＭＳ Ｐ明朝" pitchFamily="18" charset="-128"/>
            </a:endParaRPr>
          </a:p>
          <a:p>
            <a:pPr marL="216000" lvl="0" indent="-216000">
              <a:spcAft>
                <a:spcPts val="600"/>
              </a:spcAft>
            </a:pPr>
            <a:endParaRPr lang="en-US" altLang="ja-JP" sz="1200" dirty="0" smtClean="0"/>
          </a:p>
        </p:txBody>
      </p:sp>
      <p:sp>
        <p:nvSpPr>
          <p:cNvPr id="18" name="テキスト ボックス 17"/>
          <p:cNvSpPr txBox="1"/>
          <p:nvPr/>
        </p:nvSpPr>
        <p:spPr>
          <a:xfrm>
            <a:off x="7533064" y="459420"/>
            <a:ext cx="2880320" cy="415498"/>
          </a:xfrm>
          <a:prstGeom prst="rect">
            <a:avLst/>
          </a:prstGeom>
          <a:noFill/>
        </p:spPr>
        <p:txBody>
          <a:bodyPr wrap="square" rtlCol="0">
            <a:spAutoFit/>
          </a:bodyPr>
          <a:lstStyle/>
          <a:p>
            <a:pPr marL="216000" indent="-180000"/>
            <a:r>
              <a:rPr lang="ja-JP" altLang="en-US" sz="1050" dirty="0" smtClean="0">
                <a:latin typeface="+mn-ea"/>
              </a:rPr>
              <a:t>＜上町台地の歴史文化遺産等＞</a:t>
            </a:r>
          </a:p>
          <a:p>
            <a:pPr marL="216000" indent="-180000"/>
            <a:endParaRPr lang="en-US" altLang="ja-JP" sz="1050" dirty="0" smtClean="0"/>
          </a:p>
        </p:txBody>
      </p:sp>
      <p:sp>
        <p:nvSpPr>
          <p:cNvPr id="17" name="左大かっこ 16"/>
          <p:cNvSpPr/>
          <p:nvPr/>
        </p:nvSpPr>
        <p:spPr>
          <a:xfrm>
            <a:off x="3394416" y="1377151"/>
            <a:ext cx="58291" cy="923471"/>
          </a:xfrm>
          <a:prstGeom prst="leftBracket">
            <a:avLst/>
          </a:prstGeom>
          <a:ln w="952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9" name="テキスト ボックス 18"/>
          <p:cNvSpPr txBox="1"/>
          <p:nvPr/>
        </p:nvSpPr>
        <p:spPr>
          <a:xfrm>
            <a:off x="8134704" y="6296883"/>
            <a:ext cx="2088232" cy="369332"/>
          </a:xfrm>
          <a:prstGeom prst="rect">
            <a:avLst/>
          </a:prstGeom>
          <a:noFill/>
        </p:spPr>
        <p:txBody>
          <a:bodyPr wrap="square" rtlCol="0">
            <a:spAutoFit/>
          </a:bodyPr>
          <a:lstStyle/>
          <a:p>
            <a:pPr marL="216000" indent="-180000"/>
            <a:r>
              <a:rPr lang="en-US" altLang="ja-JP" sz="900" dirty="0" smtClean="0">
                <a:latin typeface="+mn-ea"/>
              </a:rPr>
              <a:t>※</a:t>
            </a:r>
            <a:r>
              <a:rPr lang="ja-JP" altLang="en-US" sz="900" dirty="0" smtClean="0">
                <a:latin typeface="+mn-ea"/>
              </a:rPr>
              <a:t>上町台地周遊マップより抜粋</a:t>
            </a:r>
          </a:p>
          <a:p>
            <a:pPr marL="216000" indent="-180000"/>
            <a:endParaRPr lang="en-US" altLang="ja-JP" sz="900" dirty="0" smtClean="0"/>
          </a:p>
        </p:txBody>
      </p:sp>
      <p:sp>
        <p:nvSpPr>
          <p:cNvPr id="20" name="スライド番号プレースホルダ 19"/>
          <p:cNvSpPr>
            <a:spLocks noGrp="1"/>
          </p:cNvSpPr>
          <p:nvPr>
            <p:ph type="sldNum" sz="quarter" idx="12"/>
          </p:nvPr>
        </p:nvSpPr>
        <p:spPr/>
        <p:txBody>
          <a:bodyPr/>
          <a:lstStyle/>
          <a:p>
            <a:fld id="{37EF5067-3AB7-4642-9103-42CBD40CC6D9}" type="slidenum">
              <a:rPr kumimoji="1" lang="ja-JP" altLang="en-US" smtClean="0"/>
              <a:pPr/>
              <a:t>32</a:t>
            </a:fld>
            <a:endParaRPr kumimoji="1" lang="ja-JP" altLang="en-US" dirty="0"/>
          </a:p>
        </p:txBody>
      </p:sp>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415" name="Picture 15"/>
          <p:cNvPicPr>
            <a:picLocks noChangeAspect="1" noChangeArrowheads="1"/>
          </p:cNvPicPr>
          <p:nvPr/>
        </p:nvPicPr>
        <p:blipFill>
          <a:blip r:embed="rId3" cstate="email"/>
          <a:srcRect/>
          <a:stretch>
            <a:fillRect/>
          </a:stretch>
        </p:blipFill>
        <p:spPr bwMode="auto">
          <a:xfrm>
            <a:off x="286899" y="676275"/>
            <a:ext cx="9386887" cy="5510213"/>
          </a:xfrm>
          <a:prstGeom prst="rect">
            <a:avLst/>
          </a:prstGeom>
          <a:noFill/>
          <a:ln w="9525">
            <a:noFill/>
            <a:miter lim="800000"/>
            <a:headEnd/>
            <a:tailEnd/>
          </a:ln>
          <a:effectLst/>
        </p:spPr>
      </p:pic>
      <p:sp>
        <p:nvSpPr>
          <p:cNvPr id="49" name="Rectangle 2"/>
          <p:cNvSpPr txBox="1">
            <a:spLocks noChangeArrowheads="1"/>
          </p:cNvSpPr>
          <p:nvPr/>
        </p:nvSpPr>
        <p:spPr bwMode="auto">
          <a:xfrm>
            <a:off x="0" y="28"/>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７．天王寺公園</a:t>
            </a:r>
            <a:endParaRPr lang="en-US" altLang="ja-JP" sz="2000" b="1" dirty="0" smtClean="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202027" y="389140"/>
            <a:ext cx="2956259" cy="338554"/>
          </a:xfrm>
          <a:prstGeom prst="rect">
            <a:avLst/>
          </a:prstGeom>
          <a:noFill/>
        </p:spPr>
        <p:txBody>
          <a:bodyPr wrap="none" rtlCol="0">
            <a:spAutoFit/>
          </a:bodyPr>
          <a:lstStyle/>
          <a:p>
            <a:pPr lvl="0"/>
            <a:r>
              <a:rPr kumimoji="1" lang="ja-JP" altLang="en-US" sz="1600" dirty="0" smtClean="0"/>
              <a:t>○今後の取組み（スケジュール）</a:t>
            </a:r>
            <a:endParaRPr kumimoji="1" lang="en-US" altLang="ja-JP" sz="1600" dirty="0" smtClean="0"/>
          </a:p>
        </p:txBody>
      </p:sp>
      <p:sp>
        <p:nvSpPr>
          <p:cNvPr id="12" name="角丸四角形 11"/>
          <p:cNvSpPr/>
          <p:nvPr/>
        </p:nvSpPr>
        <p:spPr>
          <a:xfrm>
            <a:off x="288032" y="6455299"/>
            <a:ext cx="9273480" cy="320620"/>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13" name="テキスト ボックス 12"/>
          <p:cNvSpPr txBox="1"/>
          <p:nvPr/>
        </p:nvSpPr>
        <p:spPr>
          <a:xfrm>
            <a:off x="236109" y="6166319"/>
            <a:ext cx="3579826" cy="338554"/>
          </a:xfrm>
          <a:prstGeom prst="rect">
            <a:avLst/>
          </a:prstGeom>
          <a:noFill/>
        </p:spPr>
        <p:txBody>
          <a:bodyPr wrap="none" rtlCol="0">
            <a:spAutoFit/>
          </a:bodyPr>
          <a:lstStyle/>
          <a:p>
            <a:r>
              <a:rPr lang="ja-JP" altLang="en-US" sz="1600" dirty="0" smtClean="0">
                <a:solidFill>
                  <a:prstClr val="black"/>
                </a:solidFill>
              </a:rPr>
              <a:t>○</a:t>
            </a:r>
            <a:r>
              <a:rPr lang="en-US" altLang="ja-JP" sz="1600" dirty="0" smtClean="0">
                <a:solidFill>
                  <a:prstClr val="black"/>
                </a:solidFill>
              </a:rPr>
              <a:t>『</a:t>
            </a:r>
            <a:r>
              <a:rPr lang="ja-JP" altLang="en-US" sz="1600" dirty="0" smtClean="0">
                <a:solidFill>
                  <a:prstClr val="black"/>
                </a:solidFill>
              </a:rPr>
              <a:t>天王寺公園</a:t>
            </a:r>
            <a:r>
              <a:rPr lang="en-US" altLang="ja-JP" sz="1600" dirty="0" smtClean="0">
                <a:solidFill>
                  <a:prstClr val="black"/>
                </a:solidFill>
              </a:rPr>
              <a:t>』</a:t>
            </a:r>
            <a:r>
              <a:rPr lang="ja-JP" altLang="en-US" sz="1600" dirty="0" smtClean="0">
                <a:solidFill>
                  <a:prstClr val="black"/>
                </a:solidFill>
              </a:rPr>
              <a:t>エリアの担当部局一覧</a:t>
            </a:r>
            <a:endParaRPr lang="en-US" altLang="ja-JP" sz="1600" dirty="0" smtClean="0">
              <a:solidFill>
                <a:prstClr val="black"/>
              </a:solidFill>
            </a:endParaRPr>
          </a:p>
        </p:txBody>
      </p:sp>
      <p:sp>
        <p:nvSpPr>
          <p:cNvPr id="14" name="テキスト ボックス 13"/>
          <p:cNvSpPr txBox="1"/>
          <p:nvPr/>
        </p:nvSpPr>
        <p:spPr>
          <a:xfrm>
            <a:off x="452133" y="6467093"/>
            <a:ext cx="4310795" cy="307777"/>
          </a:xfrm>
          <a:prstGeom prst="rect">
            <a:avLst/>
          </a:prstGeom>
          <a:noFill/>
        </p:spPr>
        <p:txBody>
          <a:bodyPr wrap="none" rtlCol="0">
            <a:spAutoFit/>
          </a:bodyPr>
          <a:lstStyle/>
          <a:p>
            <a:pPr lvl="0"/>
            <a:r>
              <a:rPr lang="ja-JP" altLang="en-US" sz="1400" dirty="0" smtClean="0">
                <a:latin typeface="ＭＳ Ｐ明朝" pitchFamily="18" charset="-128"/>
                <a:ea typeface="ＭＳ Ｐ明朝" pitchFamily="18" charset="-128"/>
              </a:rPr>
              <a:t>・</a:t>
            </a:r>
            <a:r>
              <a:rPr lang="ja-JP" altLang="en-US" sz="1400" dirty="0" smtClean="0">
                <a:solidFill>
                  <a:prstClr val="black"/>
                </a:solidFill>
                <a:latin typeface="ＭＳ Ｐ明朝" pitchFamily="18" charset="-128"/>
                <a:ea typeface="ＭＳ Ｐ明朝" pitchFamily="18" charset="-128"/>
              </a:rPr>
              <a:t>大阪市：経済戦略局、建設局、交通局、阿倍野区役所</a:t>
            </a:r>
            <a:endParaRPr lang="en-US" altLang="ja-JP" sz="1400" dirty="0" smtClean="0">
              <a:solidFill>
                <a:prstClr val="black"/>
              </a:solidFill>
              <a:latin typeface="ＭＳ Ｐ明朝" pitchFamily="18" charset="-128"/>
              <a:ea typeface="ＭＳ Ｐ明朝"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33</a:t>
            </a:fld>
            <a:endParaRPr kumimoji="1" lang="ja-JP" altLang="en-US" dirty="0"/>
          </a:p>
        </p:txBody>
      </p:sp>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8"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prstClr val="white"/>
                </a:solidFill>
                <a:latin typeface="ＭＳ ゴシック" pitchFamily="49" charset="-128"/>
                <a:ea typeface="ＭＳ ゴシック" pitchFamily="49" charset="-128"/>
              </a:rPr>
              <a:t>大阪</a:t>
            </a:r>
            <a:r>
              <a:rPr lang="ja-JP" altLang="en-US" sz="2000" b="1" dirty="0" smtClean="0">
                <a:solidFill>
                  <a:prstClr val="white"/>
                </a:solidFill>
                <a:latin typeface="ＭＳ ゴシック" pitchFamily="49" charset="-128"/>
                <a:ea typeface="ＭＳ ゴシック" pitchFamily="49" charset="-128"/>
              </a:rPr>
              <a:t>府内のその他のエリア</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endParaRPr lang="en-US" altLang="ja-JP" sz="2000" b="1" dirty="0" smtClean="0">
              <a:solidFill>
                <a:prstClr val="white"/>
              </a:solidFill>
              <a:latin typeface="ＭＳ ゴシック" pitchFamily="49" charset="-128"/>
              <a:ea typeface="ＭＳ ゴシック" pitchFamily="49" charset="-128"/>
            </a:endParaRPr>
          </a:p>
        </p:txBody>
      </p:sp>
      <p:sp>
        <p:nvSpPr>
          <p:cNvPr id="7" name="正方形/長方形 6"/>
          <p:cNvSpPr/>
          <p:nvPr/>
        </p:nvSpPr>
        <p:spPr>
          <a:xfrm>
            <a:off x="591406" y="692696"/>
            <a:ext cx="8736971" cy="5762156"/>
          </a:xfrm>
          <a:prstGeom prst="rect">
            <a:avLst/>
          </a:prstGeom>
          <a:ln>
            <a:noFill/>
          </a:ln>
        </p:spPr>
        <p:style>
          <a:lnRef idx="2">
            <a:schemeClr val="accent1"/>
          </a:lnRef>
          <a:fillRef idx="1">
            <a:schemeClr val="lt1"/>
          </a:fillRef>
          <a:effectRef idx="0">
            <a:schemeClr val="accent1"/>
          </a:effectRef>
          <a:fontRef idx="minor">
            <a:schemeClr val="dk1"/>
          </a:fontRef>
        </p:style>
        <p:txBody>
          <a:bodyPr rtlCol="0" anchor="t"/>
          <a:lstStyle/>
          <a:p>
            <a:r>
              <a:rPr kumimoji="1" lang="ja-JP" altLang="en-US" sz="1600" dirty="0" smtClean="0">
                <a:solidFill>
                  <a:schemeClr val="tx1"/>
                </a:solidFill>
                <a:latin typeface="ＭＳ Ｐ明朝" panose="02020600040205080304" pitchFamily="18" charset="-128"/>
                <a:ea typeface="ＭＳ Ｐ明朝" panose="02020600040205080304" pitchFamily="18" charset="-128"/>
              </a:rPr>
              <a:t>大阪市域を除く府内の各エリアでも、改革・取組みを進めている</a:t>
            </a:r>
            <a:endParaRPr kumimoji="1" lang="en-US" altLang="ja-JP" sz="1600" dirty="0" smtClean="0">
              <a:solidFill>
                <a:schemeClr val="tx1"/>
              </a:solidFill>
              <a:latin typeface="ＭＳ Ｐ明朝" panose="02020600040205080304" pitchFamily="18" charset="-128"/>
              <a:ea typeface="ＭＳ Ｐ明朝" panose="02020600040205080304" pitchFamily="18" charset="-128"/>
            </a:endParaRPr>
          </a:p>
          <a:p>
            <a:endParaRPr lang="en-US" altLang="ja-JP" sz="1600" dirty="0">
              <a:solidFill>
                <a:schemeClr val="tx1"/>
              </a:solidFill>
              <a:latin typeface="ＭＳ Ｐ明朝" panose="02020600040205080304" pitchFamily="18" charset="-128"/>
              <a:ea typeface="ＭＳ Ｐ明朝" panose="02020600040205080304" pitchFamily="18" charset="-128"/>
            </a:endParaRPr>
          </a:p>
          <a:p>
            <a:pPr marL="179388" indent="-179388"/>
            <a:r>
              <a:rPr kumimoji="1" lang="ja-JP" altLang="en-US" sz="1600" dirty="0" smtClean="0">
                <a:solidFill>
                  <a:schemeClr val="tx1"/>
                </a:solidFill>
                <a:latin typeface="ＭＳ Ｐ明朝" panose="02020600040205080304" pitchFamily="18" charset="-128"/>
                <a:ea typeface="ＭＳ Ｐ明朝" panose="02020600040205080304" pitchFamily="18" charset="-128"/>
              </a:rPr>
              <a:t>○経営革新により戦略的な事業展開を図る関西国際空港と、対岸部のり</a:t>
            </a:r>
            <a:r>
              <a:rPr lang="ja-JP" altLang="en-US" sz="1600" dirty="0" smtClean="0">
                <a:solidFill>
                  <a:schemeClr val="tx1"/>
                </a:solidFill>
                <a:latin typeface="ＭＳ Ｐ明朝" panose="02020600040205080304" pitchFamily="18" charset="-128"/>
                <a:ea typeface="ＭＳ Ｐ明朝" panose="02020600040205080304" pitchFamily="18" charset="-128"/>
              </a:rPr>
              <a:t>んくうタウンが、医療関連分野での国際競争力強化を図るなど、存在感を発揮しつつある</a:t>
            </a:r>
            <a:endParaRPr lang="en-US" altLang="ja-JP" sz="1600" dirty="0" smtClean="0">
              <a:solidFill>
                <a:schemeClr val="tx1"/>
              </a:solidFill>
              <a:latin typeface="ＭＳ Ｐ明朝" panose="02020600040205080304" pitchFamily="18" charset="-128"/>
              <a:ea typeface="ＭＳ Ｐ明朝" panose="02020600040205080304" pitchFamily="18" charset="-128"/>
            </a:endParaRPr>
          </a:p>
          <a:p>
            <a:pPr marL="273050" indent="-273050"/>
            <a:r>
              <a:rPr lang="ja-JP" altLang="en-US" sz="1600" dirty="0">
                <a:solidFill>
                  <a:schemeClr val="tx1"/>
                </a:solidFill>
                <a:latin typeface="ＭＳ Ｐ明朝" panose="02020600040205080304" pitchFamily="18" charset="-128"/>
                <a:ea typeface="ＭＳ Ｐ明朝" panose="02020600040205080304" pitchFamily="18" charset="-128"/>
              </a:rPr>
              <a:t>　</a:t>
            </a:r>
            <a:r>
              <a:rPr lang="ja-JP" altLang="en-US" sz="1600" dirty="0" smtClean="0">
                <a:solidFill>
                  <a:schemeClr val="tx1"/>
                </a:solidFill>
                <a:latin typeface="ＭＳ Ｐ明朝" panose="02020600040205080304" pitchFamily="18" charset="-128"/>
                <a:ea typeface="ＭＳ Ｐ明朝" panose="02020600040205080304" pitchFamily="18" charset="-128"/>
              </a:rPr>
              <a:t>　　　・関西国際空港とりんくうタウン</a:t>
            </a:r>
            <a:endParaRPr lang="en-US" altLang="ja-JP" sz="1600" dirty="0" smtClean="0">
              <a:solidFill>
                <a:schemeClr val="tx1"/>
              </a:solidFill>
              <a:latin typeface="ＭＳ Ｐ明朝" panose="02020600040205080304" pitchFamily="18" charset="-128"/>
              <a:ea typeface="ＭＳ Ｐ明朝" panose="02020600040205080304" pitchFamily="18" charset="-128"/>
            </a:endParaRPr>
          </a:p>
          <a:p>
            <a:pPr marL="273050" indent="-273050"/>
            <a:endParaRPr lang="en-US" altLang="ja-JP" sz="1600" dirty="0" smtClean="0">
              <a:solidFill>
                <a:schemeClr val="tx1"/>
              </a:solidFill>
              <a:latin typeface="ＭＳ Ｐ明朝" panose="02020600040205080304" pitchFamily="18" charset="-128"/>
              <a:ea typeface="ＭＳ Ｐ明朝" panose="02020600040205080304" pitchFamily="18" charset="-128"/>
            </a:endParaRPr>
          </a:p>
          <a:p>
            <a:pPr marL="273050" indent="-273050"/>
            <a:endParaRPr kumimoji="1" lang="en-US" altLang="ja-JP" sz="1600" dirty="0">
              <a:solidFill>
                <a:schemeClr val="tx1"/>
              </a:solidFill>
              <a:latin typeface="ＭＳ Ｐ明朝" panose="02020600040205080304" pitchFamily="18" charset="-128"/>
              <a:ea typeface="ＭＳ Ｐ明朝" panose="02020600040205080304" pitchFamily="18" charset="-128"/>
            </a:endParaRPr>
          </a:p>
          <a:p>
            <a:pPr marL="179388" indent="-179388"/>
            <a:r>
              <a:rPr lang="ja-JP" altLang="en-US" sz="1600" dirty="0" smtClean="0">
                <a:solidFill>
                  <a:schemeClr val="tx1"/>
                </a:solidFill>
                <a:latin typeface="ＭＳ Ｐ明朝" panose="02020600040205080304" pitchFamily="18" charset="-128"/>
                <a:ea typeface="ＭＳ Ｐ明朝" panose="02020600040205080304" pitchFamily="18" charset="-128"/>
              </a:rPr>
              <a:t>○開発</a:t>
            </a:r>
            <a:r>
              <a:rPr lang="ja-JP" altLang="en-US" sz="1600" dirty="0">
                <a:solidFill>
                  <a:schemeClr val="tx1"/>
                </a:solidFill>
                <a:latin typeface="ＭＳ Ｐ明朝" panose="02020600040205080304" pitchFamily="18" charset="-128"/>
                <a:ea typeface="ＭＳ Ｐ明朝" panose="02020600040205080304" pitchFamily="18" charset="-128"/>
              </a:rPr>
              <a:t>から約</a:t>
            </a:r>
            <a:r>
              <a:rPr lang="en-US" altLang="ja-JP" sz="1600" dirty="0">
                <a:solidFill>
                  <a:schemeClr val="tx1"/>
                </a:solidFill>
                <a:latin typeface="ＭＳ Ｐ明朝" panose="02020600040205080304" pitchFamily="18" charset="-128"/>
                <a:ea typeface="ＭＳ Ｐ明朝" panose="02020600040205080304" pitchFamily="18" charset="-128"/>
              </a:rPr>
              <a:t>50</a:t>
            </a:r>
            <a:r>
              <a:rPr lang="ja-JP" altLang="en-US" sz="1600" dirty="0">
                <a:solidFill>
                  <a:schemeClr val="tx1"/>
                </a:solidFill>
                <a:latin typeface="ＭＳ Ｐ明朝" panose="02020600040205080304" pitchFamily="18" charset="-128"/>
                <a:ea typeface="ＭＳ Ｐ明朝" panose="02020600040205080304" pitchFamily="18" charset="-128"/>
              </a:rPr>
              <a:t>年を経過した大規模ニュータウンで、建物の老朽化や住民の高齢化・生活スタイルの変化などの課題を踏まえ、将来を見据えてまちのコンセプトの転換を図り、それに基づき具体化に向けた取り組みを進めて</a:t>
            </a:r>
            <a:r>
              <a:rPr lang="ja-JP" altLang="en-US" sz="1600" dirty="0" smtClean="0">
                <a:solidFill>
                  <a:schemeClr val="tx1"/>
                </a:solidFill>
                <a:latin typeface="ＭＳ Ｐ明朝" panose="02020600040205080304" pitchFamily="18" charset="-128"/>
                <a:ea typeface="ＭＳ Ｐ明朝" panose="02020600040205080304" pitchFamily="18" charset="-128"/>
              </a:rPr>
              <a:t>いる</a:t>
            </a:r>
            <a:endParaRPr lang="en-US" altLang="ja-JP" sz="1600" dirty="0" smtClean="0">
              <a:solidFill>
                <a:schemeClr val="tx1"/>
              </a:solidFill>
              <a:latin typeface="ＭＳ Ｐ明朝" panose="02020600040205080304" pitchFamily="18" charset="-128"/>
              <a:ea typeface="ＭＳ Ｐ明朝" panose="02020600040205080304" pitchFamily="18" charset="-128"/>
            </a:endParaRPr>
          </a:p>
          <a:p>
            <a:pPr marL="273050" indent="-273050"/>
            <a:r>
              <a:rPr kumimoji="1" lang="ja-JP" altLang="en-US" sz="1600" dirty="0">
                <a:solidFill>
                  <a:schemeClr val="tx1"/>
                </a:solidFill>
                <a:latin typeface="ＭＳ Ｐ明朝" panose="02020600040205080304" pitchFamily="18" charset="-128"/>
                <a:ea typeface="ＭＳ Ｐ明朝" panose="02020600040205080304" pitchFamily="18" charset="-128"/>
              </a:rPr>
              <a:t>　</a:t>
            </a:r>
            <a:r>
              <a:rPr kumimoji="1" lang="ja-JP" altLang="en-US" sz="1600" dirty="0" smtClean="0">
                <a:solidFill>
                  <a:schemeClr val="tx1"/>
                </a:solidFill>
                <a:latin typeface="ＭＳ Ｐ明朝" panose="02020600040205080304" pitchFamily="18" charset="-128"/>
                <a:ea typeface="ＭＳ Ｐ明朝" panose="02020600040205080304" pitchFamily="18" charset="-128"/>
              </a:rPr>
              <a:t>　　　・泉北ニュータウン</a:t>
            </a:r>
            <a:endParaRPr kumimoji="1" lang="en-US" altLang="ja-JP" sz="1600" dirty="0" smtClean="0">
              <a:solidFill>
                <a:schemeClr val="tx1"/>
              </a:solidFill>
              <a:latin typeface="ＭＳ Ｐ明朝" panose="02020600040205080304" pitchFamily="18" charset="-128"/>
              <a:ea typeface="ＭＳ Ｐ明朝" panose="02020600040205080304" pitchFamily="18" charset="-128"/>
            </a:endParaRPr>
          </a:p>
          <a:p>
            <a:pPr marL="273050" indent="-273050"/>
            <a:r>
              <a:rPr lang="ja-JP" altLang="en-US" sz="1600" dirty="0">
                <a:solidFill>
                  <a:schemeClr val="tx1"/>
                </a:solidFill>
                <a:latin typeface="ＭＳ Ｐ明朝" panose="02020600040205080304" pitchFamily="18" charset="-128"/>
                <a:ea typeface="ＭＳ Ｐ明朝" panose="02020600040205080304" pitchFamily="18" charset="-128"/>
              </a:rPr>
              <a:t>　</a:t>
            </a:r>
            <a:r>
              <a:rPr lang="ja-JP" altLang="en-US" sz="1600" dirty="0" smtClean="0">
                <a:solidFill>
                  <a:schemeClr val="tx1"/>
                </a:solidFill>
                <a:latin typeface="ＭＳ Ｐ明朝" panose="02020600040205080304" pitchFamily="18" charset="-128"/>
                <a:ea typeface="ＭＳ Ｐ明朝" panose="02020600040205080304" pitchFamily="18" charset="-128"/>
              </a:rPr>
              <a:t>　　　・参考：千里ニュータウン</a:t>
            </a:r>
            <a:endParaRPr kumimoji="1" lang="en-US" altLang="ja-JP" sz="1600" dirty="0" smtClean="0">
              <a:solidFill>
                <a:schemeClr val="tx1"/>
              </a:solidFill>
              <a:latin typeface="ＭＳ Ｐ明朝" panose="02020600040205080304" pitchFamily="18" charset="-128"/>
              <a:ea typeface="ＭＳ Ｐ明朝" panose="02020600040205080304" pitchFamily="18" charset="-128"/>
            </a:endParaRPr>
          </a:p>
          <a:p>
            <a:endParaRPr lang="en-US" altLang="ja-JP" sz="1600" dirty="0" smtClean="0">
              <a:solidFill>
                <a:schemeClr val="tx1"/>
              </a:solidFill>
              <a:latin typeface="ＭＳ Ｐ明朝" panose="02020600040205080304" pitchFamily="18" charset="-128"/>
              <a:ea typeface="ＭＳ Ｐ明朝" panose="02020600040205080304" pitchFamily="18" charset="-128"/>
            </a:endParaRPr>
          </a:p>
          <a:p>
            <a:pPr marL="179388" indent="-179388"/>
            <a:r>
              <a:rPr lang="ja-JP" altLang="en-US" sz="1600" dirty="0" smtClean="0">
                <a:solidFill>
                  <a:schemeClr val="tx1"/>
                </a:solidFill>
                <a:latin typeface="ＭＳ Ｐ明朝" panose="02020600040205080304" pitchFamily="18" charset="-128"/>
                <a:ea typeface="ＭＳ Ｐ明朝" panose="02020600040205080304" pitchFamily="18" charset="-128"/>
              </a:rPr>
              <a:t>○地域全体に成長をもたらす新たな拠点として活用方策を検討してきた大規模施設跡地等のリニューアルが具体化</a:t>
            </a:r>
            <a:endParaRPr lang="en-US" altLang="ja-JP" sz="1600" dirty="0" smtClean="0">
              <a:solidFill>
                <a:schemeClr val="tx1"/>
              </a:solidFill>
              <a:latin typeface="ＭＳ Ｐ明朝" panose="02020600040205080304" pitchFamily="18" charset="-128"/>
              <a:ea typeface="ＭＳ Ｐ明朝" panose="02020600040205080304" pitchFamily="18" charset="-128"/>
            </a:endParaRPr>
          </a:p>
          <a:p>
            <a:pPr marL="273050" indent="-273050"/>
            <a:r>
              <a:rPr lang="ja-JP" altLang="en-US" sz="1600" dirty="0">
                <a:solidFill>
                  <a:schemeClr val="tx1"/>
                </a:solidFill>
                <a:latin typeface="ＭＳ Ｐ明朝" panose="02020600040205080304" pitchFamily="18" charset="-128"/>
                <a:ea typeface="ＭＳ Ｐ明朝" panose="02020600040205080304" pitchFamily="18" charset="-128"/>
              </a:rPr>
              <a:t>　</a:t>
            </a:r>
            <a:r>
              <a:rPr lang="ja-JP" altLang="en-US" sz="1600" dirty="0" smtClean="0">
                <a:solidFill>
                  <a:schemeClr val="tx1"/>
                </a:solidFill>
                <a:latin typeface="ＭＳ Ｐ明朝" panose="02020600040205080304" pitchFamily="18" charset="-128"/>
                <a:ea typeface="ＭＳ Ｐ明朝" panose="02020600040205080304" pitchFamily="18" charset="-128"/>
              </a:rPr>
              <a:t>　　　・万博記念公園周辺</a:t>
            </a:r>
            <a:endParaRPr lang="en-US" altLang="ja-JP" sz="1600" dirty="0" smtClean="0">
              <a:solidFill>
                <a:schemeClr val="tx1"/>
              </a:solidFill>
              <a:latin typeface="ＭＳ Ｐ明朝" panose="02020600040205080304" pitchFamily="18" charset="-128"/>
              <a:ea typeface="ＭＳ Ｐ明朝" panose="02020600040205080304" pitchFamily="18" charset="-128"/>
            </a:endParaRPr>
          </a:p>
          <a:p>
            <a:pPr marL="273050" indent="-273050"/>
            <a:r>
              <a:rPr lang="ja-JP" altLang="en-US" sz="1600" dirty="0">
                <a:solidFill>
                  <a:schemeClr val="tx1"/>
                </a:solidFill>
                <a:latin typeface="ＭＳ Ｐ明朝" panose="02020600040205080304" pitchFamily="18" charset="-128"/>
                <a:ea typeface="ＭＳ Ｐ明朝" panose="02020600040205080304" pitchFamily="18" charset="-128"/>
              </a:rPr>
              <a:t>　</a:t>
            </a:r>
            <a:r>
              <a:rPr lang="ja-JP" altLang="en-US" sz="1600" dirty="0" smtClean="0">
                <a:solidFill>
                  <a:schemeClr val="tx1"/>
                </a:solidFill>
                <a:latin typeface="ＭＳ Ｐ明朝" panose="02020600040205080304" pitchFamily="18" charset="-128"/>
                <a:ea typeface="ＭＳ Ｐ明朝" panose="02020600040205080304" pitchFamily="18" charset="-128"/>
              </a:rPr>
              <a:t>　　　・吹田操車場跡地</a:t>
            </a:r>
            <a:endParaRPr lang="en-US" altLang="ja-JP" sz="1600" dirty="0" smtClean="0">
              <a:solidFill>
                <a:schemeClr val="tx1"/>
              </a:solidFill>
              <a:latin typeface="ＭＳ Ｐ明朝" panose="02020600040205080304" pitchFamily="18" charset="-128"/>
              <a:ea typeface="ＭＳ Ｐ明朝" panose="02020600040205080304" pitchFamily="18" charset="-128"/>
            </a:endParaRPr>
          </a:p>
          <a:p>
            <a:endParaRPr kumimoji="1" lang="en-US" altLang="ja-JP" sz="1600" dirty="0">
              <a:solidFill>
                <a:schemeClr val="tx1"/>
              </a:solidFill>
              <a:latin typeface="ＭＳ Ｐ明朝" panose="02020600040205080304" pitchFamily="18" charset="-128"/>
              <a:ea typeface="ＭＳ Ｐ明朝" panose="02020600040205080304" pitchFamily="18" charset="-128"/>
            </a:endParaRPr>
          </a:p>
          <a:p>
            <a:pPr marL="179388" indent="-179388"/>
            <a:r>
              <a:rPr lang="ja-JP" altLang="en-US" sz="1600" dirty="0" smtClean="0">
                <a:solidFill>
                  <a:schemeClr val="tx1"/>
                </a:solidFill>
                <a:latin typeface="ＭＳ Ｐ明朝" panose="02020600040205080304" pitchFamily="18" charset="-128"/>
                <a:ea typeface="ＭＳ Ｐ明朝" panose="02020600040205080304" pitchFamily="18" charset="-128"/>
              </a:rPr>
              <a:t>○成長を</a:t>
            </a:r>
            <a:r>
              <a:rPr lang="ja-JP" altLang="en-US" sz="1600" dirty="0">
                <a:solidFill>
                  <a:schemeClr val="tx1"/>
                </a:solidFill>
                <a:latin typeface="ＭＳ Ｐ明朝" panose="02020600040205080304" pitchFamily="18" charset="-128"/>
                <a:ea typeface="ＭＳ Ｐ明朝" panose="02020600040205080304" pitchFamily="18" charset="-128"/>
              </a:rPr>
              <a:t>支える</a:t>
            </a:r>
            <a:r>
              <a:rPr lang="ja-JP" altLang="en-US" sz="1600" dirty="0" smtClean="0">
                <a:solidFill>
                  <a:schemeClr val="tx1"/>
                </a:solidFill>
                <a:latin typeface="ＭＳ Ｐ明朝" panose="02020600040205080304" pitchFamily="18" charset="-128"/>
                <a:ea typeface="ＭＳ Ｐ明朝" panose="02020600040205080304" pitchFamily="18" charset="-128"/>
              </a:rPr>
              <a:t>新たな国土軸として新名神高速道路の整備が進む中で、京都・大阪・兵庫が直結する新たな産業・物流拠点形成が進んでいる</a:t>
            </a:r>
            <a:endParaRPr lang="en-US" altLang="ja-JP" sz="1600" dirty="0" smtClean="0">
              <a:solidFill>
                <a:schemeClr val="tx1"/>
              </a:solidFill>
              <a:latin typeface="ＭＳ Ｐ明朝" panose="02020600040205080304" pitchFamily="18" charset="-128"/>
              <a:ea typeface="ＭＳ Ｐ明朝" panose="02020600040205080304" pitchFamily="18" charset="-128"/>
            </a:endParaRPr>
          </a:p>
          <a:p>
            <a:pPr marL="273050" indent="-273050"/>
            <a:r>
              <a:rPr kumimoji="1" lang="ja-JP" altLang="en-US" sz="1600" dirty="0">
                <a:solidFill>
                  <a:schemeClr val="tx1"/>
                </a:solidFill>
                <a:latin typeface="ＭＳ Ｐ明朝" panose="02020600040205080304" pitchFamily="18" charset="-128"/>
                <a:ea typeface="ＭＳ Ｐ明朝" panose="02020600040205080304" pitchFamily="18" charset="-128"/>
              </a:rPr>
              <a:t>　</a:t>
            </a:r>
            <a:r>
              <a:rPr kumimoji="1" lang="ja-JP" altLang="en-US" sz="1600" dirty="0" smtClean="0">
                <a:solidFill>
                  <a:schemeClr val="tx1"/>
                </a:solidFill>
                <a:latin typeface="ＭＳ Ｐ明朝" panose="02020600040205080304" pitchFamily="18" charset="-128"/>
                <a:ea typeface="ＭＳ Ｐ明朝" panose="02020600040205080304" pitchFamily="18" charset="-128"/>
              </a:rPr>
              <a:t>　　　・箕面森町</a:t>
            </a:r>
            <a:endParaRPr kumimoji="1" lang="en-US" altLang="ja-JP" sz="1600" dirty="0" smtClean="0">
              <a:solidFill>
                <a:schemeClr val="tx1"/>
              </a:solidFill>
              <a:latin typeface="ＭＳ Ｐ明朝" panose="02020600040205080304" pitchFamily="18" charset="-128"/>
              <a:ea typeface="ＭＳ Ｐ明朝" panose="02020600040205080304" pitchFamily="18" charset="-128"/>
            </a:endParaRPr>
          </a:p>
          <a:p>
            <a:pPr marL="273050" indent="-273050"/>
            <a:r>
              <a:rPr lang="ja-JP" altLang="en-US" sz="1600" dirty="0">
                <a:solidFill>
                  <a:schemeClr val="tx1"/>
                </a:solidFill>
                <a:latin typeface="ＭＳ Ｐ明朝" panose="02020600040205080304" pitchFamily="18" charset="-128"/>
                <a:ea typeface="ＭＳ Ｐ明朝" panose="02020600040205080304" pitchFamily="18" charset="-128"/>
              </a:rPr>
              <a:t>　</a:t>
            </a:r>
            <a:r>
              <a:rPr lang="ja-JP" altLang="en-US" sz="1600" dirty="0" smtClean="0">
                <a:solidFill>
                  <a:schemeClr val="tx1"/>
                </a:solidFill>
                <a:latin typeface="ＭＳ Ｐ明朝" panose="02020600040205080304" pitchFamily="18" charset="-128"/>
                <a:ea typeface="ＭＳ Ｐ明朝" panose="02020600040205080304" pitchFamily="18" charset="-128"/>
              </a:rPr>
              <a:t>　　　・</a:t>
            </a:r>
            <a:r>
              <a:rPr kumimoji="1" lang="ja-JP" altLang="en-US" sz="1600" dirty="0" smtClean="0">
                <a:solidFill>
                  <a:schemeClr val="tx1"/>
                </a:solidFill>
                <a:latin typeface="ＭＳ Ｐ明朝" panose="02020600040205080304" pitchFamily="18" charset="-128"/>
                <a:ea typeface="ＭＳ Ｐ明朝" panose="02020600040205080304" pitchFamily="18" charset="-128"/>
              </a:rPr>
              <a:t>彩都</a:t>
            </a:r>
            <a:endParaRPr kumimoji="1" lang="en-US" altLang="ja-JP" sz="1600" dirty="0" smtClean="0">
              <a:solidFill>
                <a:schemeClr val="tx1"/>
              </a:solidFill>
              <a:latin typeface="ＭＳ Ｐ明朝" panose="02020600040205080304" pitchFamily="18" charset="-128"/>
              <a:ea typeface="ＭＳ Ｐ明朝" panose="02020600040205080304" pitchFamily="18" charset="-128"/>
            </a:endParaRPr>
          </a:p>
        </p:txBody>
      </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34</a:t>
            </a:fld>
            <a:endParaRPr kumimoji="1" lang="ja-JP" altLang="en-US" dirty="0"/>
          </a:p>
        </p:txBody>
      </p:sp>
    </p:spTree>
    <p:extLst>
      <p:ext uri="{BB962C8B-B14F-4D97-AF65-F5344CB8AC3E}">
        <p14:creationId xmlns:p14="http://schemas.microsoft.com/office/powerpoint/2010/main" val="4165139602"/>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スライド番号プレースホルダ 49"/>
          <p:cNvSpPr>
            <a:spLocks noGrp="1"/>
          </p:cNvSpPr>
          <p:nvPr>
            <p:ph type="sldNum" sz="quarter" idx="12"/>
          </p:nvPr>
        </p:nvSpPr>
        <p:spPr/>
        <p:txBody>
          <a:bodyPr/>
          <a:lstStyle/>
          <a:p>
            <a:fld id="{37EF5067-3AB7-4642-9103-42CBD40CC6D9}" type="slidenum">
              <a:rPr kumimoji="1" lang="ja-JP" altLang="en-US" smtClean="0"/>
              <a:pPr/>
              <a:t>35</a:t>
            </a:fld>
            <a:endParaRPr kumimoji="1" lang="ja-JP" altLang="en-US" dirty="0"/>
          </a:p>
        </p:txBody>
      </p:sp>
      <p:pic>
        <p:nvPicPr>
          <p:cNvPr id="105474" name="Picture 2"/>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269875" y="288925"/>
            <a:ext cx="9364663" cy="62801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742816217"/>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5"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８</a:t>
            </a:r>
            <a:r>
              <a:rPr lang="ja-JP" altLang="en-US" sz="2000" b="1" dirty="0" smtClean="0">
                <a:solidFill>
                  <a:schemeClr val="bg1"/>
                </a:solidFill>
                <a:latin typeface="ＭＳ ゴシック" pitchFamily="49" charset="-128"/>
                <a:ea typeface="ＭＳ ゴシック" pitchFamily="49" charset="-128"/>
              </a:rPr>
              <a:t>．関西国際空港・りんくうタウン周辺　</a:t>
            </a:r>
            <a:r>
              <a:rPr lang="ja-JP" altLang="en-US" sz="1600" b="1" dirty="0" smtClean="0">
                <a:solidFill>
                  <a:schemeClr val="bg1"/>
                </a:solidFill>
                <a:latin typeface="ＭＳ ゴシック" pitchFamily="49" charset="-128"/>
                <a:ea typeface="ＭＳ ゴシック" pitchFamily="49" charset="-128"/>
              </a:rPr>
              <a:t>（国際競争力の基盤強化）</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10" name="正方形/長方形 9"/>
          <p:cNvSpPr/>
          <p:nvPr/>
        </p:nvSpPr>
        <p:spPr>
          <a:xfrm>
            <a:off x="506506" y="829858"/>
            <a:ext cx="8833093" cy="5353225"/>
          </a:xfrm>
          <a:prstGeom prst="rect">
            <a:avLst/>
          </a:prstGeom>
          <a:noFill/>
          <a:ln>
            <a:noFill/>
          </a:ln>
        </p:spPr>
        <p:style>
          <a:lnRef idx="2">
            <a:schemeClr val="accent1"/>
          </a:lnRef>
          <a:fillRef idx="1">
            <a:schemeClr val="lt1"/>
          </a:fillRef>
          <a:effectRef idx="0">
            <a:schemeClr val="accent1"/>
          </a:effectRef>
          <a:fontRef idx="minor">
            <a:schemeClr val="dk1"/>
          </a:fontRef>
        </p:style>
        <p:txBody>
          <a:bodyPr rtlCol="0" anchor="t"/>
          <a:lstStyle/>
          <a:p>
            <a:pPr marL="177800" indent="-177800"/>
            <a:r>
              <a:rPr lang="ja-JP" altLang="en-US" sz="1400" b="1" dirty="0" smtClean="0">
                <a:solidFill>
                  <a:schemeClr val="tx1"/>
                </a:solidFill>
              </a:rPr>
              <a:t>１．エリアの概要</a:t>
            </a:r>
            <a:endParaRPr lang="en-US" altLang="ja-JP" sz="1400" b="1" dirty="0" smtClean="0">
              <a:solidFill>
                <a:schemeClr val="tx1"/>
              </a:solidFill>
            </a:endParaRPr>
          </a:p>
          <a:p>
            <a:pPr marL="177800" indent="-88900"/>
            <a:r>
              <a:rPr lang="ja-JP" altLang="en-US" sz="1400" dirty="0">
                <a:solidFill>
                  <a:schemeClr val="tx1"/>
                </a:solidFill>
                <a:latin typeface="ＭＳ Ｐ明朝" panose="02020600040205080304" pitchFamily="18" charset="-128"/>
                <a:ea typeface="ＭＳ Ｐ明朝" panose="02020600040205080304" pitchFamily="18"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rPr>
              <a:t>関西国際空港は、我が国が国際競争に勝ち抜くための重要な戦略的インフラとして</a:t>
            </a:r>
            <a:r>
              <a:rPr lang="en-US" altLang="ja-JP" sz="1400" dirty="0" smtClean="0">
                <a:solidFill>
                  <a:schemeClr val="tx1"/>
                </a:solidFill>
                <a:latin typeface="ＭＳ Ｐ明朝" panose="02020600040205080304" pitchFamily="18" charset="-128"/>
                <a:ea typeface="ＭＳ Ｐ明朝" panose="02020600040205080304" pitchFamily="18" charset="-128"/>
              </a:rPr>
              <a:t>1994</a:t>
            </a:r>
            <a:r>
              <a:rPr lang="ja-JP" altLang="en-US" sz="1400" dirty="0" smtClean="0">
                <a:solidFill>
                  <a:schemeClr val="tx1"/>
                </a:solidFill>
                <a:latin typeface="ＭＳ Ｐ明朝" panose="02020600040205080304" pitchFamily="18" charset="-128"/>
                <a:ea typeface="ＭＳ Ｐ明朝" panose="02020600040205080304" pitchFamily="18" charset="-128"/>
              </a:rPr>
              <a:t>年に開港した。また、りんくうタウンも、関空の玄関口として、空港機能の補完の役割を果たすとともに、立地インパクトを活かした地域の繁栄を期待して府が事業主体となり埋め立て地として整備、</a:t>
            </a:r>
            <a:r>
              <a:rPr lang="en-US" altLang="ja-JP" sz="1400" dirty="0" smtClean="0">
                <a:solidFill>
                  <a:schemeClr val="tx1"/>
                </a:solidFill>
                <a:latin typeface="ＭＳ Ｐ明朝" panose="02020600040205080304" pitchFamily="18" charset="-128"/>
                <a:ea typeface="ＭＳ Ｐ明朝" panose="02020600040205080304" pitchFamily="18" charset="-128"/>
              </a:rPr>
              <a:t>1996</a:t>
            </a:r>
            <a:r>
              <a:rPr lang="ja-JP" altLang="en-US" sz="1400" dirty="0" smtClean="0">
                <a:solidFill>
                  <a:schemeClr val="tx1"/>
                </a:solidFill>
                <a:latin typeface="ＭＳ Ｐ明朝" panose="02020600040205080304" pitchFamily="18" charset="-128"/>
                <a:ea typeface="ＭＳ Ｐ明朝" panose="02020600040205080304" pitchFamily="18" charset="-128"/>
              </a:rPr>
              <a:t>年に</a:t>
            </a:r>
            <a:r>
              <a:rPr lang="ja-JP" altLang="en-US" sz="1400" dirty="0" err="1" smtClean="0">
                <a:solidFill>
                  <a:schemeClr val="tx1"/>
                </a:solidFill>
                <a:latin typeface="ＭＳ Ｐ明朝" panose="02020600040205080304" pitchFamily="18" charset="-128"/>
                <a:ea typeface="ＭＳ Ｐ明朝" panose="02020600040205080304" pitchFamily="18" charset="-128"/>
              </a:rPr>
              <a:t>ま</a:t>
            </a:r>
            <a:r>
              <a:rPr lang="ja-JP" altLang="en-US" sz="1400" dirty="0" smtClean="0">
                <a:solidFill>
                  <a:schemeClr val="tx1"/>
                </a:solidFill>
                <a:latin typeface="ＭＳ Ｐ明朝" panose="02020600040205080304" pitchFamily="18" charset="-128"/>
                <a:ea typeface="ＭＳ Ｐ明朝" panose="02020600040205080304" pitchFamily="18" charset="-128"/>
              </a:rPr>
              <a:t>ちびらきした。</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273050" indent="-273050"/>
            <a:endParaRPr lang="en-US" altLang="ja-JP" sz="1400" dirty="0" smtClean="0">
              <a:solidFill>
                <a:schemeClr val="tx1"/>
              </a:solidFill>
            </a:endParaRPr>
          </a:p>
          <a:p>
            <a:pPr marL="273050" indent="-273050"/>
            <a:r>
              <a:rPr lang="ja-JP" altLang="en-US" sz="1400" b="1" dirty="0">
                <a:solidFill>
                  <a:schemeClr val="tx1"/>
                </a:solidFill>
              </a:rPr>
              <a:t>２</a:t>
            </a:r>
            <a:r>
              <a:rPr lang="ja-JP" altLang="en-US" sz="1400" b="1" dirty="0" smtClean="0">
                <a:solidFill>
                  <a:schemeClr val="tx1"/>
                </a:solidFill>
              </a:rPr>
              <a:t>．エリアの課題</a:t>
            </a:r>
            <a:endParaRPr lang="en-US" altLang="ja-JP" sz="1400" b="1" dirty="0">
              <a:solidFill>
                <a:schemeClr val="tx1"/>
              </a:solidFill>
            </a:endParaRPr>
          </a:p>
          <a:p>
            <a:pPr marL="177800" indent="-88900"/>
            <a:r>
              <a:rPr lang="ja-JP" altLang="en-US" sz="1400" dirty="0" smtClean="0">
                <a:solidFill>
                  <a:schemeClr val="tx1"/>
                </a:solidFill>
                <a:latin typeface="ＭＳ Ｐ明朝" panose="02020600040205080304" pitchFamily="18" charset="-128"/>
                <a:ea typeface="ＭＳ Ｐ明朝" panose="02020600040205080304" pitchFamily="18" charset="-128"/>
              </a:rPr>
              <a:t>・しかし、関空は、海上空港という特殊性から建設費が莫大となり、関空会社が１．２兆円という巨額の負債を抱え、空港経営が硬直化。ハブ空港として活用しきれない状況に陥っていた。また、りんくうタウンも、</a:t>
            </a:r>
            <a:r>
              <a:rPr lang="ja-JP" altLang="en-US" sz="1400" dirty="0">
                <a:solidFill>
                  <a:schemeClr val="tx1"/>
                </a:solidFill>
                <a:latin typeface="ＭＳ Ｐ明朝" panose="02020600040205080304" pitchFamily="18" charset="-128"/>
                <a:ea typeface="ＭＳ Ｐ明朝" panose="02020600040205080304" pitchFamily="18" charset="-128"/>
              </a:rPr>
              <a:t>バブル崩壊後、企業の撤退が相次ぎ、商業地・産業地への誘致に</a:t>
            </a:r>
            <a:r>
              <a:rPr lang="ja-JP" altLang="en-US" sz="1400" dirty="0" smtClean="0">
                <a:solidFill>
                  <a:schemeClr val="tx1"/>
                </a:solidFill>
                <a:latin typeface="ＭＳ Ｐ明朝" panose="02020600040205080304" pitchFamily="18" charset="-128"/>
                <a:ea typeface="ＭＳ Ｐ明朝" panose="02020600040205080304" pitchFamily="18" charset="-128"/>
              </a:rPr>
              <a:t>苦戦していた。</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273050" indent="-273050"/>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77800" indent="-177800"/>
            <a:r>
              <a:rPr lang="ja-JP" altLang="en-US" sz="1400" b="1" dirty="0">
                <a:solidFill>
                  <a:schemeClr val="tx1"/>
                </a:solidFill>
              </a:rPr>
              <a:t>３</a:t>
            </a:r>
            <a:r>
              <a:rPr lang="ja-JP" altLang="en-US" sz="1400" b="1" dirty="0" smtClean="0">
                <a:solidFill>
                  <a:schemeClr val="tx1"/>
                </a:solidFill>
              </a:rPr>
              <a:t>．近年の動向</a:t>
            </a:r>
            <a:endParaRPr lang="en-US" altLang="ja-JP" sz="1400" b="1" dirty="0" smtClean="0">
              <a:solidFill>
                <a:schemeClr val="tx1"/>
              </a:solidFill>
            </a:endParaRPr>
          </a:p>
          <a:p>
            <a:pPr marL="177800" indent="-88900"/>
            <a:r>
              <a:rPr lang="ja-JP" altLang="en-US" sz="1400" dirty="0" smtClean="0">
                <a:solidFill>
                  <a:schemeClr val="tx1"/>
                </a:solidFill>
                <a:latin typeface="ＭＳ Ｐ明朝" panose="02020600040205080304" pitchFamily="18" charset="-128"/>
                <a:ea typeface="ＭＳ Ｐ明朝" panose="02020600040205080304" pitchFamily="18" charset="-128"/>
              </a:rPr>
              <a:t>・そこで、関空については、</a:t>
            </a:r>
            <a:r>
              <a:rPr lang="en-US" altLang="ja-JP" sz="1400" dirty="0" smtClean="0">
                <a:solidFill>
                  <a:schemeClr val="tx1"/>
                </a:solidFill>
                <a:latin typeface="ＭＳ Ｐ明朝" panose="02020600040205080304" pitchFamily="18" charset="-128"/>
                <a:ea typeface="ＭＳ Ｐ明朝" panose="02020600040205080304" pitchFamily="18" charset="-128"/>
              </a:rPr>
              <a:t>2012</a:t>
            </a:r>
            <a:r>
              <a:rPr lang="ja-JP" altLang="en-US" sz="1400" dirty="0" smtClean="0">
                <a:solidFill>
                  <a:schemeClr val="tx1"/>
                </a:solidFill>
                <a:latin typeface="ＭＳ Ｐ明朝" panose="02020600040205080304" pitchFamily="18" charset="-128"/>
                <a:ea typeface="ＭＳ Ｐ明朝" panose="02020600040205080304" pitchFamily="18" charset="-128"/>
              </a:rPr>
              <a:t>年に国が管理する大阪国際（伊丹）空港との経営統合を実施。二空港の一体的かつ効率的な運用や、伊丹空港ターミナルビルの経営一元化により経営基盤強化を図るなど、空港経営改革が進みつつある。</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273050" indent="-273050"/>
            <a:endParaRPr lang="en-US" altLang="ja-JP" sz="1400" dirty="0">
              <a:solidFill>
                <a:schemeClr val="tx1"/>
              </a:solidFill>
            </a:endParaRPr>
          </a:p>
          <a:p>
            <a:pPr marL="177800" indent="-88900"/>
            <a:r>
              <a:rPr lang="ja-JP" altLang="en-US" sz="1400" dirty="0">
                <a:solidFill>
                  <a:schemeClr val="tx1"/>
                </a:solidFill>
                <a:latin typeface="ＭＳ Ｐ明朝" panose="02020600040205080304" pitchFamily="18" charset="-128"/>
                <a:ea typeface="ＭＳ Ｐ明朝" panose="02020600040205080304" pitchFamily="18"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rPr>
              <a:t>りんくうタウンも、</a:t>
            </a:r>
            <a:r>
              <a:rPr lang="en-US" altLang="ja-JP" sz="1400" dirty="0" smtClean="0">
                <a:solidFill>
                  <a:schemeClr val="tx1"/>
                </a:solidFill>
                <a:latin typeface="ＭＳ Ｐ明朝" panose="02020600040205080304" pitchFamily="18" charset="-128"/>
                <a:ea typeface="ＭＳ Ｐ明朝" panose="02020600040205080304" pitchFamily="18" charset="-128"/>
              </a:rPr>
              <a:t>2003</a:t>
            </a:r>
            <a:r>
              <a:rPr lang="ja-JP" altLang="en-US" sz="1400" dirty="0" smtClean="0">
                <a:solidFill>
                  <a:schemeClr val="tx1"/>
                </a:solidFill>
                <a:latin typeface="ＭＳ Ｐ明朝" panose="02020600040205080304" pitchFamily="18" charset="-128"/>
                <a:ea typeface="ＭＳ Ｐ明朝" panose="02020600040205080304" pitchFamily="18" charset="-128"/>
              </a:rPr>
              <a:t>年に</a:t>
            </a:r>
            <a:r>
              <a:rPr lang="ja-JP" altLang="en-US" sz="1400" dirty="0">
                <a:solidFill>
                  <a:schemeClr val="tx1"/>
                </a:solidFill>
                <a:latin typeface="ＭＳ Ｐ明朝" panose="02020600040205080304" pitchFamily="18" charset="-128"/>
                <a:ea typeface="ＭＳ Ｐ明朝" panose="02020600040205080304" pitchFamily="18" charset="-128"/>
              </a:rPr>
              <a:t>事業</a:t>
            </a:r>
            <a:r>
              <a:rPr lang="ja-JP" altLang="en-US" sz="1400" dirty="0" smtClean="0">
                <a:solidFill>
                  <a:schemeClr val="tx1"/>
                </a:solidFill>
                <a:latin typeface="ＭＳ Ｐ明朝" panose="02020600040205080304" pitchFamily="18" charset="-128"/>
                <a:ea typeface="ＭＳ Ｐ明朝" panose="02020600040205080304" pitchFamily="18" charset="-128"/>
              </a:rPr>
              <a:t>用定期借地権方式を本格導入し、誘致促進を強化したほか、</a:t>
            </a:r>
            <a:r>
              <a:rPr lang="en-US" altLang="ja-JP" sz="1400" dirty="0" smtClean="0">
                <a:solidFill>
                  <a:schemeClr val="tx1"/>
                </a:solidFill>
                <a:latin typeface="ＭＳ Ｐ明朝" panose="02020600040205080304" pitchFamily="18" charset="-128"/>
                <a:ea typeface="ＭＳ Ｐ明朝" panose="02020600040205080304" pitchFamily="18" charset="-128"/>
              </a:rPr>
              <a:t>2011</a:t>
            </a:r>
            <a:r>
              <a:rPr lang="ja-JP" altLang="en-US" sz="1400" dirty="0">
                <a:solidFill>
                  <a:schemeClr val="tx1"/>
                </a:solidFill>
                <a:latin typeface="ＭＳ Ｐ明朝" panose="02020600040205080304" pitchFamily="18" charset="-128"/>
                <a:ea typeface="ＭＳ Ｐ明朝" panose="02020600040205080304" pitchFamily="18" charset="-128"/>
              </a:rPr>
              <a:t>年のホテル・物流</a:t>
            </a:r>
            <a:r>
              <a:rPr lang="ja-JP" altLang="en-US" sz="1400" dirty="0" smtClean="0">
                <a:solidFill>
                  <a:schemeClr val="tx1"/>
                </a:solidFill>
                <a:latin typeface="ＭＳ Ｐ明朝" panose="02020600040205080304" pitchFamily="18" charset="-128"/>
                <a:ea typeface="ＭＳ Ｐ明朝" panose="02020600040205080304" pitchFamily="18" charset="-128"/>
              </a:rPr>
              <a:t>センターの</a:t>
            </a:r>
            <a:r>
              <a:rPr lang="ja-JP" altLang="en-US" sz="1400" dirty="0">
                <a:solidFill>
                  <a:schemeClr val="tx1"/>
                </a:solidFill>
                <a:latin typeface="ＭＳ Ｐ明朝" panose="02020600040205080304" pitchFamily="18" charset="-128"/>
                <a:ea typeface="ＭＳ Ｐ明朝" panose="02020600040205080304" pitchFamily="18" charset="-128"/>
              </a:rPr>
              <a:t>法的処理による</a:t>
            </a:r>
            <a:r>
              <a:rPr lang="ja-JP" altLang="en-US" sz="1400" dirty="0" smtClean="0">
                <a:solidFill>
                  <a:schemeClr val="tx1"/>
                </a:solidFill>
                <a:latin typeface="ＭＳ Ｐ明朝" panose="02020600040205080304" pitchFamily="18" charset="-128"/>
                <a:ea typeface="ＭＳ Ｐ明朝" panose="02020600040205080304" pitchFamily="18" charset="-128"/>
              </a:rPr>
              <a:t>民営化や将来リスク管理の徹底など、</a:t>
            </a:r>
            <a:r>
              <a:rPr lang="ja-JP" altLang="en-US" sz="1400" dirty="0">
                <a:solidFill>
                  <a:schemeClr val="tx1"/>
                </a:solidFill>
                <a:latin typeface="ＭＳ Ｐ明朝" panose="02020600040205080304" pitchFamily="18" charset="-128"/>
                <a:ea typeface="ＭＳ Ｐ明朝" panose="02020600040205080304" pitchFamily="18" charset="-128"/>
              </a:rPr>
              <a:t>行政や第三セクターが赤字補てんする事業</a:t>
            </a:r>
            <a:r>
              <a:rPr lang="ja-JP" altLang="en-US" sz="1400" dirty="0" smtClean="0">
                <a:solidFill>
                  <a:schemeClr val="tx1"/>
                </a:solidFill>
                <a:latin typeface="ＭＳ Ｐ明朝" panose="02020600040205080304" pitchFamily="18" charset="-128"/>
                <a:ea typeface="ＭＳ Ｐ明朝" panose="02020600040205080304" pitchFamily="18" charset="-128"/>
              </a:rPr>
              <a:t>構造の抜本的な見直を行った。</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273050" indent="-273050"/>
            <a:endParaRPr lang="en-US" altLang="ja-JP" sz="1400" dirty="0">
              <a:solidFill>
                <a:schemeClr val="tx1"/>
              </a:solidFill>
              <a:latin typeface="ＭＳ Ｐ明朝" panose="02020600040205080304" pitchFamily="18" charset="-128"/>
              <a:ea typeface="ＭＳ Ｐ明朝" panose="02020600040205080304" pitchFamily="18" charset="-128"/>
            </a:endParaRPr>
          </a:p>
          <a:p>
            <a:pPr marL="177800" indent="-88900"/>
            <a:r>
              <a:rPr lang="ja-JP" altLang="en-US" sz="1400" dirty="0" smtClean="0">
                <a:solidFill>
                  <a:schemeClr val="tx1"/>
                </a:solidFill>
                <a:latin typeface="ＭＳ Ｐ明朝" panose="02020600040205080304" pitchFamily="18" charset="-128"/>
                <a:ea typeface="ＭＳ Ｐ明朝" panose="02020600040205080304" pitchFamily="18" charset="-128"/>
              </a:rPr>
              <a:t>・これらの取組みが奏功し、近年、関空は機能強化に向けた戦略的な投資が可能となり、関空</a:t>
            </a:r>
            <a:r>
              <a:rPr lang="ja-JP" altLang="en-US" sz="1400" dirty="0">
                <a:solidFill>
                  <a:schemeClr val="tx1"/>
                </a:solidFill>
                <a:latin typeface="ＭＳ Ｐ明朝" panose="02020600040205080304" pitchFamily="18" charset="-128"/>
                <a:ea typeface="ＭＳ Ｐ明朝" panose="02020600040205080304" pitchFamily="18" charset="-128"/>
              </a:rPr>
              <a:t>を拠点とするＬＣＣ</a:t>
            </a:r>
            <a:r>
              <a:rPr lang="ja-JP" altLang="en-US" sz="1400" dirty="0" smtClean="0">
                <a:solidFill>
                  <a:schemeClr val="tx1"/>
                </a:solidFill>
                <a:latin typeface="ＭＳ Ｐ明朝" panose="02020600040205080304" pitchFamily="18" charset="-128"/>
                <a:ea typeface="ＭＳ Ｐ明朝" panose="02020600040205080304" pitchFamily="18" charset="-128"/>
              </a:rPr>
              <a:t>の就航拡大や世界最大手の航空貨物会社のハブ施設誘致につなげるなど、旅客・物流ともに存在感が向上。今後、空港運営権売却（コンセッション）</a:t>
            </a:r>
            <a:r>
              <a:rPr lang="ja-JP" altLang="ja-JP" sz="1400" dirty="0">
                <a:solidFill>
                  <a:schemeClr val="tx1"/>
                </a:solidFill>
                <a:latin typeface="ＭＳ Ｐ明朝" panose="02020600040205080304" pitchFamily="18" charset="-128"/>
                <a:ea typeface="ＭＳ Ｐ明朝" panose="02020600040205080304" pitchFamily="18" charset="-128"/>
              </a:rPr>
              <a:t>による将来的な関空債務の解消や国際拠点空港としての更なる機能強化を目指している</a:t>
            </a:r>
            <a:r>
              <a:rPr lang="ja-JP" altLang="ja-JP"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rPr>
              <a:t>また、りんくうタウンは、</a:t>
            </a:r>
            <a:r>
              <a:rPr lang="en-US" altLang="ja-JP" sz="1400" dirty="0" smtClean="0">
                <a:solidFill>
                  <a:schemeClr val="tx1"/>
                </a:solidFill>
                <a:latin typeface="ＭＳ Ｐ明朝" panose="02020600040205080304" pitchFamily="18" charset="-128"/>
                <a:ea typeface="ＭＳ Ｐ明朝" panose="02020600040205080304" pitchFamily="18" charset="-128"/>
              </a:rPr>
              <a:t> </a:t>
            </a:r>
            <a:r>
              <a:rPr lang="en-US" altLang="ja-JP" sz="1400" dirty="0">
                <a:solidFill>
                  <a:schemeClr val="tx1"/>
                </a:solidFill>
                <a:latin typeface="ＭＳ Ｐ明朝" panose="02020600040205080304" pitchFamily="18" charset="-128"/>
                <a:ea typeface="ＭＳ Ｐ明朝" panose="02020600040205080304" pitchFamily="18" charset="-128"/>
              </a:rPr>
              <a:t>2014</a:t>
            </a:r>
            <a:r>
              <a:rPr lang="ja-JP" altLang="en-US" sz="1400" dirty="0">
                <a:solidFill>
                  <a:schemeClr val="tx1"/>
                </a:solidFill>
                <a:latin typeface="ＭＳ Ｐ明朝" panose="02020600040205080304" pitchFamily="18" charset="-128"/>
                <a:ea typeface="ＭＳ Ｐ明朝" panose="02020600040205080304" pitchFamily="18" charset="-128"/>
              </a:rPr>
              <a:t>年</a:t>
            </a:r>
            <a:r>
              <a:rPr lang="en-US" altLang="ja-JP" sz="1400" dirty="0">
                <a:solidFill>
                  <a:schemeClr val="tx1"/>
                </a:solidFill>
                <a:latin typeface="ＭＳ Ｐ明朝" panose="02020600040205080304" pitchFamily="18" charset="-128"/>
                <a:ea typeface="ＭＳ Ｐ明朝" panose="02020600040205080304" pitchFamily="18" charset="-128"/>
              </a:rPr>
              <a:t>9</a:t>
            </a:r>
            <a:r>
              <a:rPr lang="ja-JP" altLang="en-US" sz="1400" dirty="0">
                <a:solidFill>
                  <a:schemeClr val="tx1"/>
                </a:solidFill>
                <a:latin typeface="ＭＳ Ｐ明朝" panose="02020600040205080304" pitchFamily="18" charset="-128"/>
                <a:ea typeface="ＭＳ Ｐ明朝" panose="02020600040205080304" pitchFamily="18" charset="-128"/>
              </a:rPr>
              <a:t>月現在</a:t>
            </a:r>
            <a:r>
              <a:rPr lang="en-US" altLang="ja-JP" sz="1400" dirty="0">
                <a:solidFill>
                  <a:schemeClr val="tx1"/>
                </a:solidFill>
                <a:latin typeface="ＭＳ Ｐ明朝" panose="02020600040205080304" pitchFamily="18" charset="-128"/>
                <a:ea typeface="ＭＳ Ｐ明朝" panose="02020600040205080304" pitchFamily="18" charset="-128"/>
              </a:rPr>
              <a:t>97.5</a:t>
            </a:r>
            <a:r>
              <a:rPr lang="ja-JP" altLang="en-US" sz="1400" dirty="0">
                <a:solidFill>
                  <a:schemeClr val="tx1"/>
                </a:solidFill>
                <a:latin typeface="ＭＳ Ｐ明朝" panose="02020600040205080304" pitchFamily="18" charset="-128"/>
                <a:ea typeface="ＭＳ Ｐ明朝" panose="02020600040205080304" pitchFamily="18" charset="-128"/>
              </a:rPr>
              <a:t>％が契約済み。商業業務ゾーンは契約率</a:t>
            </a:r>
            <a:r>
              <a:rPr lang="en-US" altLang="ja-JP" sz="1400" dirty="0">
                <a:solidFill>
                  <a:schemeClr val="tx1"/>
                </a:solidFill>
                <a:latin typeface="ＭＳ Ｐ明朝" panose="02020600040205080304" pitchFamily="18" charset="-128"/>
                <a:ea typeface="ＭＳ Ｐ明朝" panose="02020600040205080304" pitchFamily="18" charset="-128"/>
              </a:rPr>
              <a:t>100</a:t>
            </a:r>
            <a:r>
              <a:rPr lang="ja-JP" altLang="en-US" sz="1400" dirty="0">
                <a:solidFill>
                  <a:schemeClr val="tx1"/>
                </a:solidFill>
                <a:latin typeface="ＭＳ Ｐ明朝" panose="02020600040205080304" pitchFamily="18" charset="-128"/>
                <a:ea typeface="ＭＳ Ｐ明朝" panose="02020600040205080304" pitchFamily="18" charset="-128"/>
              </a:rPr>
              <a:t>％を達成</a:t>
            </a:r>
            <a:r>
              <a:rPr lang="ja-JP" altLang="en-US" sz="1400" dirty="0" smtClean="0">
                <a:solidFill>
                  <a:schemeClr val="tx1"/>
                </a:solidFill>
                <a:latin typeface="ＭＳ Ｐ明朝" panose="02020600040205080304" pitchFamily="18" charset="-128"/>
                <a:ea typeface="ＭＳ Ｐ明朝" panose="02020600040205080304" pitchFamily="18" charset="-128"/>
              </a:rPr>
              <a:t>。関空</a:t>
            </a:r>
            <a:r>
              <a:rPr lang="ja-JP" altLang="en-US" sz="1400" dirty="0">
                <a:solidFill>
                  <a:schemeClr val="tx1"/>
                </a:solidFill>
                <a:latin typeface="ＭＳ Ｐ明朝" panose="02020600040205080304" pitchFamily="18" charset="-128"/>
                <a:ea typeface="ＭＳ Ｐ明朝" panose="02020600040205080304" pitchFamily="18" charset="-128"/>
              </a:rPr>
              <a:t>フロントの立地特性と地元の医療ポテンシャルを活かし、国際医療交流の</a:t>
            </a:r>
            <a:r>
              <a:rPr lang="ja-JP" altLang="en-US" sz="1400" dirty="0" smtClean="0">
                <a:solidFill>
                  <a:schemeClr val="tx1"/>
                </a:solidFill>
                <a:latin typeface="ＭＳ Ｐ明朝" panose="02020600040205080304" pitchFamily="18" charset="-128"/>
                <a:ea typeface="ＭＳ Ｐ明朝" panose="02020600040205080304" pitchFamily="18" charset="-128"/>
              </a:rPr>
              <a:t>拠点としてのまちづくりが始まっている。</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p:txBody>
      </p:sp>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36</a:t>
            </a:fld>
            <a:endParaRPr kumimoji="1" lang="ja-JP" altLang="en-US" dirty="0"/>
          </a:p>
        </p:txBody>
      </p:sp>
    </p:spTree>
    <p:extLst>
      <p:ext uri="{BB962C8B-B14F-4D97-AF65-F5344CB8AC3E}">
        <p14:creationId xmlns:p14="http://schemas.microsoft.com/office/powerpoint/2010/main" val="390406760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テキスト ボックス 12"/>
          <p:cNvSpPr txBox="1"/>
          <p:nvPr/>
        </p:nvSpPr>
        <p:spPr>
          <a:xfrm>
            <a:off x="0" y="21445"/>
            <a:ext cx="9906000" cy="384721"/>
          </a:xfrm>
          <a:prstGeom prst="rect">
            <a:avLst/>
          </a:prstGeom>
          <a:noFill/>
        </p:spPr>
        <p:txBody>
          <a:bodyPr wrap="square" rtlCol="0">
            <a:spAutoFit/>
          </a:bodyPr>
          <a:lstStyle/>
          <a:p>
            <a:r>
              <a:rPr lang="ja-JP" altLang="en-US" dirty="0" smtClean="0">
                <a:latin typeface="ＭＳ Ｐゴシック" panose="020B0600070205080204" pitchFamily="50" charset="-128"/>
                <a:ea typeface="ＭＳ Ｐゴシック" panose="020B0600070205080204" pitchFamily="50" charset="-128"/>
                <a:cs typeface="メイリオ" panose="020B0604030504040204" pitchFamily="50" charset="-128"/>
              </a:rPr>
              <a:t>関西国際空港・りんくうタウン周辺の課題</a:t>
            </a:r>
            <a:r>
              <a:rPr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rPr>
              <a:t>と</a:t>
            </a:r>
            <a:r>
              <a:rPr kumimoji="1" lang="ja-JP" altLang="en-US" dirty="0" smtClean="0">
                <a:latin typeface="ＭＳ Ｐゴシック" panose="020B0600070205080204" pitchFamily="50" charset="-128"/>
                <a:ea typeface="ＭＳ Ｐゴシック" panose="020B0600070205080204" pitchFamily="50" charset="-128"/>
                <a:cs typeface="メイリオ" panose="020B0604030504040204" pitchFamily="50" charset="-128"/>
              </a:rPr>
              <a:t>これまでの取組み（負債処理</a:t>
            </a:r>
            <a:r>
              <a:rPr lang="ja-JP" altLang="en-US" dirty="0" smtClean="0">
                <a:latin typeface="ＭＳ Ｐゴシック" panose="020B0600070205080204" pitchFamily="50" charset="-128"/>
                <a:ea typeface="ＭＳ Ｐゴシック" panose="020B0600070205080204" pitchFamily="50" charset="-128"/>
                <a:cs typeface="メイリオ" panose="020B0604030504040204" pitchFamily="50" charset="-128"/>
              </a:rPr>
              <a:t>と経営改革）</a:t>
            </a:r>
            <a:endParaRPr kumimoji="1"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3" name="正方形/長方形 2"/>
          <p:cNvSpPr/>
          <p:nvPr/>
        </p:nvSpPr>
        <p:spPr>
          <a:xfrm>
            <a:off x="38454" y="701082"/>
            <a:ext cx="291746" cy="3439119"/>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b="1" dirty="0" smtClean="0">
                <a:latin typeface="ＭＳ Ｐゴシック" panose="020B0600070205080204" pitchFamily="50" charset="-128"/>
                <a:ea typeface="ＭＳ Ｐゴシック" panose="020B0600070205080204" pitchFamily="50" charset="-128"/>
              </a:rPr>
              <a:t>関西国際空港</a:t>
            </a:r>
            <a:endParaRPr kumimoji="1" lang="ja-JP" altLang="en-US" sz="1200" b="1" dirty="0">
              <a:latin typeface="ＭＳ Ｐゴシック" panose="020B0600070205080204" pitchFamily="50" charset="-128"/>
              <a:ea typeface="ＭＳ Ｐゴシック" panose="020B0600070205080204" pitchFamily="50" charset="-128"/>
            </a:endParaRPr>
          </a:p>
        </p:txBody>
      </p:sp>
      <p:sp>
        <p:nvSpPr>
          <p:cNvPr id="16" name="正方形/長方形 15"/>
          <p:cNvSpPr/>
          <p:nvPr/>
        </p:nvSpPr>
        <p:spPr>
          <a:xfrm>
            <a:off x="392113" y="701082"/>
            <a:ext cx="3000714" cy="3439119"/>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marL="92075" indent="-92075"/>
            <a:r>
              <a:rPr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巨額の負債に起因する経営面での悪循環</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伊丹空港との関係</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運営主体が別／伊丹の収益は国の</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特別会計へ</a:t>
            </a:r>
            <a:endParaRPr lang="en-US" altLang="ja-JP" sz="1400" strike="sngStrike"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spcBef>
                <a:spcPts val="900"/>
              </a:spcBef>
            </a:pP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都心部へのアクセス</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問題</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JR</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大阪駅まで約１時間</a:t>
            </a:r>
            <a:endPar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17" name="正方形/長方形 16"/>
          <p:cNvSpPr/>
          <p:nvPr/>
        </p:nvSpPr>
        <p:spPr>
          <a:xfrm>
            <a:off x="3782871" y="701080"/>
            <a:ext cx="5226580" cy="3439120"/>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lstStyle/>
          <a:p>
            <a:pPr marL="179388" indent="-179388"/>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kumimoji="1"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知事から、政治的メッセージとして、伊丹空港の廃止・跡地売却という「ストック組換え」を視野に、関空の財務状況の課題やハブ空港としての機能強化について、国家レベルの課題として国に問題提起（</a:t>
            </a:r>
            <a:r>
              <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08</a:t>
            </a:r>
            <a:r>
              <a:rPr lang="ja-JP" altLang="en-US" sz="1200" dirty="0" err="1"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09</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endParaRPr lang="en-US" altLang="ja-JP" sz="1400" b="1"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kumimoji="1"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関空・伊丹空港を経営統合が実現（</a:t>
            </a:r>
            <a:r>
              <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2</a:t>
            </a:r>
            <a:r>
              <a:rPr kumimoji="1"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266700" indent="-266700">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新関空会社は、中期</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経営計画に基づき、国際線着陸料の５％引き下げ、路線誘致インセンティブの</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拡充等を</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展開</a:t>
            </a:r>
          </a:p>
          <a:p>
            <a:pPr>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旅客サービスの充実</a:t>
            </a:r>
          </a:p>
          <a:p>
            <a:pPr marL="504825" indent="-50482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LCC</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誘致、</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LCC</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専用ターミナル</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設置、</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深夜早朝アクセスの充実</a:t>
            </a:r>
          </a:p>
          <a:p>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　国内最大の</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LCC</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乗り入れ空港へ</a:t>
            </a:r>
          </a:p>
          <a:p>
            <a:pPr marL="762000" indent="-762000"/>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　</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3</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度の年間外国人旅客数は開港以来最大</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約</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500</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人</a:t>
            </a:r>
          </a:p>
          <a:p>
            <a:pPr>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物流サービスの充実</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4476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世界最大手航空貨物</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会社</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FedEx</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北太平洋ハブ拠点</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開設</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4476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医</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薬品輸送のオンリーワン空港を目指した機能強化　（後掲）</a:t>
            </a:r>
            <a:endParaRPr lang="en-US" altLang="ja-JP" sz="1400" strike="sngStrike"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18" name="Rectangle 2"/>
          <p:cNvSpPr txBox="1">
            <a:spLocks noChangeArrowheads="1"/>
          </p:cNvSpPr>
          <p:nvPr/>
        </p:nvSpPr>
        <p:spPr bwMode="auto">
          <a:xfrm>
            <a:off x="392113" y="457452"/>
            <a:ext cx="3000714" cy="204055"/>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en-US" altLang="ja-JP" sz="1200" dirty="0" smtClean="0">
                <a:solidFill>
                  <a:schemeClr val="bg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bg1"/>
                </a:solidFill>
                <a:latin typeface="ＭＳ Ｐゴシック" panose="020B0600070205080204" pitchFamily="50" charset="-128"/>
                <a:ea typeface="ＭＳ Ｐゴシック" panose="020B0600070205080204" pitchFamily="50" charset="-128"/>
              </a:rPr>
              <a:t>これまでの課題</a:t>
            </a:r>
            <a:endParaRPr lang="en-US" altLang="ja-JP" sz="1200" dirty="0" smtClean="0">
              <a:solidFill>
                <a:schemeClr val="bg1"/>
              </a:solidFill>
              <a:latin typeface="ＭＳ Ｐゴシック" panose="020B0600070205080204" pitchFamily="50" charset="-128"/>
              <a:ea typeface="ＭＳ Ｐゴシック" panose="020B0600070205080204" pitchFamily="50" charset="-128"/>
            </a:endParaRPr>
          </a:p>
        </p:txBody>
      </p:sp>
      <p:sp>
        <p:nvSpPr>
          <p:cNvPr id="19" name="Rectangle 2"/>
          <p:cNvSpPr txBox="1">
            <a:spLocks noChangeArrowheads="1"/>
          </p:cNvSpPr>
          <p:nvPr/>
        </p:nvSpPr>
        <p:spPr bwMode="auto">
          <a:xfrm>
            <a:off x="3782871" y="457451"/>
            <a:ext cx="5226580" cy="184756"/>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ja-JP" altLang="en-US" sz="1200" dirty="0" smtClean="0">
                <a:solidFill>
                  <a:schemeClr val="bg1"/>
                </a:solidFill>
                <a:latin typeface="ＭＳ Ｐゴシック" panose="020B0600070205080204" pitchFamily="50" charset="-128"/>
                <a:ea typeface="ＭＳ Ｐゴシック" panose="020B0600070205080204" pitchFamily="50" charset="-128"/>
              </a:rPr>
              <a:t>改革の取組み</a:t>
            </a:r>
            <a:endParaRPr lang="en-US" altLang="ja-JP" sz="1200" dirty="0" smtClean="0">
              <a:solidFill>
                <a:schemeClr val="bg1"/>
              </a:solidFill>
              <a:latin typeface="ＭＳ Ｐゴシック" panose="020B0600070205080204" pitchFamily="50" charset="-128"/>
              <a:ea typeface="ＭＳ Ｐゴシック" panose="020B0600070205080204" pitchFamily="50" charset="-128"/>
            </a:endParaRPr>
          </a:p>
        </p:txBody>
      </p:sp>
      <p:sp>
        <p:nvSpPr>
          <p:cNvPr id="20" name="正方形/長方形 19"/>
          <p:cNvSpPr/>
          <p:nvPr/>
        </p:nvSpPr>
        <p:spPr>
          <a:xfrm>
            <a:off x="38454" y="4203700"/>
            <a:ext cx="291746" cy="2517775"/>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b="1" dirty="0" smtClean="0">
                <a:latin typeface="ＭＳ Ｐゴシック" panose="020B0600070205080204" pitchFamily="50" charset="-128"/>
                <a:ea typeface="ＭＳ Ｐゴシック" panose="020B0600070205080204" pitchFamily="50" charset="-128"/>
              </a:rPr>
              <a:t>りんくうタウン</a:t>
            </a:r>
            <a:endParaRPr kumimoji="1" lang="ja-JP" altLang="en-US" sz="1200" b="1" dirty="0">
              <a:latin typeface="ＭＳ Ｐゴシック" panose="020B0600070205080204" pitchFamily="50" charset="-128"/>
              <a:ea typeface="ＭＳ Ｐゴシック" panose="020B0600070205080204" pitchFamily="50" charset="-128"/>
            </a:endParaRPr>
          </a:p>
        </p:txBody>
      </p:sp>
      <p:pic>
        <p:nvPicPr>
          <p:cNvPr id="15" name="Picture 2"/>
          <p:cNvPicPr>
            <a:picLocks noChangeAspect="1" noChangeArrowheads="1"/>
          </p:cNvPicPr>
          <p:nvPr/>
        </p:nvPicPr>
        <p:blipFill rotWithShape="1">
          <a:blip r:embed="rId2" cstate="email">
            <a:extLst>
              <a:ext uri="{28A0092B-C50C-407E-A947-70E740481C1C}">
                <a14:useLocalDpi xmlns:a14="http://schemas.microsoft.com/office/drawing/2010/main" val="0"/>
              </a:ext>
            </a:extLst>
          </a:blip>
          <a:srcRect t="-3"/>
          <a:stretch/>
        </p:blipFill>
        <p:spPr bwMode="auto">
          <a:xfrm>
            <a:off x="266878" y="1039352"/>
            <a:ext cx="3122291" cy="1860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右矢印 3"/>
          <p:cNvSpPr/>
          <p:nvPr/>
        </p:nvSpPr>
        <p:spPr>
          <a:xfrm>
            <a:off x="3470835" y="1988840"/>
            <a:ext cx="234026" cy="1152128"/>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kumimoji="1" lang="ja-JP" altLang="en-US"/>
          </a:p>
        </p:txBody>
      </p:sp>
      <p:sp>
        <p:nvSpPr>
          <p:cNvPr id="22" name="正方形/長方形 21"/>
          <p:cNvSpPr/>
          <p:nvPr/>
        </p:nvSpPr>
        <p:spPr>
          <a:xfrm>
            <a:off x="3782871" y="4203701"/>
            <a:ext cx="5226581" cy="2517775"/>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t"/>
          <a:lstStyle/>
          <a:p>
            <a:pPr marL="92075" indent="-92075">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市場原理の歯車が回るよう事業を抜本的に見直す。</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りんくう</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事業（りんくうホテル、りんくう国際物流センター）の法的処理</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1</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民間による自立化を実現</a:t>
            </a:r>
          </a:p>
          <a:p>
            <a:pPr marL="179388" indent="-179388">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地域整備事業会計の廃止（</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1</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度末）、財政基本条例に基づく将来</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リスク    管理</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りんくうタウンの活性化</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174625" indent="-174625">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関空フロントの立地特性と地元の医療ポテンシャルを活かし、国際医療</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交流の拠点</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としてのまちづくり。　</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269875" indent="-92075">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03</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に導入した定期借地制度を活用しつつ、大幅に企業立地が促進。</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9</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月現在</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97.5</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が契約済み。商業業務ゾーンは契約率</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00</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を達成。</a:t>
            </a:r>
          </a:p>
        </p:txBody>
      </p:sp>
      <p:sp>
        <p:nvSpPr>
          <p:cNvPr id="23" name="正方形/長方形 22"/>
          <p:cNvSpPr/>
          <p:nvPr/>
        </p:nvSpPr>
        <p:spPr>
          <a:xfrm>
            <a:off x="392113" y="4203701"/>
            <a:ext cx="3000714" cy="2517773"/>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Ins="36000" rtlCol="0" anchor="t"/>
          <a:lstStyle/>
          <a:p>
            <a:pPr marL="85725" indent="-8572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バブル崩壊の影響によるタウン開発の苦戦</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180975" indent="-180975"/>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埋め立て等造成に</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約</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50</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00</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億円投入</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企業</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誘致に苦戦</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82550" indent="-82550">
              <a:spcBef>
                <a:spcPts val="600"/>
              </a:spcBef>
            </a:pP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民間</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新規参入が</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見込めず、行政や</a:t>
            </a:r>
            <a:r>
              <a:rPr lang="en-US" altLang="ja-JP"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3</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セクが赤字補てんする事業構造。</a:t>
            </a:r>
            <a:endParaRPr lang="en-US" altLang="ja-JP"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24" name="右矢印 23"/>
          <p:cNvSpPr/>
          <p:nvPr/>
        </p:nvSpPr>
        <p:spPr>
          <a:xfrm>
            <a:off x="3470835" y="4992624"/>
            <a:ext cx="234026" cy="1152128"/>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kumimoji="1" lang="ja-JP" altLang="en-US"/>
          </a:p>
        </p:txBody>
      </p:sp>
      <p:sp>
        <p:nvSpPr>
          <p:cNvPr id="26" name="正方形/長方形 25"/>
          <p:cNvSpPr/>
          <p:nvPr/>
        </p:nvSpPr>
        <p:spPr>
          <a:xfrm>
            <a:off x="9097779" y="457452"/>
            <a:ext cx="746309" cy="6264021"/>
          </a:xfrm>
          <a:prstGeom prst="rect">
            <a:avLst/>
          </a:prstGeom>
          <a:ln/>
        </p:spPr>
        <p:style>
          <a:lnRef idx="1">
            <a:schemeClr val="accent6"/>
          </a:lnRef>
          <a:fillRef idx="2">
            <a:schemeClr val="accent6"/>
          </a:fillRef>
          <a:effectRef idx="1">
            <a:schemeClr val="accent6"/>
          </a:effectRef>
          <a:fontRef idx="minor">
            <a:schemeClr val="dk1"/>
          </a:fontRef>
        </p:style>
        <p:txBody>
          <a:bodyPr vert="eaVert" rtlCol="0" anchor="ctr"/>
          <a:lstStyle/>
          <a:p>
            <a:pPr marL="266700"/>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今後</a:t>
            </a:r>
            <a:r>
              <a:rPr lang="ja-JP" altLang="en-US"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課題</a:t>
            </a:r>
            <a:r>
              <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pPr marL="533400"/>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就航ネットワークの充実・際内乗継機能の</a:t>
            </a:r>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強化</a:t>
            </a:r>
            <a:endPar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533400"/>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関空から大阪都心部へのアクセス強化</a:t>
            </a:r>
            <a:endParaRPr lang="en-US" altLang="ja-JP" sz="1100" strike="dblStrike"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533400"/>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りんくう公園予定地未整備箇所の活用</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25" name="スライド番号プレースホルダ 24"/>
          <p:cNvSpPr>
            <a:spLocks noGrp="1"/>
          </p:cNvSpPr>
          <p:nvPr>
            <p:ph type="sldNum" sz="quarter" idx="12"/>
          </p:nvPr>
        </p:nvSpPr>
        <p:spPr/>
        <p:txBody>
          <a:bodyPr/>
          <a:lstStyle/>
          <a:p>
            <a:fld id="{37EF5067-3AB7-4642-9103-42CBD40CC6D9}" type="slidenum">
              <a:rPr kumimoji="1" lang="ja-JP" altLang="en-US" smtClean="0"/>
              <a:pPr/>
              <a:t>37</a:t>
            </a:fld>
            <a:endParaRPr kumimoji="1" lang="ja-JP" altLang="en-US" dirty="0"/>
          </a:p>
        </p:txBody>
      </p:sp>
    </p:spTree>
    <p:extLst>
      <p:ext uri="{BB962C8B-B14F-4D97-AF65-F5344CB8AC3E}">
        <p14:creationId xmlns:p14="http://schemas.microsoft.com/office/powerpoint/2010/main" val="1866802809"/>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0" y="116632"/>
            <a:ext cx="9906000" cy="384721"/>
          </a:xfrm>
          <a:prstGeom prst="rect">
            <a:avLst/>
          </a:prstGeom>
          <a:noFill/>
        </p:spPr>
        <p:txBody>
          <a:bodyPr wrap="square" rtlCol="0">
            <a:spAutoFit/>
          </a:bodyPr>
          <a:lstStyle/>
          <a:p>
            <a:r>
              <a:rPr lang="ja-JP" altLang="en-US"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大阪の今後の成長を牽引する布石　</a:t>
            </a:r>
            <a:r>
              <a:rPr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医療関連分野での競争力・機能強化</a:t>
            </a:r>
            <a:r>
              <a:rPr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kumimoji="1" lang="ja-JP" altLang="en-US"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2" name="正方形/長方形 11"/>
          <p:cNvSpPr/>
          <p:nvPr/>
        </p:nvSpPr>
        <p:spPr>
          <a:xfrm>
            <a:off x="4232930" y="663258"/>
            <a:ext cx="5478599" cy="1449928"/>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marL="92075" indent="-92075"/>
            <a:r>
              <a:rPr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医薬品輸送のオンリーワン空港へ</a:t>
            </a:r>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医薬品専用共同定温庫を整備</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日本の空港で</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初／</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0</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200" strike="dblStrike"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国際戦略総合特区を活用し、規制緩和</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　全国に先駆けて医薬品輸入</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手続き（</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薬監証明）の電子化　　</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を実現（</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3</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3</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月</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1</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月から全国に拡大）</a:t>
            </a:r>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13" name="正方形/長方形 12"/>
          <p:cNvSpPr/>
          <p:nvPr/>
        </p:nvSpPr>
        <p:spPr>
          <a:xfrm>
            <a:off x="3941186" y="663258"/>
            <a:ext cx="291745" cy="1449928"/>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b="1" dirty="0" smtClean="0">
                <a:latin typeface="ＭＳ Ｐゴシック" panose="020B0600070205080204" pitchFamily="50" charset="-128"/>
                <a:ea typeface="ＭＳ Ｐゴシック" panose="020B0600070205080204" pitchFamily="50" charset="-128"/>
              </a:rPr>
              <a:t>関西国際空港</a:t>
            </a:r>
            <a:endParaRPr kumimoji="1" lang="ja-JP" altLang="en-US" sz="1200" b="1" dirty="0">
              <a:latin typeface="ＭＳ Ｐゴシック" panose="020B0600070205080204" pitchFamily="50" charset="-128"/>
              <a:ea typeface="ＭＳ Ｐゴシック" panose="020B0600070205080204" pitchFamily="50" charset="-128"/>
            </a:endParaRPr>
          </a:p>
        </p:txBody>
      </p:sp>
      <p:sp>
        <p:nvSpPr>
          <p:cNvPr id="14" name="正方形/長方形 13"/>
          <p:cNvSpPr/>
          <p:nvPr/>
        </p:nvSpPr>
        <p:spPr>
          <a:xfrm>
            <a:off x="3941186" y="2309837"/>
            <a:ext cx="291745" cy="3495558"/>
          </a:xfrm>
          <a:prstGeom prst="rect">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b="1" dirty="0" smtClean="0">
                <a:latin typeface="ＭＳ Ｐゴシック" panose="020B0600070205080204" pitchFamily="50" charset="-128"/>
                <a:ea typeface="ＭＳ Ｐゴシック" panose="020B0600070205080204" pitchFamily="50" charset="-128"/>
              </a:rPr>
              <a:t>りんくうタウン</a:t>
            </a:r>
            <a:endParaRPr kumimoji="1" lang="ja-JP" altLang="en-US" sz="1200" b="1" dirty="0">
              <a:latin typeface="ＭＳ Ｐゴシック" panose="020B0600070205080204" pitchFamily="50" charset="-128"/>
              <a:ea typeface="ＭＳ Ｐゴシック" panose="020B0600070205080204" pitchFamily="50" charset="-128"/>
            </a:endParaRPr>
          </a:p>
        </p:txBody>
      </p:sp>
      <p:sp>
        <p:nvSpPr>
          <p:cNvPr id="15" name="正方形/長方形 14"/>
          <p:cNvSpPr/>
          <p:nvPr/>
        </p:nvSpPr>
        <p:spPr>
          <a:xfrm>
            <a:off x="4237875" y="2311826"/>
            <a:ext cx="5473654" cy="3493438"/>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36000" rIns="0" rtlCol="0" anchor="t"/>
          <a:lstStyle/>
          <a:p>
            <a:pPr marL="92075" indent="-92075"/>
            <a:r>
              <a:rPr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医療機関の運営体制の改革</a:t>
            </a:r>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泉佐野市＞　　　泉佐野市民病院の独立行政法人化（</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1</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府・泉佐野市＞　府立泉州救命救急センターと泉佐野市民病院を統合</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独立行政法人が一体的に運営）（</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3</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r>
              <a:rPr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地域活性化総合特区を活用した、国際医療交流の拠点づくり</a:t>
            </a:r>
            <a:endParaRPr lang="en-US" altLang="ja-JP" sz="1400" strike="sngStrike"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高度がん医療拠点施設」設置が具体化（</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6</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事業開始予定）</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高度がん医療拠点施設を核に、医療通訳の育成や健康・医療をテーマと　</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した観光ツアーなどの事業と一体となった取組を進め、国際医療交流を推進</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endParaRPr lang="en-US" altLang="ja-JP" sz="1200" strike="sngStrike"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endParaRPr lang="en-US" altLang="ja-JP" sz="1200" strike="sngStrike"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r>
              <a:rPr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府関連施設の立地による新たな集積メリットを創出</a:t>
            </a:r>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marL="92075" indent="-92075">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大阪府立大学りんくうキャンパス（獣医系学舎）移転（</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09</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府家畜保健衛生所が隣接地に移転（</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0</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266700" indent="-266700"/>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検査施設や設備の共同利用、情報共有などにより、検査</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機能の</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充実や防疫</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体制の</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強化、研究機能の強化を期待</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266700" indent="-266700"/>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pSp>
        <p:nvGrpSpPr>
          <p:cNvPr id="2" name="グループ化 17"/>
          <p:cNvGrpSpPr/>
          <p:nvPr/>
        </p:nvGrpSpPr>
        <p:grpSpPr>
          <a:xfrm>
            <a:off x="116463" y="663259"/>
            <a:ext cx="2808312" cy="4673375"/>
            <a:chOff x="107504" y="663258"/>
            <a:chExt cx="2592288" cy="4673375"/>
          </a:xfrm>
        </p:grpSpPr>
        <p:sp>
          <p:nvSpPr>
            <p:cNvPr id="4" name="テキスト ボックス 3"/>
            <p:cNvSpPr txBox="1"/>
            <p:nvPr/>
          </p:nvSpPr>
          <p:spPr>
            <a:xfrm>
              <a:off x="107504" y="663258"/>
              <a:ext cx="2592288" cy="4673375"/>
            </a:xfrm>
            <a:prstGeom prst="rect">
              <a:avLst/>
            </a:prstGeom>
            <a:noFill/>
            <a:ln>
              <a:solidFill>
                <a:schemeClr val="bg1">
                  <a:lumMod val="50000"/>
                </a:schemeClr>
              </a:solidFill>
            </a:ln>
          </p:spPr>
          <p:txBody>
            <a:bodyPr wrap="square" rtlCol="0">
              <a:noAutofit/>
            </a:bodyPr>
            <a:lstStyle/>
            <a:p>
              <a:pPr marL="180975" indent="-180975"/>
              <a:r>
                <a:rPr lang="ja-JP" altLang="en-US" sz="1400" u="sng" dirty="0" smtClean="0">
                  <a:latin typeface="ＭＳ Ｐゴシック" panose="020B0600070205080204" pitchFamily="50" charset="-128"/>
                  <a:ea typeface="ＭＳ Ｐゴシック" panose="020B0600070205080204" pitchFamily="50" charset="-128"/>
                  <a:cs typeface="Meiryo UI" panose="020B0604030504040204" pitchFamily="50" charset="-128"/>
                </a:rPr>
                <a:t>医療関連分野でのポテンシャル</a:t>
              </a:r>
              <a:endParaRPr lang="en-US" altLang="ja-JP" sz="1400" u="sng"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spcBef>
                  <a:spcPts val="600"/>
                </a:spcBef>
              </a:pPr>
              <a:r>
                <a:rPr lang="ja-JP" altLang="en-US" sz="1200" dirty="0" smtClean="0">
                  <a:latin typeface="ＭＳ Ｐ明朝" panose="02020600040205080304" pitchFamily="18" charset="-128"/>
                  <a:ea typeface="ＭＳ Ｐ明朝" panose="02020600040205080304" pitchFamily="18" charset="-128"/>
                  <a:cs typeface="Meiryo UI" panose="020B0604030504040204" pitchFamily="50" charset="-128"/>
                </a:rPr>
                <a:t>・大阪には、医薬品開発拠点が集積</a:t>
              </a:r>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endParaRPr lang="en-US" altLang="ja-JP" sz="1200" dirty="0">
                <a:latin typeface="ＭＳ Ｐ明朝" panose="02020600040205080304" pitchFamily="18" charset="-128"/>
                <a:ea typeface="ＭＳ Ｐ明朝" panose="02020600040205080304" pitchFamily="18" charset="-128"/>
                <a:cs typeface="Meiryo UI" panose="020B0604030504040204" pitchFamily="50" charset="-128"/>
              </a:endParaRPr>
            </a:p>
            <a:p>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r>
                <a:rPr lang="ja-JP" altLang="en-US" sz="1200" dirty="0" smtClean="0">
                  <a:latin typeface="ＭＳ Ｐ明朝" panose="02020600040205080304" pitchFamily="18" charset="-128"/>
                  <a:ea typeface="ＭＳ Ｐ明朝" panose="02020600040205080304" pitchFamily="18" charset="-128"/>
                  <a:cs typeface="Meiryo UI" panose="020B0604030504040204" pitchFamily="50" charset="-128"/>
                </a:rPr>
                <a:t>・医療機関の集積　「りんくう総合医療センター」</a:t>
              </a:r>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a:spcBef>
                  <a:spcPts val="600"/>
                </a:spcBef>
              </a:pPr>
              <a:r>
                <a:rPr lang="ja-JP" altLang="en-US" sz="1200" dirty="0">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dirty="0">
                  <a:latin typeface="ＭＳ Ｐ明朝" panose="02020600040205080304" pitchFamily="18" charset="-128"/>
                  <a:ea typeface="ＭＳ Ｐ明朝" panose="02020600040205080304" pitchFamily="18" charset="-128"/>
                  <a:cs typeface="Meiryo UI" panose="020B0604030504040204" pitchFamily="50" charset="-128"/>
                </a:rPr>
                <a:t>市立</a:t>
              </a:r>
              <a:r>
                <a:rPr lang="ja-JP" altLang="en-US" sz="1200" dirty="0" smtClean="0">
                  <a:latin typeface="ＭＳ Ｐ明朝" panose="02020600040205080304" pitchFamily="18" charset="-128"/>
                  <a:ea typeface="ＭＳ Ｐ明朝" panose="02020600040205080304" pitchFamily="18" charset="-128"/>
                  <a:cs typeface="Meiryo UI" panose="020B0604030504040204" pitchFamily="50" charset="-128"/>
                </a:rPr>
                <a:t>泉佐野市民病院</a:t>
              </a:r>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200" dirty="0">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dirty="0" smtClean="0">
                  <a:latin typeface="ＭＳ Ｐ明朝" panose="02020600040205080304" pitchFamily="18" charset="-128"/>
                  <a:ea typeface="ＭＳ Ｐ明朝" panose="02020600040205080304" pitchFamily="18" charset="-128"/>
                  <a:cs typeface="Meiryo UI" panose="020B0604030504040204" pitchFamily="50" charset="-128"/>
                </a:rPr>
                <a:t>市立泉佐野病院感染症ｾﾝﾀｰ</a:t>
              </a:r>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200" dirty="0">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dirty="0" smtClean="0">
                  <a:latin typeface="ＭＳ Ｐ明朝" panose="02020600040205080304" pitchFamily="18" charset="-128"/>
                  <a:ea typeface="ＭＳ Ｐ明朝" panose="02020600040205080304" pitchFamily="18" charset="-128"/>
                  <a:cs typeface="Meiryo UI" panose="020B0604030504040204" pitchFamily="50" charset="-128"/>
                </a:rPr>
                <a:t>府立泉州救命救急センター</a:t>
              </a:r>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r>
                <a:rPr lang="ja-JP" altLang="en-US" sz="1200" dirty="0" smtClean="0">
                  <a:latin typeface="ＭＳ Ｐ明朝" panose="02020600040205080304" pitchFamily="18" charset="-128"/>
                  <a:ea typeface="ＭＳ Ｐ明朝" panose="02020600040205080304" pitchFamily="18" charset="-128"/>
                  <a:cs typeface="Meiryo UI" panose="020B0604030504040204" pitchFamily="50" charset="-128"/>
                </a:rPr>
                <a:t>・民間の高度がん医療施設</a:t>
              </a:r>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r>
                <a:rPr lang="ja-JP" altLang="en-US" sz="1200" dirty="0" smtClean="0">
                  <a:latin typeface="ＭＳ Ｐ明朝" panose="02020600040205080304" pitchFamily="18" charset="-128"/>
                  <a:ea typeface="ＭＳ Ｐ明朝" panose="02020600040205080304" pitchFamily="18" charset="-128"/>
                  <a:cs typeface="Meiryo UI" panose="020B0604030504040204" pitchFamily="50" charset="-128"/>
                </a:rPr>
                <a:t>・関空のアジア諸国からの観光客が順調に増加</a:t>
              </a:r>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smtClean="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endParaRPr lang="en-US" altLang="ja-JP" sz="12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marL="85725" indent="-85725"/>
              <a:r>
                <a:rPr lang="ja-JP" altLang="en-US" sz="1200" dirty="0" smtClean="0">
                  <a:latin typeface="ＭＳ Ｐゴシック" panose="020B0600070205080204" pitchFamily="50" charset="-128"/>
                  <a:ea typeface="ＭＳ Ｐゴシック" panose="020B0600070205080204" pitchFamily="50" charset="-128"/>
                  <a:cs typeface="Meiryo UI" panose="020B0604030504040204" pitchFamily="50" charset="-128"/>
                </a:rPr>
                <a:t>　</a:t>
              </a:r>
              <a:endParaRPr lang="en-US" altLang="ja-JP" sz="1200" dirty="0">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9" name="大かっこ 8"/>
            <p:cNvSpPr/>
            <p:nvPr/>
          </p:nvSpPr>
          <p:spPr>
            <a:xfrm>
              <a:off x="251520" y="1208310"/>
              <a:ext cx="2304256" cy="391890"/>
            </a:xfrm>
            <a:prstGeom prst="bracketPair">
              <a:avLst>
                <a:gd name="adj" fmla="val 8981"/>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r>
                <a:rPr lang="ja-JP" altLang="en-US" sz="1050" dirty="0">
                  <a:latin typeface="ＭＳ Ｐ明朝" panose="02020600040205080304" pitchFamily="18" charset="-128"/>
                  <a:ea typeface="ＭＳ Ｐ明朝" panose="02020600040205080304" pitchFamily="18" charset="-128"/>
                  <a:cs typeface="Meiryo UI" panose="020B0604030504040204" pitchFamily="50" charset="-128"/>
                </a:rPr>
                <a:t>医学系大学・大学院、製薬・医療機器メーカー、企業研究施設など</a:t>
              </a:r>
            </a:p>
          </p:txBody>
        </p:sp>
        <p:sp>
          <p:nvSpPr>
            <p:cNvPr id="10" name="大かっこ 9"/>
            <p:cNvSpPr/>
            <p:nvPr/>
          </p:nvSpPr>
          <p:spPr>
            <a:xfrm>
              <a:off x="251520" y="2113186"/>
              <a:ext cx="2304256" cy="398498"/>
            </a:xfrm>
            <a:prstGeom prst="bracketPair">
              <a:avLst>
                <a:gd name="adj" fmla="val 8981"/>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t"/>
            <a:lstStyle/>
            <a:p>
              <a:r>
                <a:rPr lang="ja-JP" altLang="en-US" sz="1050" dirty="0" smtClean="0">
                  <a:latin typeface="ＭＳ Ｐ明朝" panose="02020600040205080304" pitchFamily="18" charset="-128"/>
                  <a:ea typeface="ＭＳ Ｐ明朝" panose="02020600040205080304" pitchFamily="18" charset="-128"/>
                  <a:cs typeface="Meiryo UI" panose="020B0604030504040204" pitchFamily="50" charset="-128"/>
                </a:rPr>
                <a:t>関空の搬送先指定病院、全国に先駆けて「国際外来」設置</a:t>
              </a:r>
              <a:endParaRPr lang="ja-JP" altLang="en-US" sz="1050" dirty="0">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11" name="大かっこ 10"/>
            <p:cNvSpPr/>
            <p:nvPr/>
          </p:nvSpPr>
          <p:spPr>
            <a:xfrm>
              <a:off x="251520" y="3485609"/>
              <a:ext cx="2304256" cy="616864"/>
            </a:xfrm>
            <a:prstGeom prst="bracketPair">
              <a:avLst>
                <a:gd name="adj" fmla="val 8981"/>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t"/>
            <a:lstStyle/>
            <a:p>
              <a:r>
                <a:rPr lang="ja-JP" altLang="en-US" sz="1050" dirty="0" smtClean="0">
                  <a:latin typeface="ＭＳ Ｐ明朝" panose="02020600040205080304" pitchFamily="18" charset="-128"/>
                  <a:ea typeface="ＭＳ Ｐ明朝" panose="02020600040205080304" pitchFamily="18" charset="-128"/>
                  <a:cs typeface="Meiryo UI" panose="020B0604030504040204" pitchFamily="50" charset="-128"/>
                </a:rPr>
                <a:t>国内外から</a:t>
              </a:r>
              <a:r>
                <a:rPr lang="ja-JP" altLang="en-US" sz="1050" dirty="0">
                  <a:latin typeface="ＭＳ Ｐ明朝" panose="02020600040205080304" pitchFamily="18" charset="-128"/>
                  <a:ea typeface="ＭＳ Ｐ明朝" panose="02020600040205080304" pitchFamily="18" charset="-128"/>
                  <a:cs typeface="Meiryo UI" panose="020B0604030504040204" pitchFamily="50" charset="-128"/>
                </a:rPr>
                <a:t>患者が</a:t>
              </a:r>
              <a:r>
                <a:rPr lang="ja-JP" altLang="en-US" sz="1050" dirty="0" smtClean="0">
                  <a:latin typeface="ＭＳ Ｐ明朝" panose="02020600040205080304" pitchFamily="18" charset="-128"/>
                  <a:ea typeface="ＭＳ Ｐ明朝" panose="02020600040205080304" pitchFamily="18" charset="-128"/>
                  <a:cs typeface="Meiryo UI" panose="020B0604030504040204" pitchFamily="50" charset="-128"/>
                </a:rPr>
                <a:t>訪れるがん治療（動脈塞栓術等）専門クリニック、海外</a:t>
              </a:r>
              <a:r>
                <a:rPr lang="ja-JP" altLang="en-US" sz="1050" dirty="0">
                  <a:latin typeface="ＭＳ Ｐ明朝" panose="02020600040205080304" pitchFamily="18" charset="-128"/>
                  <a:ea typeface="ＭＳ Ｐ明朝" panose="02020600040205080304" pitchFamily="18" charset="-128"/>
                  <a:cs typeface="Meiryo UI" panose="020B0604030504040204" pitchFamily="50" charset="-128"/>
                </a:rPr>
                <a:t>医療機関との交流も盛ん</a:t>
              </a:r>
              <a:endParaRPr lang="en-US" altLang="ja-JP" sz="1050" dirty="0">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17" name="大かっこ 16"/>
            <p:cNvSpPr/>
            <p:nvPr/>
          </p:nvSpPr>
          <p:spPr>
            <a:xfrm>
              <a:off x="251520" y="4761526"/>
              <a:ext cx="2390080" cy="413792"/>
            </a:xfrm>
            <a:prstGeom prst="bracketPair">
              <a:avLst>
                <a:gd name="adj" fmla="val 8981"/>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t"/>
            <a:lstStyle/>
            <a:p>
              <a:pPr marL="85725" indent="-85725"/>
              <a:r>
                <a:rPr lang="ja-JP" altLang="en-US" sz="1050" dirty="0" smtClean="0">
                  <a:latin typeface="ＭＳ Ｐ明朝" panose="02020600040205080304" pitchFamily="18" charset="-128"/>
                  <a:ea typeface="ＭＳ Ｐ明朝" panose="02020600040205080304" pitchFamily="18" charset="-128"/>
                  <a:cs typeface="Meiryo UI" panose="020B0604030504040204" pitchFamily="50" charset="-128"/>
                </a:rPr>
                <a:t>国際線外国人</a:t>
              </a:r>
              <a:r>
                <a:rPr lang="ja-JP" altLang="en-US" sz="1050" dirty="0">
                  <a:latin typeface="ＭＳ Ｐ明朝" panose="02020600040205080304" pitchFamily="18" charset="-128"/>
                  <a:ea typeface="ＭＳ Ｐ明朝" panose="02020600040205080304" pitchFamily="18" charset="-128"/>
                  <a:cs typeface="Meiryo UI" panose="020B0604030504040204" pitchFamily="50" charset="-128"/>
                </a:rPr>
                <a:t>旅客数＞日本人旅客数</a:t>
              </a:r>
              <a:endParaRPr lang="en-US" altLang="ja-JP" sz="1050" dirty="0">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r>
                <a:rPr lang="ja-JP" altLang="en-US" sz="1050" dirty="0">
                  <a:latin typeface="ＭＳ Ｐ明朝" panose="02020600040205080304" pitchFamily="18" charset="-128"/>
                  <a:ea typeface="ＭＳ Ｐ明朝" panose="02020600040205080304" pitchFamily="18" charset="-128"/>
                  <a:cs typeface="Meiryo UI" panose="020B0604030504040204" pitchFamily="50" charset="-128"/>
                </a:rPr>
                <a:t>（</a:t>
              </a:r>
              <a:r>
                <a:rPr lang="en-US" altLang="ja-JP" sz="1050" dirty="0">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050" dirty="0" smtClean="0">
                  <a:latin typeface="ＭＳ Ｐ明朝" panose="02020600040205080304" pitchFamily="18" charset="-128"/>
                  <a:ea typeface="ＭＳ Ｐ明朝" panose="02020600040205080304" pitchFamily="18" charset="-128"/>
                  <a:cs typeface="Meiryo UI" panose="020B0604030504040204" pitchFamily="50" charset="-128"/>
                </a:rPr>
                <a:t>年度上半期）</a:t>
              </a:r>
              <a:endParaRPr lang="en-US" altLang="ja-JP" sz="1050" dirty="0">
                <a:latin typeface="ＭＳ Ｐ明朝" panose="02020600040205080304" pitchFamily="18" charset="-128"/>
                <a:ea typeface="ＭＳ Ｐ明朝" panose="02020600040205080304" pitchFamily="18" charset="-128"/>
                <a:cs typeface="Meiryo UI" panose="020B0604030504040204" pitchFamily="50" charset="-128"/>
              </a:endParaRPr>
            </a:p>
          </p:txBody>
        </p:sp>
      </p:grpSp>
      <p:sp>
        <p:nvSpPr>
          <p:cNvPr id="19" name="右矢印 18"/>
          <p:cNvSpPr/>
          <p:nvPr/>
        </p:nvSpPr>
        <p:spPr>
          <a:xfrm>
            <a:off x="3181131" y="1066857"/>
            <a:ext cx="679747" cy="173120"/>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kumimoji="1" lang="ja-JP" altLang="en-US"/>
          </a:p>
        </p:txBody>
      </p:sp>
      <p:sp>
        <p:nvSpPr>
          <p:cNvPr id="20" name="右中かっこ 19"/>
          <p:cNvSpPr/>
          <p:nvPr/>
        </p:nvSpPr>
        <p:spPr>
          <a:xfrm>
            <a:off x="2966895" y="1700808"/>
            <a:ext cx="184085" cy="3456384"/>
          </a:xfrm>
          <a:prstGeom prst="rightBrace">
            <a:avLst>
              <a:gd name="adj1" fmla="val 81204"/>
              <a:gd name="adj2" fmla="val 50000"/>
            </a:avLst>
          </a:prstGeom>
          <a:ln w="127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21" name="右矢印 20"/>
          <p:cNvSpPr/>
          <p:nvPr/>
        </p:nvSpPr>
        <p:spPr>
          <a:xfrm>
            <a:off x="3181131" y="3342440"/>
            <a:ext cx="679747" cy="173120"/>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kumimoji="1" lang="ja-JP" altLang="en-US"/>
          </a:p>
        </p:txBody>
      </p:sp>
      <p:sp>
        <p:nvSpPr>
          <p:cNvPr id="22" name="テキスト ボックス 21"/>
          <p:cNvSpPr txBox="1"/>
          <p:nvPr/>
        </p:nvSpPr>
        <p:spPr>
          <a:xfrm>
            <a:off x="3148938" y="1220228"/>
            <a:ext cx="709898" cy="261610"/>
          </a:xfrm>
          <a:prstGeom prst="rect">
            <a:avLst/>
          </a:prstGeom>
          <a:noFill/>
        </p:spPr>
        <p:txBody>
          <a:bodyPr wrap="square" rtlCol="0">
            <a:spAutoFit/>
          </a:bodyPr>
          <a:lstStyle/>
          <a:p>
            <a:r>
              <a:rPr kumimoji="1" lang="ja-JP" altLang="en-US" sz="1100" dirty="0" smtClean="0">
                <a:latin typeface="ＭＳ Ｐゴシック" panose="020B0600070205080204" pitchFamily="50" charset="-128"/>
                <a:ea typeface="ＭＳ Ｐゴシック" panose="020B0600070205080204" pitchFamily="50" charset="-128"/>
              </a:rPr>
              <a:t>物流</a:t>
            </a:r>
            <a:endParaRPr kumimoji="1" lang="ja-JP" altLang="en-US" sz="1100" dirty="0">
              <a:latin typeface="ＭＳ Ｐゴシック" panose="020B0600070205080204" pitchFamily="50" charset="-128"/>
              <a:ea typeface="ＭＳ Ｐゴシック" panose="020B0600070205080204" pitchFamily="50" charset="-128"/>
            </a:endParaRPr>
          </a:p>
        </p:txBody>
      </p:sp>
      <p:sp>
        <p:nvSpPr>
          <p:cNvPr id="23" name="テキスト ボックス 22"/>
          <p:cNvSpPr txBox="1"/>
          <p:nvPr/>
        </p:nvSpPr>
        <p:spPr>
          <a:xfrm>
            <a:off x="3014269" y="3667089"/>
            <a:ext cx="979235" cy="2000548"/>
          </a:xfrm>
          <a:prstGeom prst="rect">
            <a:avLst/>
          </a:prstGeom>
          <a:noFill/>
        </p:spPr>
        <p:txBody>
          <a:bodyPr wrap="square" rtlCol="0">
            <a:spAutoFit/>
          </a:bodyPr>
          <a:lstStyle/>
          <a:p>
            <a:r>
              <a:rPr lang="ja-JP" altLang="en-US" sz="900" b="1" dirty="0" smtClean="0">
                <a:latin typeface="ＭＳ Ｐゴシック" panose="020B0600070205080204" pitchFamily="50" charset="-128"/>
                <a:ea typeface="ＭＳ Ｐゴシック" panose="020B0600070205080204" pitchFamily="50" charset="-128"/>
              </a:rPr>
              <a:t>国際</a:t>
            </a:r>
            <a:r>
              <a:rPr kumimoji="1" lang="ja-JP" altLang="en-US" sz="900" b="1" dirty="0" smtClean="0">
                <a:latin typeface="ＭＳ Ｐゴシック" panose="020B0600070205080204" pitchFamily="50" charset="-128"/>
                <a:ea typeface="ＭＳ Ｐゴシック" panose="020B0600070205080204" pitchFamily="50" charset="-128"/>
              </a:rPr>
              <a:t>医療交流</a:t>
            </a:r>
            <a:endParaRPr kumimoji="1" lang="en-US" altLang="ja-JP" sz="900" b="1" dirty="0" smtClean="0">
              <a:latin typeface="ＭＳ Ｐゴシック" panose="020B0600070205080204" pitchFamily="50" charset="-128"/>
              <a:ea typeface="ＭＳ Ｐゴシック" panose="020B0600070205080204" pitchFamily="50" charset="-128"/>
            </a:endParaRPr>
          </a:p>
          <a:p>
            <a:endParaRPr lang="en-US" altLang="ja-JP" sz="900" b="1" dirty="0" smtClean="0">
              <a:latin typeface="ＭＳ Ｐゴシック" panose="020B0600070205080204" pitchFamily="50" charset="-128"/>
              <a:ea typeface="ＭＳ Ｐゴシック" panose="020B0600070205080204" pitchFamily="50" charset="-128"/>
            </a:endParaRPr>
          </a:p>
          <a:p>
            <a:r>
              <a:rPr lang="ja-JP" altLang="en-US" sz="900" b="1" dirty="0" smtClean="0">
                <a:latin typeface="ＭＳ Ｐゴシック" panose="020B0600070205080204" pitchFamily="50" charset="-128"/>
                <a:ea typeface="ＭＳ Ｐゴシック" panose="020B0600070205080204" pitchFamily="50" charset="-128"/>
              </a:rPr>
              <a:t>観光</a:t>
            </a:r>
            <a:endParaRPr kumimoji="1" lang="en-US" altLang="ja-JP" sz="900" b="1" dirty="0" smtClean="0">
              <a:latin typeface="ＭＳ Ｐゴシック" panose="020B0600070205080204" pitchFamily="50" charset="-128"/>
              <a:ea typeface="ＭＳ Ｐゴシック" panose="020B0600070205080204" pitchFamily="50" charset="-128"/>
            </a:endParaRPr>
          </a:p>
          <a:p>
            <a:endParaRPr kumimoji="1" lang="en-US" altLang="ja-JP" sz="1050" dirty="0" smtClean="0">
              <a:latin typeface="ＭＳ Ｐゴシック" panose="020B0600070205080204" pitchFamily="50" charset="-128"/>
              <a:ea typeface="ＭＳ Ｐゴシック" panose="020B0600070205080204" pitchFamily="50" charset="-128"/>
            </a:endParaRPr>
          </a:p>
          <a:p>
            <a:r>
              <a:rPr kumimoji="1" lang="ja-JP" altLang="en-US" sz="1050" dirty="0" smtClean="0">
                <a:latin typeface="ＭＳ Ｐゴシック" panose="020B0600070205080204" pitchFamily="50" charset="-128"/>
                <a:ea typeface="ＭＳ Ｐゴシック" panose="020B0600070205080204" pitchFamily="50" charset="-128"/>
              </a:rPr>
              <a:t>防疫</a:t>
            </a:r>
            <a:endParaRPr kumimoji="1" lang="en-US" altLang="ja-JP" sz="1050" dirty="0" smtClean="0">
              <a:latin typeface="ＭＳ Ｐゴシック" panose="020B0600070205080204" pitchFamily="50" charset="-128"/>
              <a:ea typeface="ＭＳ Ｐゴシック" panose="020B0600070205080204" pitchFamily="50" charset="-128"/>
            </a:endParaRPr>
          </a:p>
          <a:p>
            <a:endParaRPr kumimoji="1" lang="en-US" altLang="ja-JP" sz="1050" dirty="0" smtClean="0">
              <a:latin typeface="ＭＳ Ｐゴシック" panose="020B0600070205080204" pitchFamily="50" charset="-128"/>
              <a:ea typeface="ＭＳ Ｐゴシック" panose="020B0600070205080204" pitchFamily="50" charset="-128"/>
            </a:endParaRPr>
          </a:p>
          <a:p>
            <a:r>
              <a:rPr kumimoji="1" lang="ja-JP" altLang="en-US" sz="1050" dirty="0" smtClean="0">
                <a:latin typeface="ＭＳ Ｐゴシック" panose="020B0600070205080204" pitchFamily="50" charset="-128"/>
                <a:ea typeface="ＭＳ Ｐゴシック" panose="020B0600070205080204" pitchFamily="50" charset="-128"/>
              </a:rPr>
              <a:t>研究</a:t>
            </a:r>
            <a:endParaRPr kumimoji="1" lang="en-US" altLang="ja-JP" sz="1050" dirty="0" smtClean="0">
              <a:latin typeface="ＭＳ Ｐゴシック" panose="020B0600070205080204" pitchFamily="50" charset="-128"/>
              <a:ea typeface="ＭＳ Ｐゴシック" panose="020B0600070205080204" pitchFamily="50" charset="-128"/>
            </a:endParaRPr>
          </a:p>
          <a:p>
            <a:endParaRPr lang="en-US" altLang="ja-JP" sz="1100" strike="sngStrike" dirty="0" smtClean="0">
              <a:latin typeface="ＭＳ Ｐゴシック" panose="020B0600070205080204" pitchFamily="50" charset="-128"/>
              <a:ea typeface="ＭＳ Ｐゴシック" panose="020B0600070205080204" pitchFamily="50" charset="-128"/>
            </a:endParaRPr>
          </a:p>
          <a:p>
            <a:endParaRPr kumimoji="1" lang="en-US" altLang="ja-JP" sz="1100" dirty="0" smtClean="0">
              <a:latin typeface="ＭＳ Ｐゴシック" panose="020B0600070205080204" pitchFamily="50" charset="-128"/>
              <a:ea typeface="ＭＳ Ｐゴシック" panose="020B0600070205080204" pitchFamily="50" charset="-128"/>
            </a:endParaRPr>
          </a:p>
          <a:p>
            <a:endParaRPr lang="en-US" altLang="ja-JP" sz="1100" strike="sngStrike" dirty="0">
              <a:latin typeface="ＭＳ Ｐゴシック" panose="020B0600070205080204" pitchFamily="50" charset="-128"/>
              <a:ea typeface="ＭＳ Ｐゴシック" panose="020B0600070205080204" pitchFamily="50" charset="-128"/>
            </a:endParaRPr>
          </a:p>
          <a:p>
            <a:endParaRPr kumimoji="1" lang="en-US" altLang="ja-JP" sz="1100" strike="sngStrike" dirty="0" smtClean="0">
              <a:latin typeface="ＭＳ Ｐゴシック" panose="020B0600070205080204" pitchFamily="50" charset="-128"/>
              <a:ea typeface="ＭＳ Ｐゴシック" panose="020B0600070205080204" pitchFamily="50" charset="-128"/>
            </a:endParaRPr>
          </a:p>
          <a:p>
            <a:endParaRPr kumimoji="1" lang="ja-JP" altLang="en-US" sz="1100" strike="sngStrike" dirty="0">
              <a:latin typeface="ＭＳ Ｐゴシック" panose="020B0600070205080204" pitchFamily="50" charset="-128"/>
              <a:ea typeface="ＭＳ Ｐゴシック" panose="020B0600070205080204" pitchFamily="50" charset="-128"/>
            </a:endParaRPr>
          </a:p>
        </p:txBody>
      </p:sp>
      <p:sp>
        <p:nvSpPr>
          <p:cNvPr id="25" name="スライド番号プレースホルダ 24"/>
          <p:cNvSpPr>
            <a:spLocks noGrp="1"/>
          </p:cNvSpPr>
          <p:nvPr>
            <p:ph type="sldNum" sz="quarter" idx="12"/>
          </p:nvPr>
        </p:nvSpPr>
        <p:spPr/>
        <p:txBody>
          <a:bodyPr/>
          <a:lstStyle/>
          <a:p>
            <a:fld id="{37EF5067-3AB7-4642-9103-42CBD40CC6D9}" type="slidenum">
              <a:rPr kumimoji="1" lang="ja-JP" altLang="en-US" smtClean="0"/>
              <a:pPr/>
              <a:t>38</a:t>
            </a:fld>
            <a:endParaRPr kumimoji="1" lang="ja-JP" altLang="en-US" dirty="0"/>
          </a:p>
        </p:txBody>
      </p:sp>
    </p:spTree>
    <p:extLst>
      <p:ext uri="{BB962C8B-B14F-4D97-AF65-F5344CB8AC3E}">
        <p14:creationId xmlns:p14="http://schemas.microsoft.com/office/powerpoint/2010/main" val="128096290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272480" y="692696"/>
            <a:ext cx="2935177" cy="49783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600" dirty="0" smtClean="0">
                <a:solidFill>
                  <a:schemeClr val="tx1"/>
                </a:solidFill>
              </a:rPr>
              <a:t>○今後の取組み（スケジュール）</a:t>
            </a:r>
            <a:endParaRPr lang="en-US" altLang="ja-JP" sz="1600" dirty="0" smtClean="0">
              <a:solidFill>
                <a:schemeClr val="tx1"/>
              </a:solidFill>
            </a:endParaRPr>
          </a:p>
        </p:txBody>
      </p:sp>
      <p:pic>
        <p:nvPicPr>
          <p:cNvPr id="1026" name="Picture 2"/>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389542" y="1190527"/>
            <a:ext cx="9112582" cy="1419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 name="グループ化 1"/>
          <p:cNvGrpSpPr/>
          <p:nvPr/>
        </p:nvGrpSpPr>
        <p:grpSpPr>
          <a:xfrm>
            <a:off x="178767" y="6123152"/>
            <a:ext cx="9048600" cy="657265"/>
            <a:chOff x="76116" y="6085051"/>
            <a:chExt cx="8352554" cy="657265"/>
          </a:xfrm>
        </p:grpSpPr>
        <p:sp>
          <p:nvSpPr>
            <p:cNvPr id="6" name="角丸四角形 5"/>
            <p:cNvSpPr/>
            <p:nvPr/>
          </p:nvSpPr>
          <p:spPr>
            <a:xfrm>
              <a:off x="162620" y="6381328"/>
              <a:ext cx="8266050" cy="3609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r>
                <a:rPr lang="ja-JP" altLang="en-US" sz="1400" dirty="0">
                  <a:solidFill>
                    <a:schemeClr val="tx1"/>
                  </a:solidFill>
                  <a:latin typeface="ＭＳ Ｐ明朝" panose="02020600040205080304" pitchFamily="18" charset="-128"/>
                  <a:ea typeface="ＭＳ Ｐ明朝" panose="02020600040205080304" pitchFamily="18" charset="-128"/>
                </a:rPr>
                <a:t>・大阪府：政策企画部、住宅まちづくり</a:t>
              </a:r>
              <a:r>
                <a:rPr lang="ja-JP" altLang="en-US" sz="1400" dirty="0" smtClean="0">
                  <a:solidFill>
                    <a:schemeClr val="tx1"/>
                  </a:solidFill>
                  <a:latin typeface="ＭＳ Ｐ明朝" panose="02020600040205080304" pitchFamily="18" charset="-128"/>
                  <a:ea typeface="ＭＳ Ｐ明朝" panose="02020600040205080304" pitchFamily="18" charset="-128"/>
                </a:rPr>
                <a:t>部</a:t>
              </a:r>
              <a:endParaRPr kumimoji="1" lang="ja-JP" altLang="en-US" sz="1400" dirty="0" smtClean="0">
                <a:solidFill>
                  <a:schemeClr val="tx1"/>
                </a:solidFill>
              </a:endParaRPr>
            </a:p>
          </p:txBody>
        </p:sp>
        <p:sp>
          <p:nvSpPr>
            <p:cNvPr id="7" name="テキスト ボックス 6"/>
            <p:cNvSpPr txBox="1"/>
            <p:nvPr/>
          </p:nvSpPr>
          <p:spPr>
            <a:xfrm>
              <a:off x="76116" y="6085051"/>
              <a:ext cx="5026820" cy="338554"/>
            </a:xfrm>
            <a:prstGeom prst="rect">
              <a:avLst/>
            </a:prstGeom>
            <a:noFill/>
          </p:spPr>
          <p:txBody>
            <a:bodyPr wrap="none" rtlCol="0">
              <a:spAutoFit/>
            </a:bodyPr>
            <a:lstStyle/>
            <a:p>
              <a:pPr lvl="0"/>
              <a:r>
                <a:rPr lang="ja-JP" altLang="en-US" sz="1600" dirty="0" smtClean="0"/>
                <a:t>○</a:t>
              </a:r>
              <a:r>
                <a:rPr lang="en-US" altLang="ja-JP" sz="1600" dirty="0" smtClean="0"/>
                <a:t>『</a:t>
              </a:r>
              <a:r>
                <a:rPr lang="ja-JP" altLang="en-US" sz="1600" dirty="0" smtClean="0"/>
                <a:t>関西国際空港・</a:t>
              </a:r>
              <a:r>
                <a:rPr lang="ja-JP" altLang="en-US" sz="1600" dirty="0"/>
                <a:t>りんくうタウン周辺</a:t>
              </a:r>
              <a:r>
                <a:rPr lang="en-US" altLang="ja-JP" sz="1600" dirty="0"/>
                <a:t>』</a:t>
              </a:r>
              <a:r>
                <a:rPr lang="ja-JP" altLang="en-US" sz="1600" dirty="0"/>
                <a:t>エリアの担当</a:t>
              </a:r>
              <a:r>
                <a:rPr lang="ja-JP" altLang="en-US" sz="1600" dirty="0" smtClean="0"/>
                <a:t>部局一覧</a:t>
              </a:r>
              <a:endParaRPr lang="en-US" altLang="ja-JP" sz="1600" dirty="0" smtClean="0"/>
            </a:p>
          </p:txBody>
        </p:sp>
      </p:grpSp>
      <p:sp>
        <p:nvSpPr>
          <p:cNvPr id="10" name="スライド番号プレースホルダ 9"/>
          <p:cNvSpPr>
            <a:spLocks noGrp="1"/>
          </p:cNvSpPr>
          <p:nvPr>
            <p:ph type="sldNum" sz="quarter" idx="12"/>
          </p:nvPr>
        </p:nvSpPr>
        <p:spPr/>
        <p:txBody>
          <a:bodyPr/>
          <a:lstStyle/>
          <a:p>
            <a:fld id="{37EF5067-3AB7-4642-9103-42CBD40CC6D9}" type="slidenum">
              <a:rPr kumimoji="1" lang="ja-JP" altLang="en-US" smtClean="0"/>
              <a:pPr/>
              <a:t>39</a:t>
            </a:fld>
            <a:endParaRPr kumimoji="1" lang="ja-JP" altLang="en-US" dirty="0"/>
          </a:p>
        </p:txBody>
      </p:sp>
    </p:spTree>
    <p:extLst>
      <p:ext uri="{BB962C8B-B14F-4D97-AF65-F5344CB8AC3E}">
        <p14:creationId xmlns:p14="http://schemas.microsoft.com/office/powerpoint/2010/main" val="176045377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428497" y="1628800"/>
            <a:ext cx="9127014"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sp>
        <p:nvSpPr>
          <p:cNvPr id="8" name="テキスト ボックス 4"/>
          <p:cNvSpPr txBox="1"/>
          <p:nvPr/>
        </p:nvSpPr>
        <p:spPr>
          <a:xfrm>
            <a:off x="3782870" y="692697"/>
            <a:ext cx="2262251" cy="584775"/>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r>
              <a:rPr lang="en-US" altLang="ja-JP" sz="3200" dirty="0" smtClean="0"/>
              <a:t>【</a:t>
            </a:r>
            <a:r>
              <a:rPr lang="ja-JP" altLang="en-US" sz="3200" dirty="0" smtClean="0"/>
              <a:t>エリア編</a:t>
            </a:r>
            <a:r>
              <a:rPr lang="en-US" altLang="ja-JP" sz="3200" dirty="0" smtClean="0"/>
              <a:t>】</a:t>
            </a:r>
            <a:endParaRPr kumimoji="1" lang="en-US" altLang="ja-JP" sz="3200" dirty="0" smtClean="0"/>
          </a:p>
        </p:txBody>
      </p:sp>
      <p:graphicFrame>
        <p:nvGraphicFramePr>
          <p:cNvPr id="9" name="表 8"/>
          <p:cNvGraphicFramePr>
            <a:graphicFrameLocks noGrp="1"/>
          </p:cNvGraphicFramePr>
          <p:nvPr>
            <p:extLst>
              <p:ext uri="{D42A27DB-BD31-4B8C-83A1-F6EECF244321}">
                <p14:modId xmlns:p14="http://schemas.microsoft.com/office/powerpoint/2010/main" val="2402570058"/>
              </p:ext>
            </p:extLst>
          </p:nvPr>
        </p:nvGraphicFramePr>
        <p:xfrm>
          <a:off x="996951" y="2355784"/>
          <a:ext cx="7895354" cy="3017520"/>
        </p:xfrm>
        <a:graphic>
          <a:graphicData uri="http://schemas.openxmlformats.org/drawingml/2006/table">
            <a:tbl>
              <a:tblPr/>
              <a:tblGrid>
                <a:gridCol w="6657792"/>
                <a:gridCol w="1237562"/>
              </a:tblGrid>
              <a:tr h="0">
                <a:tc>
                  <a:txBody>
                    <a:bodyPr/>
                    <a:lstStyle/>
                    <a:p>
                      <a:pPr algn="just">
                        <a:spcAft>
                          <a:spcPts val="0"/>
                        </a:spcAft>
                      </a:pPr>
                      <a:r>
                        <a:rPr lang="ja-JP" sz="1800" kern="100" dirty="0">
                          <a:latin typeface="+mj-ea"/>
                          <a:ea typeface="+mj-ea"/>
                          <a:cs typeface="Times New Roman"/>
                        </a:rPr>
                        <a:t>　１．大阪駅周辺 </a:t>
                      </a:r>
                    </a:p>
                  </a:txBody>
                  <a:tcPr marL="68580" marR="68580" marT="0" marB="0">
                    <a:lnL>
                      <a:noFill/>
                    </a:lnL>
                    <a:lnR>
                      <a:noFill/>
                    </a:lnR>
                    <a:lnT>
                      <a:noFill/>
                    </a:lnT>
                    <a:lnB>
                      <a:noFill/>
                    </a:lnB>
                  </a:tcPr>
                </a:tc>
                <a:tc>
                  <a:txBody>
                    <a:bodyPr/>
                    <a:lstStyle/>
                    <a:p>
                      <a:pPr algn="ctr">
                        <a:spcAft>
                          <a:spcPts val="0"/>
                        </a:spcAft>
                      </a:pPr>
                      <a:r>
                        <a:rPr lang="en-US" sz="1800" kern="100" dirty="0">
                          <a:latin typeface="+mj-ea"/>
                          <a:ea typeface="+mj-ea"/>
                          <a:cs typeface="Times New Roman"/>
                        </a:rPr>
                        <a:t>P.</a:t>
                      </a:r>
                      <a:r>
                        <a:rPr lang="en-US" sz="1800" kern="100" dirty="0">
                          <a:solidFill>
                            <a:srgbClr val="FFFFFF"/>
                          </a:solidFill>
                          <a:latin typeface="+mj-ea"/>
                          <a:ea typeface="+mj-ea"/>
                          <a:cs typeface="Times New Roman"/>
                        </a:rPr>
                        <a:t>00</a:t>
                      </a:r>
                      <a:r>
                        <a:rPr lang="en-US" sz="1800" kern="100" dirty="0">
                          <a:latin typeface="+mj-ea"/>
                          <a:ea typeface="+mj-ea"/>
                          <a:cs typeface="Times New Roman"/>
                        </a:rPr>
                        <a:t>6</a:t>
                      </a:r>
                      <a:endParaRPr lang="ja-JP" sz="18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800" kern="100">
                          <a:latin typeface="+mj-ea"/>
                          <a:ea typeface="+mj-ea"/>
                          <a:cs typeface="Times New Roman"/>
                        </a:rPr>
                        <a:t>　２．中之島 </a:t>
                      </a: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10</a:t>
                      </a:r>
                      <a:endParaRPr lang="ja-JP" sz="18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800" kern="100">
                          <a:latin typeface="+mj-ea"/>
                          <a:ea typeface="+mj-ea"/>
                          <a:cs typeface="Times New Roman"/>
                        </a:rPr>
                        <a:t>　３．御堂筋 </a:t>
                      </a: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14</a:t>
                      </a:r>
                      <a:endParaRPr lang="ja-JP" sz="18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800" kern="100" dirty="0">
                          <a:latin typeface="+mj-ea"/>
                          <a:ea typeface="+mj-ea"/>
                          <a:cs typeface="Times New Roman"/>
                        </a:rPr>
                        <a:t>　４．難波周辺 </a:t>
                      </a: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18</a:t>
                      </a:r>
                      <a:endParaRPr lang="ja-JP" sz="18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800" kern="100" dirty="0">
                          <a:latin typeface="+mj-ea"/>
                          <a:ea typeface="+mj-ea"/>
                          <a:cs typeface="Times New Roman"/>
                        </a:rPr>
                        <a:t>　５．大阪城公園、森之宮、京橋・大阪ビジネスパーク </a:t>
                      </a: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21</a:t>
                      </a:r>
                      <a:endParaRPr lang="ja-JP" sz="18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800" kern="100">
                          <a:latin typeface="+mj-ea"/>
                          <a:ea typeface="+mj-ea"/>
                          <a:cs typeface="Times New Roman"/>
                        </a:rPr>
                        <a:t>　６．湾岸部 </a:t>
                      </a: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25</a:t>
                      </a:r>
                      <a:endParaRPr lang="ja-JP" sz="1800" kern="100" dirty="0">
                        <a:latin typeface="+mj-ea"/>
                        <a:ea typeface="+mj-ea"/>
                        <a:cs typeface="Times New Roman"/>
                      </a:endParaRPr>
                    </a:p>
                  </a:txBody>
                  <a:tcPr marL="68580" marR="68580" marT="0" marB="0">
                    <a:lnL>
                      <a:noFill/>
                    </a:lnL>
                    <a:lnR>
                      <a:noFill/>
                    </a:lnR>
                    <a:lnT>
                      <a:noFill/>
                    </a:lnT>
                    <a:lnB>
                      <a:noFill/>
                    </a:lnB>
                  </a:tcPr>
                </a:tc>
              </a:tr>
              <a:tr h="238826">
                <a:tc>
                  <a:txBody>
                    <a:bodyPr/>
                    <a:lstStyle/>
                    <a:p>
                      <a:pPr algn="just">
                        <a:spcAft>
                          <a:spcPts val="0"/>
                        </a:spcAft>
                      </a:pPr>
                      <a:r>
                        <a:rPr lang="ja-JP" sz="1800" kern="100">
                          <a:latin typeface="+mj-ea"/>
                          <a:ea typeface="+mj-ea"/>
                          <a:cs typeface="Times New Roman"/>
                        </a:rPr>
                        <a:t>　７．天王寺公園 </a:t>
                      </a: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30</a:t>
                      </a:r>
                      <a:endParaRPr lang="ja-JP" sz="18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800" kern="100" dirty="0">
                          <a:latin typeface="+mj-ea"/>
                          <a:ea typeface="+mj-ea"/>
                          <a:cs typeface="Times New Roman"/>
                        </a:rPr>
                        <a:t>　８</a:t>
                      </a:r>
                      <a:r>
                        <a:rPr lang="ja-JP" sz="1800" kern="100" dirty="0" smtClean="0">
                          <a:latin typeface="+mj-ea"/>
                          <a:ea typeface="+mj-ea"/>
                          <a:cs typeface="Times New Roman"/>
                        </a:rPr>
                        <a:t>．</a:t>
                      </a:r>
                      <a:r>
                        <a:rPr lang="ja-JP" altLang="en-US" sz="1800" kern="100" dirty="0" smtClean="0">
                          <a:latin typeface="+mj-ea"/>
                          <a:ea typeface="+mj-ea"/>
                          <a:cs typeface="Times New Roman"/>
                        </a:rPr>
                        <a:t>関西国際空港・</a:t>
                      </a:r>
                      <a:r>
                        <a:rPr lang="ja-JP" sz="1800" kern="100" dirty="0" smtClean="0">
                          <a:latin typeface="+mj-ea"/>
                          <a:ea typeface="+mj-ea"/>
                          <a:cs typeface="Times New Roman"/>
                        </a:rPr>
                        <a:t>りんくう</a:t>
                      </a:r>
                      <a:r>
                        <a:rPr lang="ja-JP" sz="1800" kern="100" dirty="0">
                          <a:latin typeface="+mj-ea"/>
                          <a:ea typeface="+mj-ea"/>
                          <a:cs typeface="Times New Roman"/>
                        </a:rPr>
                        <a:t>タウン周辺 </a:t>
                      </a: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36</a:t>
                      </a:r>
                      <a:endParaRPr lang="ja-JP" sz="18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800" kern="100" dirty="0">
                          <a:latin typeface="+mj-ea"/>
                          <a:ea typeface="+mj-ea"/>
                          <a:cs typeface="Times New Roman"/>
                        </a:rPr>
                        <a:t>　９．泉北</a:t>
                      </a:r>
                      <a:r>
                        <a:rPr lang="ja-JP" sz="1800" kern="100" dirty="0" smtClean="0">
                          <a:latin typeface="+mj-ea"/>
                          <a:ea typeface="+mj-ea"/>
                          <a:cs typeface="Times New Roman"/>
                        </a:rPr>
                        <a:t>ニュータウン </a:t>
                      </a:r>
                      <a:endParaRPr lang="ja-JP" sz="1800" kern="100" dirty="0">
                        <a:latin typeface="+mj-ea"/>
                        <a:ea typeface="+mj-ea"/>
                        <a:cs typeface="Times New Roman"/>
                      </a:endParaRP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40</a:t>
                      </a:r>
                      <a:endParaRPr lang="ja-JP" sz="18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800" kern="100" dirty="0">
                          <a:latin typeface="+mj-ea"/>
                          <a:ea typeface="+mj-ea"/>
                          <a:cs typeface="Times New Roman"/>
                        </a:rPr>
                        <a:t>１０．</a:t>
                      </a:r>
                      <a:r>
                        <a:rPr lang="ja-JP" sz="1800" kern="100" dirty="0" smtClean="0">
                          <a:latin typeface="+mj-ea"/>
                          <a:ea typeface="+mj-ea"/>
                          <a:cs typeface="Times New Roman"/>
                        </a:rPr>
                        <a:t>万博</a:t>
                      </a:r>
                      <a:r>
                        <a:rPr lang="ja-JP" altLang="en-US" sz="1800" kern="100" dirty="0" smtClean="0">
                          <a:latin typeface="+mj-ea"/>
                          <a:ea typeface="+mj-ea"/>
                          <a:cs typeface="Times New Roman"/>
                        </a:rPr>
                        <a:t>記念公園周辺</a:t>
                      </a:r>
                      <a:r>
                        <a:rPr lang="ja-JP" sz="1800" kern="100" dirty="0" smtClean="0">
                          <a:latin typeface="+mj-ea"/>
                          <a:ea typeface="+mj-ea"/>
                          <a:cs typeface="Times New Roman"/>
                        </a:rPr>
                        <a:t>・吹田操車場跡地 </a:t>
                      </a:r>
                      <a:endParaRPr lang="ja-JP" sz="1800" kern="100" dirty="0">
                        <a:latin typeface="+mj-ea"/>
                        <a:ea typeface="+mj-ea"/>
                        <a:cs typeface="Times New Roman"/>
                      </a:endParaRP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44</a:t>
                      </a:r>
                      <a:endParaRPr lang="ja-JP" sz="1800" kern="100" dirty="0">
                        <a:latin typeface="+mj-ea"/>
                        <a:ea typeface="+mj-ea"/>
                        <a:cs typeface="Times New Roman"/>
                      </a:endParaRPr>
                    </a:p>
                  </a:txBody>
                  <a:tcPr marL="68580" marR="68580" marT="0" marB="0">
                    <a:lnL>
                      <a:noFill/>
                    </a:lnL>
                    <a:lnR>
                      <a:noFill/>
                    </a:lnR>
                    <a:lnT>
                      <a:noFill/>
                    </a:lnT>
                    <a:lnB>
                      <a:noFill/>
                    </a:lnB>
                  </a:tcPr>
                </a:tc>
              </a:tr>
              <a:tr h="0">
                <a:tc>
                  <a:txBody>
                    <a:bodyPr/>
                    <a:lstStyle/>
                    <a:p>
                      <a:pPr algn="just">
                        <a:spcAft>
                          <a:spcPts val="0"/>
                        </a:spcAft>
                      </a:pPr>
                      <a:r>
                        <a:rPr lang="ja-JP" sz="1800" kern="100" dirty="0">
                          <a:latin typeface="+mj-ea"/>
                          <a:ea typeface="+mj-ea"/>
                          <a:cs typeface="Times New Roman"/>
                        </a:rPr>
                        <a:t>１１</a:t>
                      </a:r>
                      <a:r>
                        <a:rPr lang="ja-JP" sz="1800" kern="100" dirty="0" smtClean="0">
                          <a:latin typeface="+mj-ea"/>
                          <a:ea typeface="+mj-ea"/>
                          <a:cs typeface="Times New Roman"/>
                        </a:rPr>
                        <a:t>．箕面森町</a:t>
                      </a:r>
                      <a:r>
                        <a:rPr lang="ja-JP" altLang="en-US" sz="1800" kern="100" dirty="0" smtClean="0">
                          <a:latin typeface="+mj-ea"/>
                          <a:ea typeface="+mj-ea"/>
                          <a:cs typeface="Times New Roman"/>
                        </a:rPr>
                        <a:t>・彩都</a:t>
                      </a:r>
                      <a:r>
                        <a:rPr lang="ja-JP" sz="1800" kern="100" dirty="0" smtClean="0">
                          <a:latin typeface="+mj-ea"/>
                          <a:ea typeface="+mj-ea"/>
                          <a:cs typeface="Times New Roman"/>
                        </a:rPr>
                        <a:t> </a:t>
                      </a:r>
                      <a:endParaRPr lang="ja-JP" sz="1800" kern="100" dirty="0">
                        <a:latin typeface="+mj-ea"/>
                        <a:ea typeface="+mj-ea"/>
                        <a:cs typeface="Times New Roman"/>
                      </a:endParaRPr>
                    </a:p>
                  </a:txBody>
                  <a:tcPr marL="68580" marR="68580" marT="0" marB="0">
                    <a:lnL>
                      <a:noFill/>
                    </a:lnL>
                    <a:lnR>
                      <a:noFill/>
                    </a:lnR>
                    <a:lnT>
                      <a:noFill/>
                    </a:lnT>
                    <a:lnB>
                      <a:noFill/>
                    </a:lnB>
                  </a:tcPr>
                </a:tc>
                <a:tc>
                  <a:txBody>
                    <a:bodyPr/>
                    <a:lstStyle/>
                    <a:p>
                      <a:pPr algn="ctr">
                        <a:spcAft>
                          <a:spcPts val="0"/>
                        </a:spcAft>
                      </a:pPr>
                      <a:r>
                        <a:rPr lang="en-US" sz="1800" kern="100" dirty="0" smtClean="0">
                          <a:latin typeface="+mj-ea"/>
                          <a:ea typeface="+mj-ea"/>
                          <a:cs typeface="Times New Roman"/>
                        </a:rPr>
                        <a:t>P.</a:t>
                      </a:r>
                      <a:r>
                        <a:rPr lang="en-US" sz="1800" kern="100" dirty="0" smtClean="0">
                          <a:solidFill>
                            <a:srgbClr val="FFFFFF"/>
                          </a:solidFill>
                          <a:latin typeface="+mj-ea"/>
                          <a:ea typeface="+mj-ea"/>
                          <a:cs typeface="Times New Roman"/>
                        </a:rPr>
                        <a:t>0</a:t>
                      </a:r>
                      <a:r>
                        <a:rPr lang="en-US" sz="1800" kern="100" dirty="0" smtClean="0">
                          <a:latin typeface="+mj-ea"/>
                          <a:ea typeface="+mj-ea"/>
                          <a:cs typeface="Times New Roman"/>
                        </a:rPr>
                        <a:t>45</a:t>
                      </a:r>
                      <a:endParaRPr lang="ja-JP" sz="1800" kern="100" dirty="0">
                        <a:latin typeface="+mj-ea"/>
                        <a:ea typeface="+mj-ea"/>
                        <a:cs typeface="Times New Roman"/>
                      </a:endParaRPr>
                    </a:p>
                  </a:txBody>
                  <a:tcPr marL="68580" marR="68580" marT="0" marB="0">
                    <a:lnL>
                      <a:noFill/>
                    </a:lnL>
                    <a:lnR>
                      <a:noFill/>
                    </a:lnR>
                    <a:lnT>
                      <a:noFill/>
                    </a:lnT>
                    <a:lnB>
                      <a:noFill/>
                    </a:lnB>
                  </a:tcPr>
                </a:tc>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4</a:t>
            </a:fld>
            <a:endParaRPr kumimoji="1" lang="ja-JP" altLang="en-US" dirty="0"/>
          </a:p>
        </p:txBody>
      </p:sp>
    </p:spTree>
    <p:extLst>
      <p:ext uri="{BB962C8B-B14F-4D97-AF65-F5344CB8AC3E}">
        <p14:creationId xmlns:p14="http://schemas.microsoft.com/office/powerpoint/2010/main" val="184235218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5"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９</a:t>
            </a:r>
            <a:r>
              <a:rPr lang="ja-JP" altLang="en-US" sz="2000" b="1" dirty="0" smtClean="0">
                <a:solidFill>
                  <a:schemeClr val="bg1"/>
                </a:solidFill>
                <a:latin typeface="ＭＳ ゴシック" pitchFamily="49" charset="-128"/>
                <a:ea typeface="ＭＳ ゴシック" pitchFamily="49" charset="-128"/>
              </a:rPr>
              <a:t>．泉北ニュータウン</a:t>
            </a:r>
            <a:r>
              <a:rPr lang="ja-JP" altLang="en-US" sz="1600" b="1" dirty="0" smtClean="0">
                <a:solidFill>
                  <a:schemeClr val="bg1"/>
                </a:solidFill>
                <a:latin typeface="ＭＳ ゴシック" pitchFamily="49" charset="-128"/>
                <a:ea typeface="ＭＳ ゴシック" pitchFamily="49" charset="-128"/>
              </a:rPr>
              <a:t>　（ニュータウンの再生</a:t>
            </a:r>
            <a:r>
              <a:rPr lang="ja-JP" altLang="en-US" sz="2000" b="1" dirty="0" smtClean="0">
                <a:solidFill>
                  <a:schemeClr val="bg1"/>
                </a:solidFill>
                <a:latin typeface="ＭＳ ゴシック" pitchFamily="49" charset="-128"/>
                <a:ea typeface="ＭＳ ゴシック" pitchFamily="49" charset="-128"/>
              </a:rPr>
              <a:t>）</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7" name="正方形/長方形 6"/>
          <p:cNvSpPr/>
          <p:nvPr/>
        </p:nvSpPr>
        <p:spPr>
          <a:xfrm>
            <a:off x="414873" y="588938"/>
            <a:ext cx="9120861" cy="5936406"/>
          </a:xfrm>
          <a:prstGeom prst="rect">
            <a:avLst/>
          </a:prstGeom>
          <a:ln>
            <a:noFill/>
          </a:ln>
        </p:spPr>
        <p:style>
          <a:lnRef idx="2">
            <a:schemeClr val="accent1"/>
          </a:lnRef>
          <a:fillRef idx="1">
            <a:schemeClr val="lt1"/>
          </a:fillRef>
          <a:effectRef idx="0">
            <a:schemeClr val="accent1"/>
          </a:effectRef>
          <a:fontRef idx="minor">
            <a:schemeClr val="dk1"/>
          </a:fontRef>
        </p:style>
        <p:txBody>
          <a:bodyPr rtlCol="0" anchor="t"/>
          <a:lstStyle/>
          <a:p>
            <a:pPr marL="177800" indent="-177800"/>
            <a:r>
              <a:rPr kumimoji="1" lang="ja-JP" altLang="en-US" sz="1400" b="1" dirty="0" smtClean="0">
                <a:solidFill>
                  <a:schemeClr val="tx1"/>
                </a:solidFill>
                <a:latin typeface="ＭＳ Ｐゴシック" panose="020B0600070205080204" pitchFamily="50" charset="-128"/>
                <a:ea typeface="ＭＳ Ｐゴシック" panose="020B0600070205080204" pitchFamily="50" charset="-128"/>
              </a:rPr>
              <a:t>１．エリアの概要</a:t>
            </a:r>
            <a:endParaRPr kumimoji="1" lang="en-US" altLang="ja-JP" sz="1400" b="1" dirty="0" smtClean="0">
              <a:solidFill>
                <a:schemeClr val="tx1"/>
              </a:solidFill>
              <a:latin typeface="ＭＳ Ｐゴシック" panose="020B0600070205080204" pitchFamily="50" charset="-128"/>
              <a:ea typeface="ＭＳ Ｐゴシック" panose="020B0600070205080204" pitchFamily="50" charset="-128"/>
            </a:endParaRPr>
          </a:p>
          <a:p>
            <a:pPr marL="177800" indent="-88900"/>
            <a:r>
              <a:rPr kumimoji="1" lang="ja-JP" altLang="en-US" sz="1400" dirty="0" smtClean="0">
                <a:solidFill>
                  <a:schemeClr val="tx1"/>
                </a:solidFill>
                <a:latin typeface="ＭＳ Ｐ明朝" panose="02020600040205080304" pitchFamily="18" charset="-128"/>
                <a:ea typeface="ＭＳ Ｐ明朝" panose="02020600040205080304" pitchFamily="18" charset="-128"/>
              </a:rPr>
              <a:t>・泉北ニュータウンは、高度経済成長期の住宅需要に応えるため、千里ニュータウンに次いで、約</a:t>
            </a:r>
            <a:r>
              <a:rPr kumimoji="1" lang="en-US" altLang="ja-JP" sz="1400" dirty="0" smtClean="0">
                <a:solidFill>
                  <a:schemeClr val="tx1"/>
                </a:solidFill>
                <a:latin typeface="ＭＳ Ｐ明朝" panose="02020600040205080304" pitchFamily="18" charset="-128"/>
                <a:ea typeface="ＭＳ Ｐ明朝" panose="02020600040205080304" pitchFamily="18" charset="-128"/>
              </a:rPr>
              <a:t>1.3</a:t>
            </a:r>
            <a:r>
              <a:rPr kumimoji="1" lang="ja-JP" altLang="en-US" sz="1400" dirty="0" smtClean="0">
                <a:solidFill>
                  <a:schemeClr val="tx1"/>
                </a:solidFill>
                <a:latin typeface="ＭＳ Ｐ明朝" panose="02020600040205080304" pitchFamily="18" charset="-128"/>
                <a:ea typeface="ＭＳ Ｐ明朝" panose="02020600040205080304" pitchFamily="18" charset="-128"/>
              </a:rPr>
              <a:t>倍の規模で</a:t>
            </a:r>
            <a:r>
              <a:rPr lang="ja-JP" altLang="en-US" sz="1400" dirty="0" smtClean="0">
                <a:solidFill>
                  <a:schemeClr val="tx1"/>
                </a:solidFill>
                <a:latin typeface="ＭＳ Ｐ明朝" panose="02020600040205080304" pitchFamily="18" charset="-128"/>
                <a:ea typeface="ＭＳ Ｐ明朝" panose="02020600040205080304" pitchFamily="18" charset="-128"/>
              </a:rPr>
              <a:t>開発された勤労者のまち。</a:t>
            </a:r>
            <a:endParaRPr kumimoji="1"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5738" indent="-185738"/>
            <a:endParaRPr lang="en-US" altLang="ja-JP" sz="1400" b="1" dirty="0" smtClean="0">
              <a:solidFill>
                <a:schemeClr val="tx1"/>
              </a:solidFill>
              <a:latin typeface="ＭＳ Ｐゴシック" panose="020B0600070205080204" pitchFamily="50" charset="-128"/>
              <a:ea typeface="ＭＳ Ｐゴシック" panose="020B0600070205080204" pitchFamily="50" charset="-128"/>
            </a:endParaRPr>
          </a:p>
          <a:p>
            <a:pPr marL="185738" indent="-185738"/>
            <a:r>
              <a:rPr lang="ja-JP" altLang="en-US" sz="1400" b="1" dirty="0" smtClean="0">
                <a:solidFill>
                  <a:schemeClr val="tx1"/>
                </a:solidFill>
                <a:latin typeface="ＭＳ Ｐゴシック" panose="020B0600070205080204" pitchFamily="50" charset="-128"/>
                <a:ea typeface="ＭＳ Ｐゴシック" panose="020B0600070205080204" pitchFamily="50" charset="-128"/>
              </a:rPr>
              <a:t>２．エリアの課題</a:t>
            </a:r>
            <a:endParaRPr lang="en-US" altLang="ja-JP" sz="1400" b="1" dirty="0" smtClean="0">
              <a:solidFill>
                <a:schemeClr val="tx1"/>
              </a:solidFill>
              <a:latin typeface="ＭＳ Ｐゴシック" panose="020B0600070205080204" pitchFamily="50" charset="-128"/>
              <a:ea typeface="ＭＳ Ｐゴシック" panose="020B0600070205080204" pitchFamily="50" charset="-128"/>
            </a:endParaRPr>
          </a:p>
          <a:p>
            <a:pPr marL="185738" indent="-96838"/>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en-US" altLang="ja-JP" sz="1400" dirty="0" smtClean="0">
                <a:solidFill>
                  <a:schemeClr val="tx1"/>
                </a:solidFill>
                <a:latin typeface="ＭＳ Ｐ明朝" panose="02020600040205080304" pitchFamily="18" charset="-128"/>
                <a:ea typeface="ＭＳ Ｐ明朝" panose="02020600040205080304" pitchFamily="18" charset="-128"/>
              </a:rPr>
              <a:t>1967</a:t>
            </a:r>
            <a:r>
              <a:rPr lang="ja-JP" altLang="en-US" sz="1400" dirty="0" smtClean="0">
                <a:solidFill>
                  <a:schemeClr val="tx1"/>
                </a:solidFill>
                <a:latin typeface="ＭＳ Ｐ明朝" panose="02020600040205080304" pitchFamily="18" charset="-128"/>
                <a:ea typeface="ＭＳ Ｐ明朝" panose="02020600040205080304" pitchFamily="18" charset="-128"/>
              </a:rPr>
              <a:t>年の</a:t>
            </a:r>
            <a:r>
              <a:rPr lang="ja-JP" altLang="en-US" sz="1400" dirty="0" err="1" smtClean="0">
                <a:solidFill>
                  <a:schemeClr val="tx1"/>
                </a:solidFill>
                <a:latin typeface="ＭＳ Ｐ明朝" panose="02020600040205080304" pitchFamily="18" charset="-128"/>
                <a:ea typeface="ＭＳ Ｐ明朝" panose="02020600040205080304" pitchFamily="18" charset="-128"/>
              </a:rPr>
              <a:t>ま</a:t>
            </a:r>
            <a:r>
              <a:rPr lang="ja-JP" altLang="en-US" sz="1400" dirty="0" smtClean="0">
                <a:solidFill>
                  <a:schemeClr val="tx1"/>
                </a:solidFill>
                <a:latin typeface="ＭＳ Ｐ明朝" panose="02020600040205080304" pitchFamily="18" charset="-128"/>
                <a:ea typeface="ＭＳ Ｐ明朝" panose="02020600040205080304" pitchFamily="18" charset="-128"/>
              </a:rPr>
              <a:t>ちびらきから、まもなく</a:t>
            </a:r>
            <a:r>
              <a:rPr lang="en-US" altLang="ja-JP" sz="1400" dirty="0" smtClean="0">
                <a:solidFill>
                  <a:schemeClr val="tx1"/>
                </a:solidFill>
                <a:latin typeface="ＭＳ Ｐ明朝" panose="02020600040205080304" pitchFamily="18" charset="-128"/>
                <a:ea typeface="ＭＳ Ｐ明朝" panose="02020600040205080304" pitchFamily="18" charset="-128"/>
              </a:rPr>
              <a:t>50</a:t>
            </a:r>
            <a:r>
              <a:rPr lang="ja-JP" altLang="en-US" sz="1400" dirty="0" smtClean="0">
                <a:solidFill>
                  <a:schemeClr val="tx1"/>
                </a:solidFill>
                <a:latin typeface="ＭＳ Ｐ明朝" panose="02020600040205080304" pitchFamily="18" charset="-128"/>
                <a:ea typeface="ＭＳ Ｐ明朝" panose="02020600040205080304" pitchFamily="18" charset="-128"/>
              </a:rPr>
              <a:t>年が経過。緑豊かな住環境のまちとして成長してきたが、人口</a:t>
            </a:r>
            <a:r>
              <a:rPr lang="ja-JP" altLang="en-US" sz="1400" dirty="0">
                <a:solidFill>
                  <a:schemeClr val="tx1"/>
                </a:solidFill>
                <a:latin typeface="ＭＳ Ｐ明朝" panose="02020600040205080304" pitchFamily="18" charset="-128"/>
                <a:ea typeface="ＭＳ Ｐ明朝" panose="02020600040205080304" pitchFamily="18" charset="-128"/>
              </a:rPr>
              <a:t>減少や</a:t>
            </a:r>
            <a:r>
              <a:rPr lang="ja-JP" altLang="en-US" sz="1400" dirty="0" smtClean="0">
                <a:solidFill>
                  <a:schemeClr val="tx1"/>
                </a:solidFill>
                <a:latin typeface="ＭＳ Ｐ明朝" panose="02020600040205080304" pitchFamily="18" charset="-128"/>
                <a:ea typeface="ＭＳ Ｐ明朝" panose="02020600040205080304" pitchFamily="18" charset="-128"/>
              </a:rPr>
              <a:t>高齢化の進展、</a:t>
            </a:r>
            <a:r>
              <a:rPr lang="ja-JP" altLang="en-US" sz="1400" dirty="0">
                <a:solidFill>
                  <a:schemeClr val="tx1"/>
                </a:solidFill>
                <a:latin typeface="ＭＳ Ｐ明朝" panose="02020600040205080304" pitchFamily="18" charset="-128"/>
                <a:ea typeface="ＭＳ Ｐ明朝" panose="02020600040205080304" pitchFamily="18" charset="-128"/>
              </a:rPr>
              <a:t>社会環境の変化などにより</a:t>
            </a:r>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a:solidFill>
                  <a:schemeClr val="tx1"/>
                </a:solidFill>
                <a:latin typeface="ＭＳ Ｐ明朝" panose="02020600040205080304" pitchFamily="18" charset="-128"/>
                <a:ea typeface="ＭＳ Ｐ明朝" panose="02020600040205080304" pitchFamily="18" charset="-128"/>
              </a:rPr>
              <a:t>建物等の老朽化の問題に加え</a:t>
            </a:r>
            <a:r>
              <a:rPr lang="ja-JP" altLang="en-US" sz="1400" dirty="0" smtClean="0">
                <a:solidFill>
                  <a:schemeClr val="tx1"/>
                </a:solidFill>
                <a:latin typeface="ＭＳ Ｐ明朝" panose="02020600040205080304" pitchFamily="18" charset="-128"/>
                <a:ea typeface="ＭＳ Ｐ明朝" panose="02020600040205080304" pitchFamily="18" charset="-128"/>
              </a:rPr>
              <a:t>、アメニティ</a:t>
            </a:r>
            <a:r>
              <a:rPr lang="ja-JP" altLang="en-US" sz="1400" dirty="0">
                <a:solidFill>
                  <a:schemeClr val="tx1"/>
                </a:solidFill>
                <a:latin typeface="ＭＳ Ｐ明朝" panose="02020600040205080304" pitchFamily="18" charset="-128"/>
                <a:ea typeface="ＭＳ Ｐ明朝" panose="02020600040205080304" pitchFamily="18" charset="-128"/>
              </a:rPr>
              <a:t>、コミュニティ、サービスの</a:t>
            </a:r>
            <a:r>
              <a:rPr lang="ja-JP" altLang="en-US" sz="1400" dirty="0" smtClean="0">
                <a:solidFill>
                  <a:schemeClr val="tx1"/>
                </a:solidFill>
                <a:latin typeface="ＭＳ Ｐ明朝" panose="02020600040205080304" pitchFamily="18" charset="-128"/>
                <a:ea typeface="ＭＳ Ｐ明朝" panose="02020600040205080304" pitchFamily="18" charset="-128"/>
              </a:rPr>
              <a:t>低下や</a:t>
            </a:r>
            <a:r>
              <a:rPr lang="ja-JP" altLang="en-US" sz="1400" dirty="0">
                <a:solidFill>
                  <a:schemeClr val="tx1"/>
                </a:solidFill>
                <a:latin typeface="ＭＳ Ｐ明朝" panose="02020600040205080304" pitchFamily="18" charset="-128"/>
                <a:ea typeface="ＭＳ Ｐ明朝" panose="02020600040205080304" pitchFamily="18" charset="-128"/>
              </a:rPr>
              <a:t>生活スタイルの</a:t>
            </a:r>
            <a:r>
              <a:rPr lang="ja-JP" altLang="en-US" sz="1400" dirty="0" smtClean="0">
                <a:solidFill>
                  <a:schemeClr val="tx1"/>
                </a:solidFill>
                <a:latin typeface="ＭＳ Ｐ明朝" panose="02020600040205080304" pitchFamily="18" charset="-128"/>
                <a:ea typeface="ＭＳ Ｐ明朝" panose="02020600040205080304" pitchFamily="18" charset="-128"/>
              </a:rPr>
              <a:t>変化、空き家</a:t>
            </a:r>
            <a:r>
              <a:rPr lang="ja-JP" altLang="en-US" sz="1400" dirty="0">
                <a:solidFill>
                  <a:schemeClr val="tx1"/>
                </a:solidFill>
                <a:latin typeface="ＭＳ Ｐ明朝" panose="02020600040205080304" pitchFamily="18" charset="-128"/>
                <a:ea typeface="ＭＳ Ｐ明朝" panose="02020600040205080304" pitchFamily="18" charset="-128"/>
              </a:rPr>
              <a:t>の増加など、新たな課題に</a:t>
            </a:r>
            <a:r>
              <a:rPr lang="ja-JP" altLang="en-US" sz="1400" dirty="0" smtClean="0">
                <a:solidFill>
                  <a:schemeClr val="tx1"/>
                </a:solidFill>
                <a:latin typeface="ＭＳ Ｐ明朝" panose="02020600040205080304" pitchFamily="18" charset="-128"/>
                <a:ea typeface="ＭＳ Ｐ明朝" panose="02020600040205080304" pitchFamily="18" charset="-128"/>
              </a:rPr>
              <a:t>直面している。</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5738" indent="-185738"/>
            <a:endParaRPr lang="en-US" altLang="ja-JP" sz="1400" b="1" dirty="0" smtClean="0">
              <a:solidFill>
                <a:schemeClr val="tx1"/>
              </a:solidFill>
              <a:latin typeface="ＭＳ Ｐゴシック" panose="020B0600070205080204" pitchFamily="50" charset="-128"/>
              <a:ea typeface="ＭＳ Ｐゴシック" panose="020B0600070205080204" pitchFamily="50" charset="-128"/>
            </a:endParaRPr>
          </a:p>
          <a:p>
            <a:pPr marL="185738" indent="-185738"/>
            <a:r>
              <a:rPr lang="ja-JP" altLang="en-US" sz="1400" b="1" dirty="0" smtClean="0">
                <a:solidFill>
                  <a:schemeClr val="tx1"/>
                </a:solidFill>
                <a:latin typeface="ＭＳ Ｐゴシック" panose="020B0600070205080204" pitchFamily="50" charset="-128"/>
                <a:ea typeface="ＭＳ Ｐゴシック" panose="020B0600070205080204" pitchFamily="50" charset="-128"/>
              </a:rPr>
              <a:t>３．近年の動向</a:t>
            </a:r>
            <a:endParaRPr lang="en-US" altLang="ja-JP" sz="1400" b="1" dirty="0">
              <a:solidFill>
                <a:schemeClr val="tx1"/>
              </a:solidFill>
              <a:latin typeface="ＭＳ Ｐゴシック" panose="020B0600070205080204" pitchFamily="50" charset="-128"/>
              <a:ea typeface="ＭＳ Ｐゴシック" panose="020B0600070205080204" pitchFamily="50" charset="-128"/>
            </a:endParaRPr>
          </a:p>
          <a:p>
            <a:pPr marL="185738" indent="-185738"/>
            <a:r>
              <a:rPr lang="ja-JP" altLang="en-US" sz="1400" b="1" dirty="0" smtClean="0">
                <a:solidFill>
                  <a:schemeClr val="tx1"/>
                </a:solidFill>
                <a:latin typeface="ＭＳ Ｐ明朝" panose="02020600040205080304" pitchFamily="18" charset="-128"/>
                <a:ea typeface="ＭＳ Ｐ明朝" panose="02020600040205080304" pitchFamily="18"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rPr>
              <a:t>これまで、自治体や開発事業者などが</a:t>
            </a:r>
            <a:r>
              <a:rPr lang="ja-JP" altLang="en-US" sz="1400" dirty="0">
                <a:solidFill>
                  <a:schemeClr val="tx1"/>
                </a:solidFill>
                <a:latin typeface="ＭＳ Ｐ明朝" panose="02020600040205080304" pitchFamily="18" charset="-128"/>
                <a:ea typeface="ＭＳ Ｐ明朝" panose="02020600040205080304" pitchFamily="18" charset="-128"/>
              </a:rPr>
              <a:t>、各々の方針に</a:t>
            </a:r>
            <a:r>
              <a:rPr lang="ja-JP" altLang="en-US" sz="1400" dirty="0" smtClean="0">
                <a:solidFill>
                  <a:schemeClr val="tx1"/>
                </a:solidFill>
                <a:latin typeface="ＭＳ Ｐ明朝" panose="02020600040205080304" pitchFamily="18" charset="-128"/>
                <a:ea typeface="ＭＳ Ｐ明朝" panose="02020600040205080304" pitchFamily="18" charset="-128"/>
              </a:rPr>
              <a:t>基づきまちづくりを行ってきたが、</a:t>
            </a:r>
            <a:r>
              <a:rPr lang="ja-JP" altLang="en-US" sz="1400" dirty="0">
                <a:solidFill>
                  <a:schemeClr val="tx1"/>
                </a:solidFill>
                <a:latin typeface="ＭＳ Ｐ明朝" panose="02020600040205080304" pitchFamily="18" charset="-128"/>
                <a:ea typeface="ＭＳ Ｐ明朝" panose="02020600040205080304" pitchFamily="18" charset="-128"/>
              </a:rPr>
              <a:t>このよう</a:t>
            </a:r>
            <a:r>
              <a:rPr lang="ja-JP" altLang="en-US" sz="1400" dirty="0" smtClean="0">
                <a:solidFill>
                  <a:schemeClr val="tx1"/>
                </a:solidFill>
                <a:latin typeface="ＭＳ Ｐ明朝" panose="02020600040205080304" pitchFamily="18" charset="-128"/>
                <a:ea typeface="ＭＳ Ｐ明朝" panose="02020600040205080304" pitchFamily="18" charset="-128"/>
              </a:rPr>
              <a:t>な課題を解決するには、各者の個別対応では限界があり、連携した取組みが必要であるとの判断から、府</a:t>
            </a:r>
            <a:r>
              <a:rPr lang="ja-JP" altLang="en-US" sz="1400" dirty="0">
                <a:solidFill>
                  <a:schemeClr val="tx1"/>
                </a:solidFill>
                <a:latin typeface="ＭＳ Ｐ明朝" panose="02020600040205080304" pitchFamily="18" charset="-128"/>
                <a:ea typeface="ＭＳ Ｐ明朝" panose="02020600040205080304" pitchFamily="18" charset="-128"/>
              </a:rPr>
              <a:t>が中心と</a:t>
            </a:r>
            <a:r>
              <a:rPr lang="ja-JP" altLang="en-US" sz="1400" dirty="0" smtClean="0">
                <a:solidFill>
                  <a:schemeClr val="tx1"/>
                </a:solidFill>
                <a:latin typeface="ＭＳ Ｐ明朝" panose="02020600040205080304" pitchFamily="18" charset="-128"/>
                <a:ea typeface="ＭＳ Ｐ明朝" panose="02020600040205080304" pitchFamily="18" charset="-128"/>
              </a:rPr>
              <a:t>なり、地元</a:t>
            </a:r>
            <a:r>
              <a:rPr lang="ja-JP" altLang="en-US" sz="1400" dirty="0">
                <a:solidFill>
                  <a:schemeClr val="tx1"/>
                </a:solidFill>
                <a:latin typeface="ＭＳ Ｐ明朝" panose="02020600040205080304" pitchFamily="18" charset="-128"/>
                <a:ea typeface="ＭＳ Ｐ明朝" panose="02020600040205080304" pitchFamily="18" charset="-128"/>
              </a:rPr>
              <a:t>堺市や関係機関と</a:t>
            </a:r>
            <a:r>
              <a:rPr lang="ja-JP" altLang="en-US" sz="1400" dirty="0" smtClean="0">
                <a:solidFill>
                  <a:schemeClr val="tx1"/>
                </a:solidFill>
                <a:latin typeface="ＭＳ Ｐ明朝" panose="02020600040205080304" pitchFamily="18" charset="-128"/>
                <a:ea typeface="ＭＳ Ｐ明朝" panose="02020600040205080304" pitchFamily="18" charset="-128"/>
              </a:rPr>
              <a:t>調整。</a:t>
            </a:r>
            <a:r>
              <a:rPr lang="en-US" altLang="ja-JP" sz="1400" dirty="0" smtClean="0">
                <a:solidFill>
                  <a:schemeClr val="tx1"/>
                </a:solidFill>
                <a:latin typeface="ＭＳ Ｐ明朝" panose="02020600040205080304" pitchFamily="18" charset="-128"/>
                <a:ea typeface="ＭＳ Ｐ明朝" panose="02020600040205080304" pitchFamily="18" charset="-128"/>
              </a:rPr>
              <a:t>2010</a:t>
            </a:r>
            <a:r>
              <a:rPr lang="ja-JP" altLang="en-US" sz="1400" dirty="0" smtClean="0">
                <a:solidFill>
                  <a:schemeClr val="tx1"/>
                </a:solidFill>
                <a:latin typeface="ＭＳ Ｐ明朝" panose="02020600040205080304" pitchFamily="18" charset="-128"/>
                <a:ea typeface="ＭＳ Ｐ明朝" panose="02020600040205080304" pitchFamily="18" charset="-128"/>
              </a:rPr>
              <a:t>年に関係者による協議の場を設置し、泉北ニュータウンの再生にむけた検討を開始。先ずは、泉北ニュータウンの中核的センターである泉ヶ丘駅前地域で、具体的な取組みに着手している。</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5738" indent="-185738">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rPr>
              <a:t>具体的な取組みは次のとおり。</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355600" indent="-355600">
              <a:spcBef>
                <a:spcPts val="300"/>
              </a:spcBef>
            </a:pPr>
            <a:r>
              <a:rPr lang="ja-JP" altLang="en-US" sz="1400" dirty="0" smtClean="0">
                <a:solidFill>
                  <a:schemeClr val="tx1"/>
                </a:solidFill>
                <a:latin typeface="ＭＳ Ｐ明朝" panose="02020600040205080304" pitchFamily="18" charset="-128"/>
                <a:ea typeface="ＭＳ Ｐ明朝" panose="02020600040205080304" pitchFamily="18" charset="-128"/>
              </a:rPr>
              <a:t>　　－泉ヶ丘駅前地域の土地利用転換と、第三セクターが管理する商業・業務施設の民間事業者への譲渡</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539750" indent="-539750">
              <a:spcBef>
                <a:spcPts val="300"/>
              </a:spcBef>
            </a:pPr>
            <a:r>
              <a:rPr lang="ja-JP" altLang="en-US" sz="1400" dirty="0">
                <a:solidFill>
                  <a:schemeClr val="tx1"/>
                </a:solidFill>
                <a:latin typeface="ＭＳ Ｐ明朝" panose="02020600040205080304" pitchFamily="18" charset="-128"/>
                <a:ea typeface="ＭＳ Ｐ明朝" panose="02020600040205080304" pitchFamily="18"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rPr>
              <a:t>　　　</a:t>
            </a:r>
            <a:r>
              <a:rPr lang="en-US" altLang="ja-JP"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rPr>
              <a:t>ニュータウンの再生にむけ、住</a:t>
            </a:r>
            <a:r>
              <a:rPr lang="ja-JP" altLang="en-US" sz="1400" dirty="0">
                <a:solidFill>
                  <a:schemeClr val="tx1"/>
                </a:solidFill>
                <a:latin typeface="ＭＳ Ｐ明朝" panose="02020600040205080304" pitchFamily="18" charset="-128"/>
                <a:ea typeface="ＭＳ Ｐ明朝" panose="02020600040205080304" pitchFamily="18" charset="-128"/>
              </a:rPr>
              <a:t>戸数の半数を占める公的住宅の</a:t>
            </a:r>
            <a:r>
              <a:rPr lang="ja-JP" altLang="en-US" sz="1400" dirty="0" smtClean="0">
                <a:solidFill>
                  <a:schemeClr val="tx1"/>
                </a:solidFill>
                <a:latin typeface="ＭＳ Ｐ明朝" panose="02020600040205080304" pitchFamily="18" charset="-128"/>
                <a:ea typeface="ＭＳ Ｐ明朝" panose="02020600040205080304" pitchFamily="18" charset="-128"/>
              </a:rPr>
              <a:t>各主体が連携方策</a:t>
            </a:r>
            <a:r>
              <a:rPr lang="ja-JP" altLang="en-US" sz="1400" dirty="0">
                <a:solidFill>
                  <a:schemeClr val="tx1"/>
                </a:solidFill>
                <a:latin typeface="ＭＳ Ｐ明朝" panose="02020600040205080304" pitchFamily="18" charset="-128"/>
                <a:ea typeface="ＭＳ Ｐ明朝" panose="02020600040205080304" pitchFamily="18" charset="-128"/>
              </a:rPr>
              <a:t>の検討を進めるとともに、先ずは、泉ヶ丘駅前地域において、府、堺市による大胆な土地利用転換に着手</a:t>
            </a:r>
            <a:r>
              <a:rPr lang="ja-JP" altLang="en-US" sz="1400" dirty="0" smtClean="0">
                <a:solidFill>
                  <a:schemeClr val="tx1"/>
                </a:solidFill>
                <a:latin typeface="ＭＳ Ｐ明朝" panose="02020600040205080304" pitchFamily="18" charset="-128"/>
                <a:ea typeface="ＭＳ Ｐ明朝" panose="02020600040205080304" pitchFamily="18" charset="-128"/>
              </a:rPr>
              <a:t>。</a:t>
            </a:r>
            <a:endParaRPr lang="en-US" altLang="ja-JP" sz="1400" dirty="0">
              <a:solidFill>
                <a:schemeClr val="tx1"/>
              </a:solidFill>
              <a:latin typeface="ＭＳ Ｐ明朝" panose="02020600040205080304" pitchFamily="18" charset="-128"/>
              <a:ea typeface="ＭＳ Ｐ明朝" panose="02020600040205080304" pitchFamily="18" charset="-128"/>
            </a:endParaRPr>
          </a:p>
          <a:p>
            <a:pPr marL="539750" indent="-539750">
              <a:spcBef>
                <a:spcPts val="300"/>
              </a:spcBef>
            </a:pPr>
            <a:r>
              <a:rPr lang="ja-JP" altLang="en-US" sz="1400" dirty="0" smtClean="0">
                <a:solidFill>
                  <a:schemeClr val="tx1"/>
                </a:solidFill>
                <a:latin typeface="ＭＳ Ｐ明朝" panose="02020600040205080304" pitchFamily="18" charset="-128"/>
                <a:ea typeface="ＭＳ Ｐ明朝" panose="02020600040205080304" pitchFamily="18" charset="-128"/>
              </a:rPr>
              <a:t>　　　　</a:t>
            </a:r>
            <a:r>
              <a:rPr lang="en-US" altLang="ja-JP"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rPr>
              <a:t>府</a:t>
            </a:r>
            <a:r>
              <a:rPr lang="ja-JP" altLang="en-US" sz="1400" dirty="0">
                <a:solidFill>
                  <a:schemeClr val="tx1"/>
                </a:solidFill>
                <a:latin typeface="ＭＳ Ｐ明朝" panose="02020600040205080304" pitchFamily="18" charset="-128"/>
                <a:ea typeface="ＭＳ Ｐ明朝" panose="02020600040205080304" pitchFamily="18" charset="-128"/>
              </a:rPr>
              <a:t>タウン管理財団が所有する商業・業務施設を民間事業者に譲渡し、既存機能の強化、新たな機能の</a:t>
            </a:r>
            <a:r>
              <a:rPr lang="ja-JP" altLang="en-US" sz="1400" dirty="0" smtClean="0">
                <a:solidFill>
                  <a:schemeClr val="tx1"/>
                </a:solidFill>
                <a:latin typeface="ＭＳ Ｐ明朝" panose="02020600040205080304" pitchFamily="18" charset="-128"/>
                <a:ea typeface="ＭＳ Ｐ明朝" panose="02020600040205080304" pitchFamily="18" charset="-128"/>
              </a:rPr>
              <a:t>導入にむけ着手。</a:t>
            </a:r>
            <a:endParaRPr lang="en-US" altLang="ja-JP" sz="1400" dirty="0">
              <a:solidFill>
                <a:schemeClr val="tx1"/>
              </a:solidFill>
              <a:latin typeface="ＭＳ Ｐ明朝" panose="02020600040205080304" pitchFamily="18" charset="-128"/>
              <a:ea typeface="ＭＳ Ｐ明朝" panose="02020600040205080304" pitchFamily="18" charset="-128"/>
            </a:endParaRPr>
          </a:p>
          <a:p>
            <a:pPr marL="355600" indent="-355600">
              <a:spcBef>
                <a:spcPts val="300"/>
              </a:spcBef>
            </a:pPr>
            <a:r>
              <a:rPr lang="ja-JP" altLang="en-US" sz="1400" dirty="0">
                <a:solidFill>
                  <a:schemeClr val="tx1"/>
                </a:solidFill>
                <a:latin typeface="ＭＳ Ｐ明朝" panose="02020600040205080304" pitchFamily="18" charset="-128"/>
                <a:ea typeface="ＭＳ Ｐ明朝" panose="02020600040205080304" pitchFamily="18"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rPr>
              <a:t>　</a:t>
            </a:r>
            <a:r>
              <a:rPr lang="ja-JP" altLang="en-US" sz="1400" dirty="0">
                <a:solidFill>
                  <a:schemeClr val="tx1"/>
                </a:solidFill>
                <a:latin typeface="ＭＳ Ｐ明朝" panose="02020600040205080304" pitchFamily="18" charset="-128"/>
                <a:ea typeface="ＭＳ Ｐ明朝" panose="02020600040205080304" pitchFamily="18"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rPr>
              <a:t>ニュータウン</a:t>
            </a:r>
            <a:r>
              <a:rPr lang="ja-JP" altLang="en-US" sz="1400" dirty="0">
                <a:solidFill>
                  <a:schemeClr val="tx1"/>
                </a:solidFill>
                <a:latin typeface="ＭＳ Ｐ明朝" panose="02020600040205080304" pitchFamily="18" charset="-128"/>
                <a:ea typeface="ＭＳ Ｐ明朝" panose="02020600040205080304" pitchFamily="18" charset="-128"/>
              </a:rPr>
              <a:t>再生を一体的に行う新たな</a:t>
            </a:r>
            <a:r>
              <a:rPr lang="ja-JP" altLang="en-US" sz="1400" dirty="0" smtClean="0">
                <a:solidFill>
                  <a:schemeClr val="tx1"/>
                </a:solidFill>
                <a:latin typeface="ＭＳ Ｐ明朝" panose="02020600040205080304" pitchFamily="18" charset="-128"/>
                <a:ea typeface="ＭＳ Ｐ明朝" panose="02020600040205080304" pitchFamily="18" charset="-128"/>
              </a:rPr>
              <a:t>組織づくり</a:t>
            </a:r>
            <a:endParaRPr lang="en-US" altLang="ja-JP" sz="1400" dirty="0">
              <a:solidFill>
                <a:schemeClr val="tx1"/>
              </a:solidFill>
              <a:latin typeface="ＭＳ Ｐ明朝" panose="02020600040205080304" pitchFamily="18" charset="-128"/>
              <a:ea typeface="ＭＳ Ｐ明朝" panose="02020600040205080304" pitchFamily="18" charset="-128"/>
            </a:endParaRPr>
          </a:p>
          <a:p>
            <a:pPr marL="355600" indent="-355600">
              <a:spcBef>
                <a:spcPts val="300"/>
              </a:spcBef>
            </a:pPr>
            <a:r>
              <a:rPr lang="ja-JP" altLang="en-US" sz="1400" dirty="0">
                <a:solidFill>
                  <a:schemeClr val="tx1"/>
                </a:solidFill>
                <a:latin typeface="ＭＳ Ｐ明朝" panose="02020600040205080304" pitchFamily="18" charset="-128"/>
                <a:ea typeface="ＭＳ Ｐ明朝" panose="02020600040205080304" pitchFamily="18"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rPr>
              <a:t>　　　</a:t>
            </a:r>
            <a:r>
              <a:rPr lang="en-US" altLang="ja-JP"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rPr>
              <a:t>地域</a:t>
            </a:r>
            <a:r>
              <a:rPr lang="ja-JP" altLang="en-US" sz="1400" dirty="0">
                <a:solidFill>
                  <a:schemeClr val="tx1"/>
                </a:solidFill>
                <a:latin typeface="ＭＳ Ｐ明朝" panose="02020600040205080304" pitchFamily="18" charset="-128"/>
                <a:ea typeface="ＭＳ Ｐ明朝" panose="02020600040205080304" pitchFamily="18" charset="-128"/>
              </a:rPr>
              <a:t>関係者、民間事業者主体の</a:t>
            </a:r>
            <a:r>
              <a:rPr lang="ja-JP" altLang="en-US" sz="1400" dirty="0" smtClean="0">
                <a:solidFill>
                  <a:schemeClr val="tx1"/>
                </a:solidFill>
                <a:latin typeface="ＭＳ Ｐ明朝" panose="02020600040205080304" pitchFamily="18" charset="-128"/>
                <a:ea typeface="ＭＳ Ｐ明朝" panose="02020600040205080304" pitchFamily="18" charset="-128"/>
              </a:rPr>
              <a:t>マネジメント体制構築に向けた検討</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355600" indent="-88900"/>
            <a:r>
              <a:rPr lang="ja-JP" altLang="en-US" sz="1400" dirty="0" smtClean="0">
                <a:solidFill>
                  <a:schemeClr val="tx1"/>
                </a:solidFill>
                <a:latin typeface="ＭＳ Ｐ明朝" panose="02020600040205080304" pitchFamily="18" charset="-128"/>
                <a:ea typeface="ＭＳ Ｐ明朝" panose="02020600040205080304" pitchFamily="18" charset="-128"/>
              </a:rPr>
              <a:t>－泉北高速鉄道の民営化</a:t>
            </a:r>
            <a:endParaRPr lang="en-US" altLang="ja-JP" sz="1400" dirty="0">
              <a:solidFill>
                <a:schemeClr val="tx1"/>
              </a:solidFill>
              <a:latin typeface="ＭＳ Ｐ明朝" panose="02020600040205080304" pitchFamily="18" charset="-128"/>
              <a:ea typeface="ＭＳ Ｐ明朝" panose="02020600040205080304" pitchFamily="18" charset="-128"/>
            </a:endParaRPr>
          </a:p>
          <a:p>
            <a:pPr marL="355600" indent="-88900"/>
            <a:r>
              <a:rPr lang="ja-JP" altLang="en-US" sz="1400" dirty="0" smtClean="0">
                <a:solidFill>
                  <a:schemeClr val="tx1"/>
                </a:solidFill>
                <a:latin typeface="ＭＳ Ｐ明朝" panose="02020600040205080304" pitchFamily="18" charset="-128"/>
                <a:ea typeface="ＭＳ Ｐ明朝" panose="02020600040205080304" pitchFamily="18" charset="-128"/>
              </a:rPr>
              <a:t>　</a:t>
            </a:r>
            <a:r>
              <a:rPr lang="ja-JP" altLang="en-US" sz="1400" dirty="0">
                <a:solidFill>
                  <a:schemeClr val="tx1"/>
                </a:solidFill>
                <a:latin typeface="ＭＳ Ｐ明朝" panose="02020600040205080304" pitchFamily="18" charset="-128"/>
                <a:ea typeface="ＭＳ Ｐ明朝" panose="02020600040205080304" pitchFamily="18" charset="-128"/>
              </a:rPr>
              <a:t> </a:t>
            </a:r>
            <a:r>
              <a:rPr lang="en-US" altLang="ja-JP"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rPr>
              <a:t>府株式の民間への売却と利便性向上に向けた働きかけ</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a:spcBef>
                <a:spcPts val="600"/>
              </a:spcBef>
            </a:pPr>
            <a:r>
              <a:rPr lang="ja-JP" altLang="en-US" sz="1400" dirty="0" smtClean="0">
                <a:solidFill>
                  <a:schemeClr val="tx1"/>
                </a:solidFill>
                <a:latin typeface="ＭＳ Ｐ明朝" panose="02020600040205080304" pitchFamily="18" charset="-128"/>
                <a:ea typeface="ＭＳ Ｐ明朝" panose="02020600040205080304" pitchFamily="18" charset="-128"/>
              </a:rPr>
              <a:t>　・これらの取組みを進め、泉北ニュータウン全体、ひいては南大阪地域の再生をめざしている。</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p:txBody>
      </p:sp>
      <p:sp>
        <p:nvSpPr>
          <p:cNvPr id="8" name="スライド番号プレースホルダ 7"/>
          <p:cNvSpPr>
            <a:spLocks noGrp="1"/>
          </p:cNvSpPr>
          <p:nvPr>
            <p:ph type="sldNum" sz="quarter" idx="12"/>
          </p:nvPr>
        </p:nvSpPr>
        <p:spPr/>
        <p:txBody>
          <a:bodyPr/>
          <a:lstStyle/>
          <a:p>
            <a:fld id="{37EF5067-3AB7-4642-9103-42CBD40CC6D9}" type="slidenum">
              <a:rPr kumimoji="1" lang="ja-JP" altLang="en-US" smtClean="0"/>
              <a:pPr/>
              <a:t>40</a:t>
            </a:fld>
            <a:endParaRPr kumimoji="1" lang="ja-JP" altLang="en-US" dirty="0"/>
          </a:p>
        </p:txBody>
      </p:sp>
    </p:spTree>
    <p:extLst>
      <p:ext uri="{BB962C8B-B14F-4D97-AF65-F5344CB8AC3E}">
        <p14:creationId xmlns:p14="http://schemas.microsoft.com/office/powerpoint/2010/main" val="184899505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12781" y="2475715"/>
            <a:ext cx="4551604" cy="1428230"/>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72000" tIns="72000" rtlCol="0" anchor="t"/>
          <a:lstStyle/>
          <a:p>
            <a:pPr>
              <a:lnSpc>
                <a:spcPts val="1700"/>
              </a:lnSpc>
            </a:pP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4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土地</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利用が特化、新たな機能導入が困難</a:t>
            </a: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85725" indent="-85725">
              <a:lnSpc>
                <a:spcPts val="17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住宅に特化した土地利用であることから、新たな機能の導入等に利用可能なスペースが限定。多くの公的資産については、ニュータウン再生への戦略的資産と捉え、再生を牽引する大胆な土地利用転換が必要。</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15" name="正方形/長方形 14"/>
          <p:cNvSpPr/>
          <p:nvPr/>
        </p:nvSpPr>
        <p:spPr>
          <a:xfrm>
            <a:off x="112781" y="720962"/>
            <a:ext cx="4551604" cy="1695735"/>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72000" tIns="72000" rtlCol="0" anchor="t"/>
          <a:lstStyle/>
          <a:p>
            <a:pPr>
              <a:lnSpc>
                <a:spcPts val="1600"/>
              </a:lnSpc>
            </a:pP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住宅の老朽化と空き家の増加</a:t>
            </a: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pPr>
              <a:lnSpc>
                <a:spcPts val="16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住宅ストックの</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約</a:t>
            </a:r>
            <a:r>
              <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7</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割が築</a:t>
            </a:r>
            <a:r>
              <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30</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以上。</a:t>
            </a:r>
            <a:endPar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a:lnSpc>
                <a:spcPts val="16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地価下落による資産目減りで住替えが進まず。　</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a:lnSpc>
                <a:spcPts val="1600"/>
              </a:lnSpc>
            </a:pP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更なる老朽化の進行、空き家発生が危惧される。</a:t>
            </a:r>
            <a:endPar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a:lnSpc>
                <a:spcPts val="16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公的賃貸住宅</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は、主体（</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府</a:t>
            </a:r>
            <a:r>
              <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UR,</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府公社）</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ごとに　</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a:lnSpc>
                <a:spcPts val="1600"/>
              </a:lnSpc>
            </a:pP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経営方針が異なり建</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替が</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進まない</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endPar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5725" indent="-85725">
              <a:lnSpc>
                <a:spcPts val="1500"/>
              </a:lnSpc>
            </a:pP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高齢者や若年世帯のニーズ</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に対応できず</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空き家が増加</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　　空家率 </a:t>
            </a:r>
            <a:r>
              <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9.6%</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2009</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3</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月</a:t>
            </a:r>
            <a:r>
              <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p>
        </p:txBody>
      </p:sp>
      <p:sp>
        <p:nvSpPr>
          <p:cNvPr id="26" name="正方形/長方形 25"/>
          <p:cNvSpPr/>
          <p:nvPr/>
        </p:nvSpPr>
        <p:spPr>
          <a:xfrm>
            <a:off x="5053992" y="5662233"/>
            <a:ext cx="4748473" cy="976308"/>
          </a:xfrm>
          <a:prstGeom prst="rect">
            <a:avLst/>
          </a:prstGeom>
          <a:noFill/>
          <a:ln>
            <a:solidFill>
              <a:schemeClr val="tx1"/>
            </a:solidFill>
          </a:ln>
          <a:effectLst/>
        </p:spPr>
        <p:style>
          <a:lnRef idx="1">
            <a:schemeClr val="accent6"/>
          </a:lnRef>
          <a:fillRef idx="2">
            <a:schemeClr val="accent6"/>
          </a:fillRef>
          <a:effectRef idx="1">
            <a:schemeClr val="accent6"/>
          </a:effectRef>
          <a:fontRef idx="minor">
            <a:schemeClr val="dk1"/>
          </a:fontRef>
        </p:style>
        <p:txBody>
          <a:bodyPr lIns="72000" tIns="72000" rtlCol="0" anchor="t"/>
          <a:lstStyle/>
          <a:p>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泉北高速鉄道の民営化</a:t>
            </a: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府所有株式を民間へ売却（</a:t>
            </a:r>
            <a:r>
              <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2014</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年）</a:t>
            </a:r>
            <a:endPar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5725" indent="-85725"/>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沿線活性化に貢献①乗継</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割引拡大②通学</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定期</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割引率拡大③高齢者向け</a:t>
            </a:r>
            <a:r>
              <a:rPr lang="ja-JP" altLang="en-US" sz="14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割引</a:t>
            </a:r>
            <a:r>
              <a:rPr lang="ja-JP" altLang="en-US"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乗車券等の検討　など</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18" name="テキスト ボックス 17"/>
          <p:cNvSpPr txBox="1"/>
          <p:nvPr/>
        </p:nvSpPr>
        <p:spPr>
          <a:xfrm>
            <a:off x="1" y="35625"/>
            <a:ext cx="6369051" cy="400110"/>
          </a:xfrm>
          <a:prstGeom prst="rect">
            <a:avLst/>
          </a:prstGeom>
          <a:noFill/>
        </p:spPr>
        <p:txBody>
          <a:bodyPr wrap="none" rtlCol="0">
            <a:spAutoFit/>
          </a:bodyPr>
          <a:lstStyle/>
          <a:p>
            <a:r>
              <a:rPr lang="ja-JP" altLang="en-US" sz="20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泉北ニュータウンが抱える課題と、課題解決に向けた動き</a:t>
            </a:r>
            <a:endParaRPr kumimoji="1" lang="ja-JP" altLang="en-US" sz="20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2" name="右矢印 21"/>
          <p:cNvSpPr/>
          <p:nvPr/>
        </p:nvSpPr>
        <p:spPr>
          <a:xfrm>
            <a:off x="4721968" y="2204865"/>
            <a:ext cx="280588" cy="2557177"/>
          </a:xfrm>
          <a:prstGeom prst="rightArrow">
            <a:avLst/>
          </a:prstGeom>
        </p:spPr>
        <p:style>
          <a:lnRef idx="1">
            <a:schemeClr val="accent5"/>
          </a:lnRef>
          <a:fillRef idx="3">
            <a:schemeClr val="accent5"/>
          </a:fillRef>
          <a:effectRef idx="2">
            <a:schemeClr val="accent5"/>
          </a:effectRef>
          <a:fontRef idx="minor">
            <a:schemeClr val="lt1"/>
          </a:fontRef>
        </p:style>
        <p:txBody>
          <a:bodyPr rtlCol="0" anchor="ctr"/>
          <a:lstStyle/>
          <a:p>
            <a:pPr algn="ctr"/>
            <a:endParaRPr kumimoji="1" lang="ja-JP" altLang="en-US">
              <a:solidFill>
                <a:schemeClr val="tx1"/>
              </a:solidFill>
            </a:endParaRPr>
          </a:p>
        </p:txBody>
      </p:sp>
      <p:sp>
        <p:nvSpPr>
          <p:cNvPr id="28" name="正方形/長方形 27"/>
          <p:cNvSpPr/>
          <p:nvPr/>
        </p:nvSpPr>
        <p:spPr>
          <a:xfrm>
            <a:off x="5053992" y="2475715"/>
            <a:ext cx="4748472" cy="1428231"/>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72000" tIns="36000" rtlCol="0" anchor="t"/>
          <a:lstStyle/>
          <a:p>
            <a:pPr>
              <a:lnSpc>
                <a:spcPts val="1500"/>
              </a:lnSpc>
            </a:pP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4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先ず</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は、泉ヶ丘駅前の土地用途転換に着手</a:t>
            </a: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pPr>
              <a:lnSpc>
                <a:spcPts val="15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府公社住宅跡地に、東大谷高校立地</a:t>
            </a:r>
            <a:r>
              <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2013</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年開校</a:t>
            </a:r>
            <a:r>
              <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5725" indent="-85725">
              <a:lnSpc>
                <a:spcPts val="15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府営住宅建替え</a:t>
            </a:r>
            <a:r>
              <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公園再整備により、近畿大学医学部</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附属</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病院等が立地、開設予定（</a:t>
            </a:r>
            <a:r>
              <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2023</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年</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a:lnSpc>
                <a:spcPts val="15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災害拠点病院として地域貢献、特定機能病院</a:t>
            </a:r>
            <a:r>
              <a:rPr lang="en-US" altLang="ja-JP"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1000</a:t>
            </a:r>
            <a:r>
              <a:rPr lang="ja-JP" altLang="en-US"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床規模</a:t>
            </a:r>
            <a:r>
              <a:rPr lang="en-US" altLang="ja-JP"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p>
          <a:p>
            <a:pPr>
              <a:lnSpc>
                <a:spcPts val="15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さらなる活性化をめざし、タウン</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管理</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財団所有の駅前</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a:lnSpc>
                <a:spcPts val="1500"/>
              </a:lnSpc>
            </a:pP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　</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資産</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を民間</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へ譲渡（</a:t>
            </a:r>
            <a:r>
              <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2014</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年）</a:t>
            </a:r>
            <a:endPar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a:lnSpc>
                <a:spcPts val="1500"/>
              </a:lnSpc>
            </a:pPr>
            <a:endParaRPr lang="en-US" altLang="ja-JP" sz="1400"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9" name="正方形/長方形 28"/>
          <p:cNvSpPr/>
          <p:nvPr/>
        </p:nvSpPr>
        <p:spPr>
          <a:xfrm>
            <a:off x="112782" y="5662233"/>
            <a:ext cx="4574208" cy="976308"/>
          </a:xfrm>
          <a:prstGeom prst="rect">
            <a:avLst/>
          </a:prstGeom>
          <a:noFill/>
          <a:ln>
            <a:solidFill>
              <a:schemeClr val="tx1"/>
            </a:solidFill>
          </a:ln>
          <a:effectLst/>
        </p:spPr>
        <p:style>
          <a:lnRef idx="1">
            <a:schemeClr val="accent6"/>
          </a:lnRef>
          <a:fillRef idx="2">
            <a:schemeClr val="accent6"/>
          </a:fillRef>
          <a:effectRef idx="1">
            <a:schemeClr val="accent6"/>
          </a:effectRef>
          <a:fontRef idx="minor">
            <a:schemeClr val="dk1"/>
          </a:fontRef>
        </p:style>
        <p:txBody>
          <a:bodyPr lIns="72000" tIns="72000" rtlCol="0" anchor="t"/>
          <a:lstStyle/>
          <a:p>
            <a:pPr>
              <a:lnSpc>
                <a:spcPts val="1500"/>
              </a:lnSpc>
            </a:pP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交通問題</a:t>
            </a: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174625" indent="-174625">
              <a:lnSpc>
                <a:spcPts val="1500"/>
              </a:lnSpc>
            </a:pP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複数鉄道</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会社の乗継により運賃が割高</a:t>
            </a:r>
            <a:endParaRPr lang="en-US" altLang="ja-JP" sz="1400" strike="dblStrike" dirty="0" smtClean="0">
              <a:solidFill>
                <a:srgbClr val="FF0000"/>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5725" indent="-85725">
              <a:lnSpc>
                <a:spcPts val="15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新たな施設立地・再生に伴う歩行者動線、道路、駅前広場等の見直しが必要</a:t>
            </a:r>
            <a:endPar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30" name="テキスト ボックス 29"/>
          <p:cNvSpPr txBox="1"/>
          <p:nvPr/>
        </p:nvSpPr>
        <p:spPr>
          <a:xfrm>
            <a:off x="116012" y="438054"/>
            <a:ext cx="4548373" cy="239823"/>
          </a:xfrm>
          <a:prstGeom prst="rect">
            <a:avLst/>
          </a:prstGeom>
          <a:effectLst/>
        </p:spPr>
        <p:style>
          <a:lnRef idx="0">
            <a:schemeClr val="dk1"/>
          </a:lnRef>
          <a:fillRef idx="3">
            <a:schemeClr val="dk1"/>
          </a:fillRef>
          <a:effectRef idx="3">
            <a:schemeClr val="dk1"/>
          </a:effectRef>
          <a:fontRef idx="minor">
            <a:schemeClr val="lt1"/>
          </a:fontRef>
        </p:style>
        <p:txBody>
          <a:bodyPr wrap="none" rtlCol="0">
            <a:noAutofit/>
          </a:bodyPr>
          <a:lstStyle/>
          <a:p>
            <a:pPr algn="ctr"/>
            <a:r>
              <a:rPr lang="ja-JP" altLang="en-US" sz="14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　課題　</a:t>
            </a:r>
            <a:endParaRPr kumimoji="1" lang="ja-JP" altLang="en-US" sz="14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31" name="テキスト ボックス 30"/>
          <p:cNvSpPr txBox="1"/>
          <p:nvPr/>
        </p:nvSpPr>
        <p:spPr>
          <a:xfrm>
            <a:off x="5033114" y="446587"/>
            <a:ext cx="4769350" cy="239861"/>
          </a:xfrm>
          <a:prstGeom prst="rect">
            <a:avLst/>
          </a:prstGeom>
          <a:effectLst/>
        </p:spPr>
        <p:style>
          <a:lnRef idx="0">
            <a:schemeClr val="dk1"/>
          </a:lnRef>
          <a:fillRef idx="3">
            <a:schemeClr val="dk1"/>
          </a:fillRef>
          <a:effectRef idx="3">
            <a:schemeClr val="dk1"/>
          </a:effectRef>
          <a:fontRef idx="minor">
            <a:schemeClr val="lt1"/>
          </a:fontRef>
        </p:style>
        <p:txBody>
          <a:bodyPr wrap="square" rtlCol="0">
            <a:noAutofit/>
          </a:bodyPr>
          <a:lstStyle/>
          <a:p>
            <a:pPr algn="ctr"/>
            <a:r>
              <a:rPr lang="ja-JP" altLang="en-US" sz="14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課題解決に向けた動き</a:t>
            </a:r>
            <a:endParaRPr kumimoji="1" lang="ja-JP" altLang="en-US" sz="14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23" name="正方形/長方形 22"/>
          <p:cNvSpPr/>
          <p:nvPr/>
        </p:nvSpPr>
        <p:spPr>
          <a:xfrm>
            <a:off x="112781" y="3975471"/>
            <a:ext cx="4564355" cy="1612528"/>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72000" tIns="72000" rtlCol="0" anchor="t"/>
          <a:lstStyle/>
          <a:p>
            <a:pPr>
              <a:lnSpc>
                <a:spcPts val="1900"/>
              </a:lnSpc>
            </a:pP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地域課題の解決にむけた主体が不在</a:t>
            </a: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85725" indent="-85725">
              <a:lnSpc>
                <a:spcPts val="19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公的住宅主体や民間事業者、</a:t>
            </a:r>
            <a:r>
              <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NPO</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などが、それぞれの取組方針に基づき、事業を展開。</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5725" indent="-85725">
              <a:lnSpc>
                <a:spcPts val="19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　急速な高齢化等の地域課題への対応には、各ステークホルダーの協働による取組みが必要。</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174625" indent="-174625">
              <a:lnSpc>
                <a:spcPts val="1900"/>
              </a:lnSpc>
            </a:pP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27" name="正方形/長方形 26"/>
          <p:cNvSpPr/>
          <p:nvPr/>
        </p:nvSpPr>
        <p:spPr>
          <a:xfrm>
            <a:off x="5053992" y="739578"/>
            <a:ext cx="4748473" cy="1677119"/>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72000" tIns="72000" rtlCol="0" anchor="t"/>
          <a:lstStyle/>
          <a:p>
            <a:pPr>
              <a:lnSpc>
                <a:spcPts val="1500"/>
              </a:lnSpc>
            </a:pP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住宅地再生にむけた取組み</a:t>
            </a: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85725" indent="-85725" algn="just">
              <a:lnSpc>
                <a:spcPts val="15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多様な年齢層がバランスよく居住するまち、住宅に特化した土地利用から多様な機能をもつまち、豊かな緑等の資源を活かした暮らしができるまちの実現にむけ、公的住宅主体が連携方策を検討。</a:t>
            </a:r>
            <a:endPar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5725" indent="-85725" algn="just">
              <a:lnSpc>
                <a:spcPts val="15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地域住民等の暮らしを支える</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泉ヶ丘駅前地域では、駅前活性化の取組みを示すとともに、ニュータウン</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再生</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につながる</a:t>
            </a:r>
            <a:r>
              <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20</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年後のまちのイメージ</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を提案。</a:t>
            </a:r>
            <a:endParaRPr lang="en-US" altLang="ja-JP" sz="1400" strike="sngStrike"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32" name="正方形/長方形 31"/>
          <p:cNvSpPr/>
          <p:nvPr/>
        </p:nvSpPr>
        <p:spPr>
          <a:xfrm>
            <a:off x="5033114" y="3975471"/>
            <a:ext cx="4769351" cy="1612529"/>
          </a:xfrm>
          <a:prstGeom prst="rect">
            <a:avLst/>
          </a:prstGeom>
          <a:noFill/>
          <a:ln>
            <a:solidFill>
              <a:schemeClr val="tx1"/>
            </a:solidFill>
          </a:ln>
          <a:effectLst/>
        </p:spPr>
        <p:style>
          <a:lnRef idx="1">
            <a:schemeClr val="accent5"/>
          </a:lnRef>
          <a:fillRef idx="2">
            <a:schemeClr val="accent5"/>
          </a:fillRef>
          <a:effectRef idx="1">
            <a:schemeClr val="accent5"/>
          </a:effectRef>
          <a:fontRef idx="minor">
            <a:schemeClr val="dk1"/>
          </a:fontRef>
        </p:style>
        <p:txBody>
          <a:bodyPr lIns="72000" tIns="72000" rtlCol="0" anchor="t"/>
          <a:lstStyle/>
          <a:p>
            <a:pPr>
              <a:lnSpc>
                <a:spcPts val="1500"/>
              </a:lnSpc>
            </a:pP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4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地域関係者、民間事業者主体の</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マネジメント</a:t>
            </a:r>
            <a:r>
              <a:rPr lang="en-US" altLang="ja-JP" sz="14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p>
          <a:p>
            <a:pPr marL="85725" indent="-85725" algn="just">
              <a:lnSpc>
                <a:spcPts val="1500"/>
              </a:lnSpc>
            </a:pP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泉ヶ丘駅前</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の地域の関係者や新たな民間事業者等で構成する</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組織の設置を促し、ニュータウンの再生実現にむけて</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自ら考え、行動し、運営</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できる</a:t>
            </a:r>
            <a:r>
              <a:rPr lang="en-US" altLang="ja-JP"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PPP</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組織</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の構築に向けて、検討。</a:t>
            </a:r>
            <a:endParaRPr lang="en-US" altLang="ja-JP"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marL="85725" indent="-85725" algn="just">
              <a:lnSpc>
                <a:spcPts val="1500"/>
              </a:lnSpc>
            </a:pP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さらに</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ニュータウン内の公的住宅などを含めた泉ヶ丘地区全体、</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泉北ニュータウン全体</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への展開を見据え、公的住宅主体も含めた組織の拡充</a:t>
            </a:r>
            <a:r>
              <a:rPr lang="ja-JP" altLang="en-US" sz="14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をめざす</a:t>
            </a:r>
            <a:r>
              <a:rPr lang="ja-JP" altLang="en-US" sz="14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p>
          <a:p>
            <a:pPr marL="177800" indent="-177800">
              <a:lnSpc>
                <a:spcPts val="1500"/>
              </a:lnSpc>
            </a:pPr>
            <a:endParaRPr lang="en-US" altLang="ja-JP" sz="1400" strike="sngStrike"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6" name="スライド番号プレースホルダ 15"/>
          <p:cNvSpPr>
            <a:spLocks noGrp="1"/>
          </p:cNvSpPr>
          <p:nvPr>
            <p:ph type="sldNum" sz="quarter" idx="12"/>
          </p:nvPr>
        </p:nvSpPr>
        <p:spPr/>
        <p:txBody>
          <a:bodyPr/>
          <a:lstStyle/>
          <a:p>
            <a:fld id="{37EF5067-3AB7-4642-9103-42CBD40CC6D9}" type="slidenum">
              <a:rPr kumimoji="1" lang="ja-JP" altLang="en-US" smtClean="0"/>
              <a:pPr/>
              <a:t>41</a:t>
            </a:fld>
            <a:endParaRPr kumimoji="1" lang="ja-JP" altLang="en-US" dirty="0"/>
          </a:p>
        </p:txBody>
      </p:sp>
    </p:spTree>
    <p:extLst>
      <p:ext uri="{BB962C8B-B14F-4D97-AF65-F5344CB8AC3E}">
        <p14:creationId xmlns:p14="http://schemas.microsoft.com/office/powerpoint/2010/main" val="127184094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93376" y="125641"/>
            <a:ext cx="8332730" cy="630942"/>
          </a:xfrm>
          <a:prstGeom prst="rect">
            <a:avLst/>
          </a:prstGeom>
          <a:solidFill>
            <a:schemeClr val="bg1"/>
          </a:solidFill>
        </p:spPr>
        <p:txBody>
          <a:bodyPr wrap="none" rtlCol="0">
            <a:spAutoFit/>
          </a:bodyPr>
          <a:lstStyle/>
          <a:p>
            <a:r>
              <a:rPr lang="ja-JP" altLang="en-US" sz="20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土地利用の転換を契機とした新しいニュータウンのまちづくり</a:t>
            </a:r>
            <a:endParaRPr lang="en-US" altLang="ja-JP" sz="2000" dirty="0" smtClean="0">
              <a:latin typeface="ＭＳ Ｐゴシック" panose="020B0600070205080204" pitchFamily="50" charset="-128"/>
              <a:ea typeface="ＭＳ Ｐゴシック" panose="020B0600070205080204" pitchFamily="50" charset="-128"/>
              <a:cs typeface="メイリオ" panose="020B0604030504040204" pitchFamily="50" charset="-128"/>
            </a:endParaRPr>
          </a:p>
          <a:p>
            <a:r>
              <a:rPr lang="en-US" altLang="ja-JP" sz="15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 </a:t>
            </a:r>
            <a:r>
              <a:rPr kumimoji="1" lang="ja-JP" altLang="en-US" sz="15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泉北ニュータウンの中核的な役割を担う泉ケ丘駅周辺地域から再生への取組みが本格スタート </a:t>
            </a:r>
            <a:r>
              <a:rPr kumimoji="1" lang="en-US" altLang="ja-JP" sz="1500" dirty="0" smtClean="0">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kumimoji="1" lang="ja-JP" altLang="en-US" sz="1500"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59" name="スライド番号プレースホルダ 58"/>
          <p:cNvSpPr>
            <a:spLocks noGrp="1"/>
          </p:cNvSpPr>
          <p:nvPr>
            <p:ph type="sldNum" sz="quarter" idx="12"/>
          </p:nvPr>
        </p:nvSpPr>
        <p:spPr/>
        <p:txBody>
          <a:bodyPr/>
          <a:lstStyle/>
          <a:p>
            <a:fld id="{37EF5067-3AB7-4642-9103-42CBD40CC6D9}" type="slidenum">
              <a:rPr kumimoji="1" lang="ja-JP" altLang="en-US" smtClean="0"/>
              <a:pPr/>
              <a:t>42</a:t>
            </a:fld>
            <a:endParaRPr kumimoji="1" lang="ja-JP" altLang="en-US" dirty="0"/>
          </a:p>
        </p:txBody>
      </p:sp>
      <p:pic>
        <p:nvPicPr>
          <p:cNvPr id="109570" name="Picture 2"/>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0" y="860145"/>
            <a:ext cx="9822565" cy="5664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9793407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389542" y="646581"/>
            <a:ext cx="3355144" cy="41296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600" dirty="0" smtClean="0">
                <a:solidFill>
                  <a:schemeClr val="tx1"/>
                </a:solidFill>
              </a:rPr>
              <a:t>○今後の取組み（スケジュール）</a:t>
            </a:r>
            <a:endParaRPr lang="en-US" altLang="ja-JP" sz="1600" dirty="0" smtClean="0">
              <a:solidFill>
                <a:schemeClr val="tx1"/>
              </a:solidFill>
            </a:endParaRPr>
          </a:p>
        </p:txBody>
      </p:sp>
      <p:sp>
        <p:nvSpPr>
          <p:cNvPr id="11" name="正方形/長方形 10"/>
          <p:cNvSpPr/>
          <p:nvPr/>
        </p:nvSpPr>
        <p:spPr>
          <a:xfrm>
            <a:off x="4796983" y="1475183"/>
            <a:ext cx="479411" cy="21602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kumimoji="1" lang="ja-JP" altLang="en-US" sz="1050" u="sng" strike="dblStrike" dirty="0">
              <a:solidFill>
                <a:srgbClr val="FF0000"/>
              </a:solidFill>
            </a:endParaRPr>
          </a:p>
        </p:txBody>
      </p:sp>
      <p:sp>
        <p:nvSpPr>
          <p:cNvPr id="14" name="正方形/長方形 13"/>
          <p:cNvSpPr/>
          <p:nvPr/>
        </p:nvSpPr>
        <p:spPr>
          <a:xfrm>
            <a:off x="2749818" y="2261717"/>
            <a:ext cx="3529329" cy="43398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kumimoji="1" lang="ja-JP" altLang="en-US" sz="1050" u="sng" dirty="0">
              <a:solidFill>
                <a:srgbClr val="FF0000"/>
              </a:solidFill>
            </a:endParaRPr>
          </a:p>
        </p:txBody>
      </p:sp>
      <p:pic>
        <p:nvPicPr>
          <p:cNvPr id="1026" name="Picture 2"/>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499048" y="1011504"/>
            <a:ext cx="9075278" cy="19794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 name="グループ化 11"/>
          <p:cNvGrpSpPr/>
          <p:nvPr/>
        </p:nvGrpSpPr>
        <p:grpSpPr>
          <a:xfrm>
            <a:off x="178767" y="6123152"/>
            <a:ext cx="9048600" cy="657265"/>
            <a:chOff x="76116" y="6085051"/>
            <a:chExt cx="8352554" cy="657265"/>
          </a:xfrm>
        </p:grpSpPr>
        <p:sp>
          <p:nvSpPr>
            <p:cNvPr id="13" name="角丸四角形 12"/>
            <p:cNvSpPr/>
            <p:nvPr/>
          </p:nvSpPr>
          <p:spPr>
            <a:xfrm>
              <a:off x="162620" y="6381328"/>
              <a:ext cx="8266050" cy="3609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pPr>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rPr>
                <a:t>・大阪府：住宅まちづくり部</a:t>
              </a:r>
              <a:endParaRPr lang="en-US" altLang="ja-JP" sz="1400" dirty="0">
                <a:solidFill>
                  <a:schemeClr val="tx1"/>
                </a:solidFill>
                <a:latin typeface="ＭＳ Ｐ明朝" panose="02020600040205080304" pitchFamily="18" charset="-128"/>
                <a:ea typeface="ＭＳ Ｐ明朝" panose="02020600040205080304" pitchFamily="18" charset="-128"/>
              </a:endParaRPr>
            </a:p>
          </p:txBody>
        </p:sp>
        <p:sp>
          <p:nvSpPr>
            <p:cNvPr id="15" name="テキスト ボックス 14"/>
            <p:cNvSpPr txBox="1"/>
            <p:nvPr/>
          </p:nvSpPr>
          <p:spPr>
            <a:xfrm>
              <a:off x="76116" y="6085051"/>
              <a:ext cx="6351200" cy="338554"/>
            </a:xfrm>
            <a:prstGeom prst="rect">
              <a:avLst/>
            </a:prstGeom>
            <a:noFill/>
          </p:spPr>
          <p:txBody>
            <a:bodyPr wrap="square" rtlCol="0">
              <a:spAutoFit/>
            </a:bodyPr>
            <a:lstStyle/>
            <a:p>
              <a:r>
                <a:rPr lang="ja-JP" altLang="en-US" sz="1600" dirty="0" smtClean="0"/>
                <a:t>○</a:t>
              </a:r>
              <a:r>
                <a:rPr lang="en-US" altLang="ja-JP" sz="1600" dirty="0"/>
                <a:t>『</a:t>
              </a:r>
              <a:r>
                <a:rPr lang="ja-JP" altLang="en-US" sz="1600" dirty="0"/>
                <a:t>泉北</a:t>
              </a:r>
              <a:r>
                <a:rPr lang="ja-JP" altLang="en-US" sz="1600" dirty="0" smtClean="0"/>
                <a:t>ニュータウン</a:t>
              </a:r>
              <a:r>
                <a:rPr lang="en-US" altLang="ja-JP" sz="1600" dirty="0" smtClean="0"/>
                <a:t>』</a:t>
              </a:r>
              <a:r>
                <a:rPr lang="ja-JP" altLang="en-US" sz="1600" dirty="0"/>
                <a:t>エリアの担当</a:t>
              </a:r>
              <a:r>
                <a:rPr lang="ja-JP" altLang="en-US" sz="1600" dirty="0" smtClean="0"/>
                <a:t>部局一覧</a:t>
              </a:r>
              <a:endParaRPr lang="en-US" altLang="ja-JP" sz="1600" dirty="0" smtClean="0"/>
            </a:p>
          </p:txBody>
        </p:sp>
      </p:grpSp>
      <p:sp>
        <p:nvSpPr>
          <p:cNvPr id="12" name="スライド番号プレースホルダ 11"/>
          <p:cNvSpPr>
            <a:spLocks noGrp="1"/>
          </p:cNvSpPr>
          <p:nvPr>
            <p:ph type="sldNum" sz="quarter" idx="12"/>
          </p:nvPr>
        </p:nvSpPr>
        <p:spPr/>
        <p:txBody>
          <a:bodyPr/>
          <a:lstStyle/>
          <a:p>
            <a:fld id="{37EF5067-3AB7-4642-9103-42CBD40CC6D9}" type="slidenum">
              <a:rPr kumimoji="1" lang="ja-JP" altLang="en-US" smtClean="0"/>
              <a:pPr/>
              <a:t>43</a:t>
            </a:fld>
            <a:endParaRPr kumimoji="1" lang="ja-JP" altLang="en-US" dirty="0"/>
          </a:p>
        </p:txBody>
      </p:sp>
    </p:spTree>
    <p:extLst>
      <p:ext uri="{BB962C8B-B14F-4D97-AF65-F5344CB8AC3E}">
        <p14:creationId xmlns:p14="http://schemas.microsoft.com/office/powerpoint/2010/main" val="123114874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4472367" y="431800"/>
            <a:ext cx="5325942" cy="3501256"/>
          </a:xfrm>
          <a:prstGeom prst="rect">
            <a:avLst/>
          </a:prstGeom>
          <a:noFill/>
          <a:ln w="158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tIns="36000" rIns="72000" bIns="36000" rtlCol="0" anchor="t"/>
          <a:lstStyle/>
          <a:p>
            <a:r>
              <a:rPr lang="ja-JP" altLang="en-US" sz="1200" b="1" dirty="0">
                <a:solidFill>
                  <a:schemeClr val="tx1"/>
                </a:solidFill>
                <a:latin typeface="ＭＳ Ｐゴシック" panose="020B0600070205080204" pitchFamily="50" charset="-128"/>
                <a:ea typeface="ＭＳ Ｐゴシック" panose="020B0600070205080204" pitchFamily="50" charset="-128"/>
              </a:rPr>
              <a:t>＜</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国の動き＞</a:t>
            </a:r>
            <a:endParaRPr kumimoji="1"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kumimoji="1" lang="ja-JP" altLang="en-US" sz="1200" dirty="0" smtClean="0">
                <a:solidFill>
                  <a:schemeClr val="tx1"/>
                </a:solidFill>
                <a:latin typeface="ＭＳ Ｐ明朝" panose="02020600040205080304" pitchFamily="18" charset="-128"/>
                <a:ea typeface="ＭＳ Ｐ明朝" panose="02020600040205080304" pitchFamily="18" charset="-128"/>
              </a:rPr>
              <a:t>　</a:t>
            </a:r>
            <a:r>
              <a:rPr kumimoji="1" lang="en-US" altLang="ja-JP" sz="1200" dirty="0" smtClean="0">
                <a:solidFill>
                  <a:schemeClr val="tx1"/>
                </a:solidFill>
                <a:latin typeface="ＭＳ Ｐ明朝" panose="02020600040205080304" pitchFamily="18" charset="-128"/>
                <a:ea typeface="ＭＳ Ｐ明朝" panose="02020600040205080304" pitchFamily="18" charset="-128"/>
              </a:rPr>
              <a:t>2007</a:t>
            </a:r>
            <a:r>
              <a:rPr kumimoji="1" lang="ja-JP" altLang="en-US" sz="1200" dirty="0" smtClean="0">
                <a:solidFill>
                  <a:schemeClr val="tx1"/>
                </a:solidFill>
                <a:latin typeface="ＭＳ Ｐ明朝" panose="02020600040205080304" pitchFamily="18" charset="-128"/>
                <a:ea typeface="ＭＳ Ｐ明朝" panose="02020600040205080304" pitchFamily="18" charset="-128"/>
              </a:rPr>
              <a:t>年　独立行政法人の整理（万博機構廃止の方針）</a:t>
            </a:r>
            <a:endParaRPr kumimoji="1" lang="en-US" altLang="ja-JP" sz="1200" dirty="0" smtClean="0">
              <a:solidFill>
                <a:schemeClr val="tx1"/>
              </a:solidFill>
              <a:latin typeface="ＭＳ Ｐ明朝" panose="02020600040205080304" pitchFamily="18" charset="-128"/>
              <a:ea typeface="ＭＳ Ｐ明朝" panose="02020600040205080304" pitchFamily="18" charset="-128"/>
            </a:endParaRPr>
          </a:p>
          <a:p>
            <a:pPr marL="1698625" indent="-1698625"/>
            <a:r>
              <a:rPr lang="ja-JP" altLang="en-US" sz="1200" dirty="0" smtClean="0">
                <a:solidFill>
                  <a:schemeClr val="tx1"/>
                </a:solidFill>
                <a:latin typeface="ＭＳ Ｐ明朝" panose="02020600040205080304" pitchFamily="18" charset="-128"/>
                <a:ea typeface="ＭＳ Ｐ明朝" panose="02020600040205080304" pitchFamily="18"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rPr>
              <a:t>2010</a:t>
            </a:r>
            <a:r>
              <a:rPr lang="ja-JP" altLang="en-US" sz="1200" dirty="0" smtClean="0">
                <a:solidFill>
                  <a:schemeClr val="tx1"/>
                </a:solidFill>
                <a:latin typeface="ＭＳ Ｐ明朝" panose="02020600040205080304" pitchFamily="18" charset="-128"/>
                <a:ea typeface="ＭＳ Ｐ明朝" panose="02020600040205080304" pitchFamily="18" charset="-128"/>
              </a:rPr>
              <a:t>年　事業仕分け</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1698625" indent="-1698625"/>
            <a:r>
              <a:rPr lang="ja-JP" altLang="en-US" sz="1200" dirty="0">
                <a:solidFill>
                  <a:schemeClr val="tx1"/>
                </a:solidFill>
                <a:latin typeface="ＭＳ Ｐ明朝" panose="02020600040205080304" pitchFamily="18" charset="-128"/>
                <a:ea typeface="ＭＳ Ｐ明朝" panose="02020600040205080304" pitchFamily="18"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rPr>
              <a:t>　　　　　　（万博機構を廃止し公園事業を府に任せるとの結論）</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1698625" indent="-1698625"/>
            <a:r>
              <a:rPr lang="ja-JP" altLang="en-US" sz="1200" dirty="0">
                <a:solidFill>
                  <a:schemeClr val="tx1"/>
                </a:solidFill>
                <a:latin typeface="ＭＳ Ｐ明朝" panose="02020600040205080304" pitchFamily="18" charset="-128"/>
                <a:ea typeface="ＭＳ Ｐ明朝" panose="02020600040205080304" pitchFamily="18" charset="-128"/>
              </a:rPr>
              <a:t>　</a:t>
            </a:r>
            <a:r>
              <a:rPr lang="en-US" altLang="ja-JP" sz="1200" dirty="0">
                <a:solidFill>
                  <a:schemeClr val="tx1"/>
                </a:solidFill>
                <a:latin typeface="ＭＳ Ｐ明朝" panose="02020600040205080304" pitchFamily="18" charset="-128"/>
                <a:ea typeface="ＭＳ Ｐ明朝" panose="02020600040205080304" pitchFamily="18" charset="-128"/>
              </a:rPr>
              <a:t>2014</a:t>
            </a:r>
            <a:r>
              <a:rPr lang="ja-JP" altLang="en-US" sz="1200" dirty="0" smtClean="0">
                <a:solidFill>
                  <a:schemeClr val="tx1"/>
                </a:solidFill>
                <a:latin typeface="ＭＳ Ｐ明朝" panose="02020600040205080304" pitchFamily="18" charset="-128"/>
                <a:ea typeface="ＭＳ Ｐ明朝" panose="02020600040205080304" pitchFamily="18" charset="-128"/>
              </a:rPr>
              <a:t>年　万博機構廃止（法律施行）➡府の公園運営開始</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1698625" indent="-1698625">
              <a:spcBef>
                <a:spcPts val="600"/>
              </a:spcBef>
            </a:pP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府営公園化に向けた国との協議＞</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pPr marL="355600" indent="-355600"/>
            <a:r>
              <a:rPr lang="ja-JP" altLang="en-US" sz="1200" dirty="0">
                <a:solidFill>
                  <a:schemeClr val="tx1"/>
                </a:solidFill>
                <a:latin typeface="ＭＳ Ｐ明朝" panose="02020600040205080304" pitchFamily="18" charset="-128"/>
                <a:ea typeface="ＭＳ Ｐ明朝" panose="02020600040205080304" pitchFamily="18"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rPr>
              <a:t>・万博機構所有の土地を、機構への出資割合に応じて国・府に分割</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177800" indent="-177800"/>
            <a:r>
              <a:rPr lang="ja-JP" altLang="en-US" sz="1200" dirty="0">
                <a:solidFill>
                  <a:schemeClr val="tx1"/>
                </a:solidFill>
                <a:latin typeface="ＭＳ Ｐ明朝" panose="02020600040205080304" pitchFamily="18" charset="-128"/>
                <a:ea typeface="ＭＳ Ｐ明朝" panose="02020600040205080304" pitchFamily="18"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rPr>
              <a:t>・国保有部分（自然文化園地区）は、財政法の規定により、府が有償で借り受け、公園全体として一体的に管理運営。</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177800" indent="-177800"/>
            <a:r>
              <a:rPr lang="ja-JP" altLang="en-US" sz="1200" dirty="0">
                <a:solidFill>
                  <a:schemeClr val="tx1"/>
                </a:solidFill>
                <a:latin typeface="ＭＳ Ｐ明朝" panose="02020600040205080304" pitchFamily="18" charset="-128"/>
                <a:ea typeface="ＭＳ Ｐ明朝" panose="02020600040205080304" pitchFamily="18"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rPr>
              <a:t>・府は、府が保有する南側ゾーン・エキスポランド跡地に民間大型複合施設を誘致。その利益と、万博機構から引き継ぐ資産や入園料等の収入を元に、新たな財政負担のない形で、公園管理を実施</a:t>
            </a:r>
            <a:endParaRPr lang="en-US" altLang="ja-JP" sz="1200" dirty="0">
              <a:solidFill>
                <a:schemeClr val="tx1"/>
              </a:solidFill>
              <a:latin typeface="ＭＳ Ｐ明朝" panose="02020600040205080304" pitchFamily="18" charset="-128"/>
              <a:ea typeface="ＭＳ Ｐ明朝" panose="02020600040205080304" pitchFamily="18" charset="-128"/>
            </a:endParaRPr>
          </a:p>
          <a:p>
            <a:pPr>
              <a:spcBef>
                <a:spcPts val="600"/>
              </a:spcBef>
            </a:pPr>
            <a:r>
              <a:rPr lang="ja-JP" altLang="en-US" sz="1200" b="1" dirty="0">
                <a:solidFill>
                  <a:schemeClr val="tx1"/>
                </a:solidFill>
                <a:latin typeface="ＭＳ Ｐゴシック" panose="020B0600070205080204" pitchFamily="50" charset="-128"/>
                <a:ea typeface="ＭＳ Ｐゴシック" panose="020B0600070205080204" pitchFamily="50" charset="-128"/>
              </a:rPr>
              <a:t>＜</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将来イメージ</a:t>
            </a:r>
            <a:r>
              <a:rPr lang="ja-JP" altLang="en-US" sz="1200" b="1" dirty="0">
                <a:solidFill>
                  <a:schemeClr val="tx1"/>
                </a:solidFill>
                <a:latin typeface="ＭＳ Ｐゴシック" panose="020B0600070205080204" pitchFamily="50" charset="-128"/>
                <a:ea typeface="ＭＳ Ｐゴシック" panose="020B0600070205080204" pitchFamily="50" charset="-128"/>
              </a:rPr>
              <a:t>＞</a:t>
            </a:r>
            <a:endParaRPr kumimoji="1"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r>
              <a:rPr kumimoji="1" lang="en-US" altLang="ja-JP" sz="1200" dirty="0" smtClean="0">
                <a:solidFill>
                  <a:schemeClr val="tx1"/>
                </a:solidFill>
                <a:latin typeface="ＭＳ Ｐ明朝" panose="02020600040205080304" pitchFamily="18" charset="-128"/>
                <a:ea typeface="ＭＳ Ｐ明朝" panose="02020600040205080304" pitchFamily="18" charset="-128"/>
              </a:rPr>
              <a:t>2015</a:t>
            </a:r>
            <a:r>
              <a:rPr kumimoji="1" lang="ja-JP" altLang="en-US" sz="1200" dirty="0" smtClean="0">
                <a:solidFill>
                  <a:schemeClr val="tx1"/>
                </a:solidFill>
                <a:latin typeface="ＭＳ Ｐ明朝" panose="02020600040205080304" pitchFamily="18" charset="-128"/>
                <a:ea typeface="ＭＳ Ｐ明朝" panose="02020600040205080304" pitchFamily="18" charset="-128"/>
              </a:rPr>
              <a:t>年秋（予定）　</a:t>
            </a:r>
            <a:r>
              <a:rPr lang="ja-JP" altLang="en-US" sz="1200" dirty="0" smtClean="0">
                <a:solidFill>
                  <a:schemeClr val="tx1"/>
                </a:solidFill>
                <a:latin typeface="ＭＳ Ｐ明朝" panose="02020600040205080304" pitchFamily="18" charset="-128"/>
                <a:ea typeface="ＭＳ Ｐ明朝" panose="02020600040205080304" pitchFamily="18" charset="-128"/>
              </a:rPr>
              <a:t>・エキスポランド跡地に民間大型複合施設オープン</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665163"/>
            <a:r>
              <a:rPr lang="ja-JP" altLang="en-US" sz="1200" dirty="0" smtClean="0">
                <a:solidFill>
                  <a:schemeClr val="tx1"/>
                </a:solidFill>
                <a:latin typeface="ＭＳ Ｐ明朝" panose="02020600040205080304" pitchFamily="18" charset="-128"/>
                <a:ea typeface="ＭＳ Ｐ明朝" panose="02020600040205080304" pitchFamily="18" charset="-128"/>
              </a:rPr>
              <a:t>　　　　　・ガンバ大阪ﾎｰﾑｽﾀｼﾞｱﾑ（仮・吹田市立ｽﾀｼﾞｱﾑ）完成</a:t>
            </a:r>
            <a:endParaRPr lang="en-US" altLang="ja-JP" sz="1200" dirty="0">
              <a:solidFill>
                <a:schemeClr val="tx1"/>
              </a:solidFill>
              <a:latin typeface="ＭＳ Ｐ明朝" panose="02020600040205080304" pitchFamily="18" charset="-128"/>
              <a:ea typeface="ＭＳ Ｐ明朝" panose="02020600040205080304" pitchFamily="18" charset="-128"/>
            </a:endParaRPr>
          </a:p>
          <a:p>
            <a:pPr marL="4763"/>
            <a:r>
              <a:rPr lang="en-US" altLang="ja-JP" sz="1200" dirty="0" smtClean="0">
                <a:solidFill>
                  <a:schemeClr val="tx1"/>
                </a:solidFill>
                <a:latin typeface="ＭＳ Ｐ明朝" panose="02020600040205080304" pitchFamily="18" charset="-128"/>
                <a:ea typeface="ＭＳ Ｐ明朝" panose="02020600040205080304" pitchFamily="18" charset="-128"/>
              </a:rPr>
              <a:t>2017</a:t>
            </a:r>
            <a:r>
              <a:rPr lang="ja-JP" altLang="en-US" sz="1200" dirty="0" smtClean="0">
                <a:solidFill>
                  <a:schemeClr val="tx1"/>
                </a:solidFill>
                <a:latin typeface="ＭＳ Ｐ明朝" panose="02020600040205080304" pitchFamily="18" charset="-128"/>
                <a:ea typeface="ＭＳ Ｐ明朝" panose="02020600040205080304" pitchFamily="18" charset="-128"/>
              </a:rPr>
              <a:t>年（予定）　　 ・</a:t>
            </a:r>
            <a:r>
              <a:rPr lang="ja-JP" altLang="en-US" sz="1200" dirty="0">
                <a:solidFill>
                  <a:schemeClr val="tx1"/>
                </a:solidFill>
                <a:latin typeface="ＭＳ Ｐ明朝" panose="02020600040205080304" pitchFamily="18" charset="-128"/>
                <a:ea typeface="ＭＳ Ｐ明朝" panose="02020600040205080304" pitchFamily="18" charset="-128"/>
              </a:rPr>
              <a:t>「太陽の塔」修復、「第四の顔」復元完了、一般</a:t>
            </a:r>
            <a:r>
              <a:rPr lang="ja-JP" altLang="en-US" sz="1200" dirty="0" smtClean="0">
                <a:solidFill>
                  <a:schemeClr val="tx1"/>
                </a:solidFill>
                <a:latin typeface="ＭＳ Ｐ明朝" panose="02020600040205080304" pitchFamily="18" charset="-128"/>
                <a:ea typeface="ＭＳ Ｐ明朝" panose="02020600040205080304" pitchFamily="18" charset="-128"/>
              </a:rPr>
              <a:t>公開</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273050" indent="-273050"/>
            <a:r>
              <a:rPr lang="ja-JP" altLang="en-US" sz="1200" dirty="0" smtClean="0">
                <a:solidFill>
                  <a:schemeClr val="tx1"/>
                </a:solidFill>
                <a:latin typeface="ＭＳ Ｐ明朝" panose="02020600040205080304" pitchFamily="18" charset="-128"/>
                <a:ea typeface="ＭＳ Ｐ明朝" panose="02020600040205080304" pitchFamily="18"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rPr>
              <a:t>大阪府日本万国博覧会記念公園運営審議会（</a:t>
            </a:r>
            <a:r>
              <a:rPr lang="en-US" altLang="ja-JP" sz="1200" dirty="0" smtClean="0">
                <a:solidFill>
                  <a:schemeClr val="tx1"/>
                </a:solidFill>
                <a:latin typeface="ＭＳ Ｐ明朝" panose="02020600040205080304" pitchFamily="18" charset="-128"/>
                <a:ea typeface="ＭＳ Ｐ明朝" panose="02020600040205080304" pitchFamily="18" charset="-128"/>
              </a:rPr>
              <a:t>2014</a:t>
            </a:r>
            <a:r>
              <a:rPr lang="ja-JP" altLang="en-US" sz="1200" dirty="0" smtClean="0">
                <a:solidFill>
                  <a:schemeClr val="tx1"/>
                </a:solidFill>
                <a:latin typeface="ＭＳ Ｐ明朝" panose="02020600040205080304" pitchFamily="18" charset="-128"/>
                <a:ea typeface="ＭＳ Ｐ明朝" panose="02020600040205080304" pitchFamily="18" charset="-128"/>
              </a:rPr>
              <a:t>年</a:t>
            </a:r>
            <a:r>
              <a:rPr lang="en-US" altLang="ja-JP" sz="1200" dirty="0" smtClean="0">
                <a:solidFill>
                  <a:schemeClr val="tx1"/>
                </a:solidFill>
                <a:latin typeface="ＭＳ Ｐ明朝" panose="02020600040205080304" pitchFamily="18" charset="-128"/>
                <a:ea typeface="ＭＳ Ｐ明朝" panose="02020600040205080304" pitchFamily="18" charset="-128"/>
              </a:rPr>
              <a:t>2</a:t>
            </a:r>
            <a:r>
              <a:rPr lang="ja-JP" altLang="en-US" sz="1200" dirty="0" smtClean="0">
                <a:solidFill>
                  <a:schemeClr val="tx1"/>
                </a:solidFill>
                <a:latin typeface="ＭＳ Ｐ明朝" panose="02020600040205080304" pitchFamily="18" charset="-128"/>
                <a:ea typeface="ＭＳ Ｐ明朝" panose="02020600040205080304" pitchFamily="18" charset="-128"/>
              </a:rPr>
              <a:t>月設置）において、将来ビジョンを検討中</a:t>
            </a:r>
            <a:endParaRPr kumimoji="1" lang="ja-JP" altLang="en-US" sz="1200" dirty="0">
              <a:solidFill>
                <a:schemeClr val="tx1"/>
              </a:solidFill>
              <a:latin typeface="ＭＳ Ｐ明朝" panose="02020600040205080304" pitchFamily="18" charset="-128"/>
              <a:ea typeface="ＭＳ Ｐ明朝" panose="02020600040205080304" pitchFamily="18" charset="-128"/>
            </a:endParaRPr>
          </a:p>
        </p:txBody>
      </p:sp>
      <p:sp>
        <p:nvSpPr>
          <p:cNvPr id="10" name="テキスト ボックス 9"/>
          <p:cNvSpPr txBox="1"/>
          <p:nvPr/>
        </p:nvSpPr>
        <p:spPr>
          <a:xfrm>
            <a:off x="87217" y="402232"/>
            <a:ext cx="9615881" cy="338554"/>
          </a:xfrm>
          <a:prstGeom prst="rect">
            <a:avLst/>
          </a:prstGeom>
          <a:noFill/>
        </p:spPr>
        <p:txBody>
          <a:bodyPr wrap="square" rtlCol="0">
            <a:spAutoFit/>
          </a:bodyPr>
          <a:lstStyle/>
          <a:p>
            <a:r>
              <a:rPr kumimoji="1" lang="ja-JP" altLang="en-US" sz="1600" b="1" dirty="0" smtClean="0">
                <a:latin typeface="ＭＳ Ｐゴシック" panose="020B0600070205080204" pitchFamily="50" charset="-128"/>
                <a:ea typeface="ＭＳ Ｐゴシック" panose="020B0600070205080204" pitchFamily="50" charset="-128"/>
              </a:rPr>
              <a:t>（１）　万博記念公園周辺　</a:t>
            </a:r>
            <a:endParaRPr kumimoji="1" lang="ja-JP" altLang="en-US" sz="1600" b="1" dirty="0">
              <a:latin typeface="ＭＳ Ｐゴシック" panose="020B0600070205080204" pitchFamily="50" charset="-128"/>
              <a:ea typeface="ＭＳ Ｐゴシック" panose="020B0600070205080204" pitchFamily="50" charset="-128"/>
            </a:endParaRPr>
          </a:p>
        </p:txBody>
      </p:sp>
      <p:sp>
        <p:nvSpPr>
          <p:cNvPr id="11" name="正方形/長方形 10"/>
          <p:cNvSpPr/>
          <p:nvPr/>
        </p:nvSpPr>
        <p:spPr>
          <a:xfrm>
            <a:off x="68044" y="3284284"/>
            <a:ext cx="4394495" cy="648072"/>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r>
              <a:rPr kumimoji="1" lang="ja-JP" altLang="en-US" sz="1000" dirty="0" smtClean="0">
                <a:solidFill>
                  <a:schemeClr val="tx1"/>
                </a:solidFill>
                <a:latin typeface="ＭＳ Ｐゴシック" panose="020B0600070205080204" pitchFamily="50" charset="-128"/>
                <a:ea typeface="ＭＳ Ｐゴシック" panose="020B0600070205080204" pitchFamily="50" charset="-128"/>
              </a:rPr>
              <a:t>＜公園概要＞</a:t>
            </a:r>
            <a:endParaRPr kumimoji="1" lang="en-US" altLang="ja-JP" sz="10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000" dirty="0">
                <a:solidFill>
                  <a:schemeClr val="tx1"/>
                </a:solidFill>
                <a:latin typeface="ＭＳ Ｐゴシック" panose="020B0600070205080204" pitchFamily="50" charset="-128"/>
                <a:ea typeface="ＭＳ Ｐゴシック" panose="020B0600070205080204" pitchFamily="50" charset="-128"/>
              </a:rPr>
              <a:t>　</a:t>
            </a:r>
            <a:r>
              <a:rPr lang="ja-JP" altLang="en-US" sz="1000" dirty="0" smtClean="0">
                <a:solidFill>
                  <a:schemeClr val="tx1"/>
                </a:solidFill>
                <a:latin typeface="ＭＳ Ｐ明朝" panose="02020600040205080304" pitchFamily="18" charset="-128"/>
                <a:ea typeface="ＭＳ Ｐ明朝" panose="02020600040205080304" pitchFamily="18" charset="-128"/>
              </a:rPr>
              <a:t>面積：約</a:t>
            </a:r>
            <a:r>
              <a:rPr lang="en-US" altLang="ja-JP" sz="1000" dirty="0" smtClean="0">
                <a:solidFill>
                  <a:schemeClr val="tx1"/>
                </a:solidFill>
                <a:latin typeface="ＭＳ Ｐ明朝" panose="02020600040205080304" pitchFamily="18" charset="-128"/>
                <a:ea typeface="ＭＳ Ｐ明朝" panose="02020600040205080304" pitchFamily="18" charset="-128"/>
              </a:rPr>
              <a:t>258ha</a:t>
            </a:r>
          </a:p>
          <a:p>
            <a:r>
              <a:rPr kumimoji="1" lang="ja-JP" altLang="en-US" sz="1000" dirty="0">
                <a:solidFill>
                  <a:schemeClr val="tx1"/>
                </a:solidFill>
                <a:latin typeface="ＭＳ Ｐ明朝" panose="02020600040205080304" pitchFamily="18" charset="-128"/>
                <a:ea typeface="ＭＳ Ｐ明朝" panose="02020600040205080304" pitchFamily="18" charset="-128"/>
              </a:rPr>
              <a:t>　</a:t>
            </a:r>
            <a:r>
              <a:rPr kumimoji="1" lang="ja-JP" altLang="en-US" sz="1000" dirty="0" smtClean="0">
                <a:solidFill>
                  <a:schemeClr val="tx1"/>
                </a:solidFill>
                <a:latin typeface="ＭＳ Ｐ明朝" panose="02020600040205080304" pitchFamily="18" charset="-128"/>
                <a:ea typeface="ＭＳ Ｐ明朝" panose="02020600040205080304" pitchFamily="18" charset="-128"/>
              </a:rPr>
              <a:t>来園者数：</a:t>
            </a:r>
            <a:r>
              <a:rPr lang="en-US" altLang="ja-JP" sz="1000" dirty="0" smtClean="0">
                <a:solidFill>
                  <a:schemeClr val="tx1"/>
                </a:solidFill>
                <a:latin typeface="ＭＳ Ｐ明朝" panose="02020600040205080304" pitchFamily="18" charset="-128"/>
                <a:ea typeface="ＭＳ Ｐ明朝" panose="02020600040205080304" pitchFamily="18" charset="-128"/>
              </a:rPr>
              <a:t>2006</a:t>
            </a:r>
            <a:r>
              <a:rPr lang="ja-JP" altLang="en-US" sz="1000" dirty="0" smtClean="0">
                <a:solidFill>
                  <a:schemeClr val="tx1"/>
                </a:solidFill>
                <a:latin typeface="ＭＳ Ｐ明朝" panose="02020600040205080304" pitchFamily="18" charset="-128"/>
                <a:ea typeface="ＭＳ Ｐ明朝" panose="02020600040205080304" pitchFamily="18" charset="-128"/>
              </a:rPr>
              <a:t>年約</a:t>
            </a:r>
            <a:r>
              <a:rPr lang="en-US" altLang="ja-JP" sz="1000" dirty="0" smtClean="0">
                <a:solidFill>
                  <a:schemeClr val="tx1"/>
                </a:solidFill>
                <a:latin typeface="ＭＳ Ｐ明朝" panose="02020600040205080304" pitchFamily="18" charset="-128"/>
                <a:ea typeface="ＭＳ Ｐ明朝" panose="02020600040205080304" pitchFamily="18" charset="-128"/>
              </a:rPr>
              <a:t>256</a:t>
            </a:r>
            <a:r>
              <a:rPr lang="ja-JP" altLang="en-US" sz="1000" dirty="0" smtClean="0">
                <a:solidFill>
                  <a:schemeClr val="tx1"/>
                </a:solidFill>
                <a:latin typeface="ＭＳ Ｐ明朝" panose="02020600040205080304" pitchFamily="18" charset="-128"/>
                <a:ea typeface="ＭＳ Ｐ明朝" panose="02020600040205080304" pitchFamily="18" charset="-128"/>
              </a:rPr>
              <a:t>万人、</a:t>
            </a:r>
            <a:r>
              <a:rPr lang="en-US" altLang="ja-JP" sz="1000" dirty="0" smtClean="0">
                <a:solidFill>
                  <a:schemeClr val="tx1"/>
                </a:solidFill>
                <a:latin typeface="ＭＳ Ｐ明朝" panose="02020600040205080304" pitchFamily="18" charset="-128"/>
                <a:ea typeface="ＭＳ Ｐ明朝" panose="02020600040205080304" pitchFamily="18" charset="-128"/>
              </a:rPr>
              <a:t>2008</a:t>
            </a:r>
            <a:r>
              <a:rPr lang="ja-JP" altLang="en-US" sz="1000" dirty="0" smtClean="0">
                <a:solidFill>
                  <a:schemeClr val="tx1"/>
                </a:solidFill>
                <a:latin typeface="ＭＳ Ｐ明朝" panose="02020600040205080304" pitchFamily="18" charset="-128"/>
                <a:ea typeface="ＭＳ Ｐ明朝" panose="02020600040205080304" pitchFamily="18" charset="-128"/>
              </a:rPr>
              <a:t>年約</a:t>
            </a:r>
            <a:r>
              <a:rPr lang="en-US" altLang="ja-JP" sz="1000" dirty="0" smtClean="0">
                <a:solidFill>
                  <a:schemeClr val="tx1"/>
                </a:solidFill>
                <a:latin typeface="ＭＳ Ｐ明朝" panose="02020600040205080304" pitchFamily="18" charset="-128"/>
                <a:ea typeface="ＭＳ Ｐ明朝" panose="02020600040205080304" pitchFamily="18" charset="-128"/>
              </a:rPr>
              <a:t>164</a:t>
            </a:r>
            <a:r>
              <a:rPr lang="ja-JP" altLang="en-US" sz="1000" dirty="0" smtClean="0">
                <a:solidFill>
                  <a:schemeClr val="tx1"/>
                </a:solidFill>
                <a:latin typeface="ＭＳ Ｐ明朝" panose="02020600040205080304" pitchFamily="18" charset="-128"/>
                <a:ea typeface="ＭＳ Ｐ明朝" panose="02020600040205080304" pitchFamily="18" charset="-128"/>
              </a:rPr>
              <a:t>万人</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kumimoji="1" lang="ja-JP" altLang="en-US" sz="1000" dirty="0">
                <a:solidFill>
                  <a:schemeClr val="tx1"/>
                </a:solidFill>
                <a:latin typeface="ＭＳ Ｐ明朝" panose="02020600040205080304" pitchFamily="18" charset="-128"/>
                <a:ea typeface="ＭＳ Ｐ明朝" panose="02020600040205080304" pitchFamily="18" charset="-128"/>
              </a:rPr>
              <a:t>　</a:t>
            </a:r>
            <a:r>
              <a:rPr kumimoji="1" lang="ja-JP" altLang="en-US" sz="1000" dirty="0" smtClean="0">
                <a:solidFill>
                  <a:schemeClr val="tx1"/>
                </a:solidFill>
                <a:latin typeface="ＭＳ Ｐ明朝" panose="02020600040205080304" pitchFamily="18" charset="-128"/>
                <a:ea typeface="ＭＳ Ｐ明朝" panose="02020600040205080304" pitchFamily="18" charset="-128"/>
              </a:rPr>
              <a:t>管理主体：</a:t>
            </a:r>
            <a:r>
              <a:rPr lang="en-US" altLang="ja-JP" sz="1000" dirty="0">
                <a:solidFill>
                  <a:schemeClr val="tx1"/>
                </a:solidFill>
                <a:latin typeface="ＭＳ Ｐ明朝" panose="02020600040205080304" pitchFamily="18" charset="-128"/>
                <a:ea typeface="ＭＳ Ｐ明朝" panose="02020600040205080304" pitchFamily="18" charset="-128"/>
              </a:rPr>
              <a:t>(</a:t>
            </a:r>
            <a:r>
              <a:rPr lang="ja-JP" altLang="en-US" sz="1000" dirty="0" smtClean="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独</a:t>
            </a:r>
            <a:r>
              <a:rPr lang="en-US" altLang="ja-JP" sz="1000" dirty="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a:t>
            </a:r>
            <a:r>
              <a:rPr lang="ja-JP" altLang="en-US" sz="1000" dirty="0" smtClean="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日本万国博覧会記念機構</a:t>
            </a:r>
            <a:r>
              <a:rPr lang="en-US" altLang="ja-JP" sz="1000" dirty="0" smtClean="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a:t>
            </a:r>
            <a:r>
              <a:rPr lang="ja-JP" altLang="en-US" sz="1000" dirty="0" smtClean="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出資割合 国</a:t>
            </a:r>
            <a:r>
              <a:rPr lang="en-US" altLang="ja-JP" sz="1000" dirty="0" smtClean="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53</a:t>
            </a:r>
            <a:r>
              <a:rPr lang="ja-JP" altLang="en-US" sz="1000" dirty="0" smtClean="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府</a:t>
            </a:r>
            <a:r>
              <a:rPr lang="en-US" altLang="ja-JP" sz="1000" dirty="0" smtClean="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47</a:t>
            </a:r>
            <a:r>
              <a:rPr lang="ja-JP" altLang="en-US" sz="1000" dirty="0" smtClean="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a:t>
            </a:r>
            <a:r>
              <a:rPr kumimoji="1" lang="ja-JP" altLang="en-US" sz="1000" dirty="0">
                <a:solidFill>
                  <a:schemeClr val="tx1"/>
                </a:solidFill>
                <a:latin typeface="ＭＳ Ｐ明朝" panose="02020600040205080304" pitchFamily="18" charset="-128"/>
                <a:ea typeface="ＭＳ Ｐ明朝" panose="02020600040205080304" pitchFamily="18" charset="-128"/>
                <a:sym typeface="Wingdings" panose="05000000000000000000" pitchFamily="2" charset="2"/>
              </a:rPr>
              <a:t>　</a:t>
            </a:r>
            <a:endParaRPr kumimoji="1" lang="ja-JP" altLang="en-US" sz="1000" dirty="0">
              <a:solidFill>
                <a:schemeClr val="tx1"/>
              </a:solidFill>
              <a:latin typeface="ＭＳ Ｐ明朝" panose="02020600040205080304" pitchFamily="18" charset="-128"/>
              <a:ea typeface="ＭＳ Ｐ明朝" panose="02020600040205080304" pitchFamily="18" charset="-128"/>
            </a:endParaRPr>
          </a:p>
        </p:txBody>
      </p:sp>
      <p:sp>
        <p:nvSpPr>
          <p:cNvPr id="12" name="正方形/長方形 11"/>
          <p:cNvSpPr/>
          <p:nvPr/>
        </p:nvSpPr>
        <p:spPr>
          <a:xfrm>
            <a:off x="4472369" y="3975102"/>
            <a:ext cx="5325941" cy="2235199"/>
          </a:xfrm>
          <a:prstGeom prst="rect">
            <a:avLst/>
          </a:prstGeom>
          <a:noFill/>
          <a:ln w="158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r>
              <a:rPr lang="ja-JP" altLang="en-US" sz="1100" dirty="0" smtClean="0">
                <a:solidFill>
                  <a:schemeClr val="tx1"/>
                </a:solidFill>
                <a:latin typeface="ＭＳ Ｐ明朝" panose="02020600040205080304" pitchFamily="18" charset="-128"/>
                <a:ea typeface="ＭＳ Ｐ明朝" panose="02020600040205080304" pitchFamily="18" charset="-128"/>
              </a:rPr>
              <a:t>・吹田市と摂津市の２市に跨る</a:t>
            </a:r>
            <a:r>
              <a:rPr lang="en-US" altLang="ja-JP" sz="1100" dirty="0" smtClean="0">
                <a:solidFill>
                  <a:schemeClr val="tx1"/>
                </a:solidFill>
                <a:latin typeface="ＭＳ Ｐ明朝" panose="02020600040205080304" pitchFamily="18" charset="-128"/>
                <a:ea typeface="ＭＳ Ｐ明朝" panose="02020600040205080304" pitchFamily="18" charset="-128"/>
              </a:rPr>
              <a:t>49.6ha</a:t>
            </a:r>
            <a:r>
              <a:rPr lang="ja-JP" altLang="en-US" sz="1100" dirty="0" smtClean="0">
                <a:solidFill>
                  <a:schemeClr val="tx1"/>
                </a:solidFill>
                <a:latin typeface="ＭＳ Ｐ明朝" panose="02020600040205080304" pitchFamily="18" charset="-128"/>
                <a:ea typeface="ＭＳ Ｐ明朝" panose="02020600040205080304" pitchFamily="18" charset="-128"/>
              </a:rPr>
              <a:t>の土地</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a:t>
            </a:r>
            <a:r>
              <a:rPr lang="en-US" altLang="ja-JP" sz="1100" dirty="0" smtClean="0">
                <a:solidFill>
                  <a:schemeClr val="tx1"/>
                </a:solidFill>
                <a:latin typeface="ＭＳ Ｐ明朝" panose="02020600040205080304" pitchFamily="18" charset="-128"/>
                <a:ea typeface="ＭＳ Ｐ明朝" panose="02020600040205080304" pitchFamily="18" charset="-128"/>
              </a:rPr>
              <a:t>1923</a:t>
            </a:r>
            <a:r>
              <a:rPr lang="ja-JP" altLang="en-US" sz="1100" dirty="0" smtClean="0">
                <a:solidFill>
                  <a:schemeClr val="tx1"/>
                </a:solidFill>
                <a:latin typeface="ＭＳ Ｐ明朝" panose="02020600040205080304" pitchFamily="18" charset="-128"/>
                <a:ea typeface="ＭＳ Ｐ明朝" panose="02020600040205080304" pitchFamily="18" charset="-128"/>
              </a:rPr>
              <a:t>年に操業開始。国内最大規模の物流拠点として重要な役割</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r>
              <a:rPr kumimoji="1" lang="ja-JP" altLang="en-US" sz="1100" dirty="0" smtClean="0">
                <a:solidFill>
                  <a:schemeClr val="tx1"/>
                </a:solidFill>
                <a:latin typeface="ＭＳ Ｐ明朝" panose="02020600040205080304" pitchFamily="18" charset="-128"/>
                <a:ea typeface="ＭＳ Ｐ明朝" panose="02020600040205080304" pitchFamily="18" charset="-128"/>
              </a:rPr>
              <a:t>・鉄道貨物の方式転換により、</a:t>
            </a:r>
            <a:r>
              <a:rPr kumimoji="1" lang="en-US" altLang="ja-JP" sz="1100" dirty="0" smtClean="0">
                <a:solidFill>
                  <a:schemeClr val="tx1"/>
                </a:solidFill>
                <a:latin typeface="ＭＳ Ｐ明朝" panose="02020600040205080304" pitchFamily="18" charset="-128"/>
                <a:ea typeface="ＭＳ Ｐ明朝" panose="02020600040205080304" pitchFamily="18" charset="-128"/>
              </a:rPr>
              <a:t>1984</a:t>
            </a:r>
            <a:r>
              <a:rPr kumimoji="1" lang="ja-JP" altLang="en-US" sz="1100" dirty="0" smtClean="0">
                <a:solidFill>
                  <a:schemeClr val="tx1"/>
                </a:solidFill>
                <a:latin typeface="ＭＳ Ｐ明朝" panose="02020600040205080304" pitchFamily="18" charset="-128"/>
                <a:ea typeface="ＭＳ Ｐ明朝" panose="02020600040205080304" pitchFamily="18" charset="-128"/>
              </a:rPr>
              <a:t>年廃止</a:t>
            </a:r>
            <a:endParaRPr kumimoji="1" lang="en-US" altLang="ja-JP" sz="1100" dirty="0" smtClean="0">
              <a:solidFill>
                <a:schemeClr val="tx1"/>
              </a:solidFill>
              <a:latin typeface="ＭＳ Ｐ明朝" panose="02020600040205080304" pitchFamily="18" charset="-128"/>
              <a:ea typeface="ＭＳ Ｐ明朝" panose="02020600040205080304" pitchFamily="18" charset="-128"/>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都心から</a:t>
            </a:r>
            <a:r>
              <a:rPr lang="en-US" altLang="ja-JP" sz="1100" dirty="0" smtClean="0">
                <a:solidFill>
                  <a:schemeClr val="tx1"/>
                </a:solidFill>
                <a:latin typeface="ＭＳ Ｐ明朝" panose="02020600040205080304" pitchFamily="18" charset="-128"/>
                <a:ea typeface="ＭＳ Ｐ明朝" panose="02020600040205080304" pitchFamily="18" charset="-128"/>
              </a:rPr>
              <a:t>10km</a:t>
            </a:r>
            <a:r>
              <a:rPr lang="ja-JP" altLang="en-US" sz="1100" dirty="0" smtClean="0">
                <a:solidFill>
                  <a:schemeClr val="tx1"/>
                </a:solidFill>
                <a:latin typeface="ＭＳ Ｐ明朝" panose="02020600040205080304" pitchFamily="18" charset="-128"/>
                <a:ea typeface="ＭＳ Ｐ明朝" panose="02020600040205080304" pitchFamily="18" charset="-128"/>
              </a:rPr>
              <a:t>圏内の利便性の高い土地として活用を検討</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marL="238125" indent="-238125"/>
            <a:r>
              <a:rPr lang="ja-JP" altLang="en-US" sz="1100" dirty="0" smtClean="0">
                <a:solidFill>
                  <a:schemeClr val="tx1"/>
                </a:solidFill>
                <a:latin typeface="ＭＳ Ｐ明朝" panose="02020600040205080304" pitchFamily="18" charset="-128"/>
                <a:ea typeface="ＭＳ Ｐ明朝" panose="02020600040205080304" pitchFamily="18" charset="-128"/>
              </a:rPr>
              <a:t>➡　まちづくりとして活用可能な</a:t>
            </a:r>
            <a:r>
              <a:rPr lang="en-US" altLang="ja-JP" sz="1100" dirty="0" smtClean="0">
                <a:solidFill>
                  <a:schemeClr val="tx1"/>
                </a:solidFill>
                <a:latin typeface="ＭＳ Ｐ明朝" panose="02020600040205080304" pitchFamily="18" charset="-128"/>
                <a:ea typeface="ＭＳ Ｐ明朝" panose="02020600040205080304" pitchFamily="18" charset="-128"/>
              </a:rPr>
              <a:t>22ha</a:t>
            </a:r>
            <a:r>
              <a:rPr lang="ja-JP" altLang="en-US" sz="1100" dirty="0" smtClean="0">
                <a:solidFill>
                  <a:schemeClr val="tx1"/>
                </a:solidFill>
                <a:latin typeface="ＭＳ Ｐ明朝" panose="02020600040205080304" pitchFamily="18" charset="-128"/>
                <a:ea typeface="ＭＳ Ｐ明朝" panose="02020600040205080304" pitchFamily="18" charset="-128"/>
              </a:rPr>
              <a:t>（吹田市</a:t>
            </a:r>
            <a:r>
              <a:rPr lang="en-US" altLang="ja-JP" sz="1100" dirty="0" smtClean="0">
                <a:solidFill>
                  <a:schemeClr val="tx1"/>
                </a:solidFill>
                <a:latin typeface="ＭＳ Ｐ明朝" panose="02020600040205080304" pitchFamily="18" charset="-128"/>
                <a:ea typeface="ＭＳ Ｐ明朝" panose="02020600040205080304" pitchFamily="18" charset="-128"/>
              </a:rPr>
              <a:t>15ha</a:t>
            </a:r>
            <a:r>
              <a:rPr lang="ja-JP" altLang="en-US" sz="1100" dirty="0" err="1" smtClean="0">
                <a:solidFill>
                  <a:schemeClr val="tx1"/>
                </a:solidFill>
                <a:latin typeface="ＭＳ Ｐ明朝" panose="02020600040205080304" pitchFamily="18" charset="-128"/>
                <a:ea typeface="ＭＳ Ｐ明朝" panose="02020600040205080304" pitchFamily="18" charset="-128"/>
              </a:rPr>
              <a:t>、</a:t>
            </a:r>
            <a:r>
              <a:rPr lang="ja-JP" altLang="en-US" sz="1100" dirty="0" smtClean="0">
                <a:solidFill>
                  <a:schemeClr val="tx1"/>
                </a:solidFill>
                <a:latin typeface="ＭＳ Ｐ明朝" panose="02020600040205080304" pitchFamily="18" charset="-128"/>
                <a:ea typeface="ＭＳ Ｐ明朝" panose="02020600040205080304" pitchFamily="18" charset="-128"/>
              </a:rPr>
              <a:t>摂津市</a:t>
            </a:r>
            <a:r>
              <a:rPr lang="en-US" altLang="ja-JP" sz="1100" dirty="0" smtClean="0">
                <a:solidFill>
                  <a:schemeClr val="tx1"/>
                </a:solidFill>
                <a:latin typeface="ＭＳ Ｐ明朝" panose="02020600040205080304" pitchFamily="18" charset="-128"/>
                <a:ea typeface="ＭＳ Ｐ明朝" panose="02020600040205080304" pitchFamily="18" charset="-128"/>
              </a:rPr>
              <a:t>7.1ha</a:t>
            </a:r>
            <a:r>
              <a:rPr lang="ja-JP" altLang="en-US" sz="1100" dirty="0" smtClean="0">
                <a:solidFill>
                  <a:schemeClr val="tx1"/>
                </a:solidFill>
                <a:latin typeface="ＭＳ Ｐ明朝" panose="02020600040205080304" pitchFamily="18" charset="-128"/>
                <a:ea typeface="ＭＳ Ｐ明朝" panose="02020600040205080304" pitchFamily="18" charset="-128"/>
              </a:rPr>
              <a:t>）の整備を開始（事業主体：都市再生機構（ＵＲ））</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rPr>
              <a:t>＜最近の動き＞</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endParaRPr>
          </a:p>
          <a:p>
            <a:pPr marL="88900" indent="-88900"/>
            <a:r>
              <a:rPr lang="ja-JP" altLang="en-US" sz="1100" dirty="0" smtClean="0">
                <a:solidFill>
                  <a:schemeClr val="tx1"/>
                </a:solidFill>
                <a:latin typeface="ＭＳ Ｐ明朝" panose="02020600040205080304" pitchFamily="18" charset="-128"/>
                <a:ea typeface="ＭＳ Ｐ明朝" panose="02020600040205080304" pitchFamily="18" charset="-128"/>
              </a:rPr>
              <a:t>・</a:t>
            </a:r>
            <a:r>
              <a:rPr lang="en-US" altLang="ja-JP" sz="1100" dirty="0" smtClean="0">
                <a:solidFill>
                  <a:schemeClr val="tx1"/>
                </a:solidFill>
                <a:latin typeface="ＭＳ Ｐ明朝" panose="02020600040205080304" pitchFamily="18" charset="-128"/>
                <a:ea typeface="ＭＳ Ｐ明朝" panose="02020600040205080304" pitchFamily="18" charset="-128"/>
              </a:rPr>
              <a:t>2013</a:t>
            </a:r>
            <a:r>
              <a:rPr lang="ja-JP" altLang="en-US" sz="1100" dirty="0" smtClean="0">
                <a:solidFill>
                  <a:schemeClr val="tx1"/>
                </a:solidFill>
                <a:latin typeface="ＭＳ Ｐ明朝" panose="02020600040205080304" pitchFamily="18" charset="-128"/>
                <a:ea typeface="ＭＳ Ｐ明朝" panose="02020600040205080304" pitchFamily="18" charset="-128"/>
              </a:rPr>
              <a:t>年</a:t>
            </a:r>
            <a:r>
              <a:rPr lang="en-US" altLang="ja-JP" sz="1100" dirty="0">
                <a:solidFill>
                  <a:schemeClr val="tx1"/>
                </a:solidFill>
                <a:latin typeface="ＭＳ Ｐ明朝" panose="02020600040205080304" pitchFamily="18" charset="-128"/>
                <a:ea typeface="ＭＳ Ｐ明朝" panose="02020600040205080304" pitchFamily="18" charset="-128"/>
              </a:rPr>
              <a:t>6</a:t>
            </a:r>
            <a:r>
              <a:rPr lang="ja-JP" altLang="en-US" sz="1100" dirty="0" smtClean="0">
                <a:solidFill>
                  <a:schemeClr val="tx1"/>
                </a:solidFill>
                <a:latin typeface="ＭＳ Ｐ明朝" panose="02020600040205080304" pitchFamily="18" charset="-128"/>
                <a:ea typeface="ＭＳ Ｐ明朝" panose="02020600040205080304" pitchFamily="18" charset="-128"/>
              </a:rPr>
              <a:t>月　国立</a:t>
            </a:r>
            <a:r>
              <a:rPr lang="ja-JP" altLang="en-US" sz="1100" dirty="0">
                <a:solidFill>
                  <a:schemeClr val="tx1"/>
                </a:solidFill>
                <a:latin typeface="ＭＳ Ｐ明朝" panose="02020600040205080304" pitchFamily="18" charset="-128"/>
                <a:ea typeface="ＭＳ Ｐ明朝" panose="02020600040205080304" pitchFamily="18" charset="-128"/>
              </a:rPr>
              <a:t>循環器病研究センター（国循）の吹田操車場</a:t>
            </a:r>
            <a:r>
              <a:rPr lang="ja-JP" altLang="en-US" sz="1100" dirty="0" smtClean="0">
                <a:solidFill>
                  <a:schemeClr val="tx1"/>
                </a:solidFill>
                <a:latin typeface="ＭＳ Ｐ明朝" panose="02020600040205080304" pitchFamily="18" charset="-128"/>
                <a:ea typeface="ＭＳ Ｐ明朝" panose="02020600040205080304" pitchFamily="18" charset="-128"/>
              </a:rPr>
              <a:t>跡地へ</a:t>
            </a:r>
            <a:r>
              <a:rPr lang="ja-JP" altLang="en-US" sz="1100" dirty="0">
                <a:solidFill>
                  <a:schemeClr val="tx1"/>
                </a:solidFill>
                <a:latin typeface="ＭＳ Ｐ明朝" panose="02020600040205080304" pitchFamily="18" charset="-128"/>
                <a:ea typeface="ＭＳ Ｐ明朝" panose="02020600040205080304" pitchFamily="18" charset="-128"/>
              </a:rPr>
              <a:t>の移転建替え</a:t>
            </a:r>
            <a:r>
              <a:rPr lang="ja-JP" altLang="en-US" sz="1100" dirty="0" smtClean="0">
                <a:solidFill>
                  <a:schemeClr val="tx1"/>
                </a:solidFill>
                <a:latin typeface="ＭＳ Ｐ明朝" panose="02020600040205080304" pitchFamily="18" charset="-128"/>
                <a:ea typeface="ＭＳ Ｐ明朝" panose="02020600040205080304" pitchFamily="18" charset="-128"/>
              </a:rPr>
              <a:t>方針決定</a:t>
            </a:r>
            <a:endParaRPr lang="en-US" altLang="ja-JP" sz="1100" dirty="0">
              <a:solidFill>
                <a:schemeClr val="tx1"/>
              </a:solidFill>
              <a:latin typeface="ＭＳ Ｐ明朝" panose="02020600040205080304" pitchFamily="18" charset="-128"/>
              <a:ea typeface="ＭＳ Ｐ明朝" panose="02020600040205080304" pitchFamily="18" charset="-128"/>
            </a:endParaRPr>
          </a:p>
          <a:p>
            <a:pPr marL="88900" indent="-88900"/>
            <a:r>
              <a:rPr lang="ja-JP" altLang="en-US" sz="1100" dirty="0" smtClean="0">
                <a:solidFill>
                  <a:schemeClr val="tx1"/>
                </a:solidFill>
                <a:latin typeface="ＭＳ Ｐ明朝" panose="02020600040205080304" pitchFamily="18" charset="-128"/>
                <a:ea typeface="ＭＳ Ｐ明朝" panose="02020600040205080304" pitchFamily="18" charset="-128"/>
              </a:rPr>
              <a:t>・</a:t>
            </a:r>
            <a:r>
              <a:rPr lang="en-US" altLang="ja-JP" sz="1100" dirty="0" smtClean="0">
                <a:solidFill>
                  <a:schemeClr val="tx1"/>
                </a:solidFill>
                <a:latin typeface="ＭＳ Ｐ明朝" panose="02020600040205080304" pitchFamily="18" charset="-128"/>
                <a:ea typeface="ＭＳ Ｐ明朝" panose="02020600040205080304" pitchFamily="18" charset="-128"/>
              </a:rPr>
              <a:t>2014</a:t>
            </a:r>
            <a:r>
              <a:rPr lang="ja-JP" altLang="en-US" sz="1100" dirty="0" smtClean="0">
                <a:solidFill>
                  <a:schemeClr val="tx1"/>
                </a:solidFill>
                <a:latin typeface="ＭＳ Ｐ明朝" panose="02020600040205080304" pitchFamily="18" charset="-128"/>
                <a:ea typeface="ＭＳ Ｐ明朝" panose="02020600040205080304" pitchFamily="18" charset="-128"/>
              </a:rPr>
              <a:t>年</a:t>
            </a:r>
            <a:r>
              <a:rPr lang="en-US" altLang="ja-JP" sz="1100" dirty="0">
                <a:solidFill>
                  <a:schemeClr val="tx1"/>
                </a:solidFill>
                <a:latin typeface="ＭＳ Ｐ明朝" panose="02020600040205080304" pitchFamily="18" charset="-128"/>
                <a:ea typeface="ＭＳ Ｐ明朝" panose="02020600040205080304" pitchFamily="18" charset="-128"/>
              </a:rPr>
              <a:t>5</a:t>
            </a:r>
            <a:r>
              <a:rPr lang="ja-JP" altLang="en-US" sz="1100" dirty="0">
                <a:solidFill>
                  <a:schemeClr val="tx1"/>
                </a:solidFill>
                <a:latin typeface="ＭＳ Ｐ明朝" panose="02020600040205080304" pitchFamily="18" charset="-128"/>
                <a:ea typeface="ＭＳ Ｐ明朝" panose="02020600040205080304" pitchFamily="18" charset="-128"/>
              </a:rPr>
              <a:t>月、医療クラスター形成会議（</a:t>
            </a:r>
            <a:r>
              <a:rPr lang="en-US" altLang="ja-JP" sz="1100" dirty="0">
                <a:solidFill>
                  <a:schemeClr val="tx1"/>
                </a:solidFill>
                <a:latin typeface="ＭＳ Ｐ明朝" panose="02020600040205080304" pitchFamily="18" charset="-128"/>
                <a:ea typeface="ＭＳ Ｐ明朝" panose="02020600040205080304" pitchFamily="18" charset="-128"/>
              </a:rPr>
              <a:t>※</a:t>
            </a:r>
            <a:r>
              <a:rPr lang="ja-JP" altLang="en-US" sz="1100" dirty="0">
                <a:solidFill>
                  <a:schemeClr val="tx1"/>
                </a:solidFill>
                <a:latin typeface="ＭＳ Ｐ明朝" panose="02020600040205080304" pitchFamily="18" charset="-128"/>
                <a:ea typeface="ＭＳ Ｐ明朝" panose="02020600040205080304" pitchFamily="18" charset="-128"/>
              </a:rPr>
              <a:t>）において</a:t>
            </a:r>
            <a:r>
              <a:rPr lang="ja-JP" altLang="en-US" sz="1100" dirty="0" smtClean="0">
                <a:solidFill>
                  <a:schemeClr val="tx1"/>
                </a:solidFill>
                <a:latin typeface="ＭＳ Ｐ明朝" panose="02020600040205080304" pitchFamily="18" charset="-128"/>
                <a:ea typeface="ＭＳ Ｐ明朝" panose="02020600040205080304" pitchFamily="18" charset="-128"/>
              </a:rPr>
              <a:t>、関係者で吹田</a:t>
            </a:r>
            <a:r>
              <a:rPr lang="ja-JP" altLang="en-US" sz="1100" dirty="0">
                <a:solidFill>
                  <a:schemeClr val="tx1"/>
                </a:solidFill>
                <a:latin typeface="ＭＳ Ｐ明朝" panose="02020600040205080304" pitchFamily="18" charset="-128"/>
                <a:ea typeface="ＭＳ Ｐ明朝" panose="02020600040205080304" pitchFamily="18" charset="-128"/>
              </a:rPr>
              <a:t>操車場</a:t>
            </a:r>
            <a:r>
              <a:rPr lang="ja-JP" altLang="en-US" sz="1100" dirty="0" smtClean="0">
                <a:solidFill>
                  <a:schemeClr val="tx1"/>
                </a:solidFill>
                <a:latin typeface="ＭＳ Ｐ明朝" panose="02020600040205080304" pitchFamily="18" charset="-128"/>
                <a:ea typeface="ＭＳ Ｐ明朝" panose="02020600040205080304" pitchFamily="18" charset="-128"/>
              </a:rPr>
              <a:t>跡地に「</a:t>
            </a:r>
            <a:r>
              <a:rPr lang="ja-JP" altLang="en-US" sz="1100" dirty="0">
                <a:solidFill>
                  <a:schemeClr val="tx1"/>
                </a:solidFill>
                <a:latin typeface="ＭＳ Ｐ明朝" panose="02020600040205080304" pitchFamily="18" charset="-128"/>
                <a:ea typeface="ＭＳ Ｐ明朝" panose="02020600040205080304" pitchFamily="18" charset="-128"/>
              </a:rPr>
              <a:t>国際級の</a:t>
            </a:r>
            <a:r>
              <a:rPr lang="ja-JP" altLang="en-US" sz="1100" dirty="0" smtClean="0">
                <a:solidFill>
                  <a:schemeClr val="tx1"/>
                </a:solidFill>
                <a:latin typeface="ＭＳ Ｐ明朝" panose="02020600040205080304" pitchFamily="18" charset="-128"/>
                <a:ea typeface="ＭＳ Ｐ明朝" panose="02020600040205080304" pitchFamily="18" charset="-128"/>
              </a:rPr>
              <a:t>複合医療産業拠点」</a:t>
            </a:r>
            <a:r>
              <a:rPr lang="ja-JP" altLang="en-US" sz="1100" dirty="0">
                <a:solidFill>
                  <a:schemeClr val="tx1"/>
                </a:solidFill>
                <a:latin typeface="ＭＳ Ｐ明朝" panose="02020600040205080304" pitchFamily="18" charset="-128"/>
                <a:ea typeface="ＭＳ Ｐ明朝" panose="02020600040205080304" pitchFamily="18" charset="-128"/>
              </a:rPr>
              <a:t>を形成する方向性</a:t>
            </a:r>
            <a:r>
              <a:rPr lang="ja-JP" altLang="en-US" sz="1100" dirty="0" smtClean="0">
                <a:solidFill>
                  <a:schemeClr val="tx1"/>
                </a:solidFill>
                <a:latin typeface="ＭＳ Ｐ明朝" panose="02020600040205080304" pitchFamily="18" charset="-128"/>
                <a:ea typeface="ＭＳ Ｐ明朝" panose="02020600040205080304" pitchFamily="18" charset="-128"/>
              </a:rPr>
              <a:t>を合意</a:t>
            </a:r>
            <a:endParaRPr lang="en-US" altLang="ja-JP" sz="1100" dirty="0">
              <a:solidFill>
                <a:schemeClr val="tx1"/>
              </a:solidFill>
              <a:latin typeface="ＭＳ Ｐ明朝" panose="02020600040205080304" pitchFamily="18" charset="-128"/>
              <a:ea typeface="ＭＳ Ｐ明朝" panose="02020600040205080304" pitchFamily="18" charset="-128"/>
            </a:endParaRPr>
          </a:p>
          <a:p>
            <a:pPr marL="266700" indent="-266700"/>
            <a:r>
              <a:rPr lang="ja-JP" altLang="en-US" sz="1100" dirty="0">
                <a:solidFill>
                  <a:schemeClr val="tx1"/>
                </a:solidFill>
                <a:latin typeface="ＭＳ Ｐ明朝" panose="02020600040205080304" pitchFamily="18" charset="-128"/>
                <a:ea typeface="ＭＳ Ｐ明朝" panose="02020600040205080304" pitchFamily="18" charset="-128"/>
              </a:rPr>
              <a:t>　  </a:t>
            </a:r>
            <a:r>
              <a:rPr lang="en-US" altLang="ja-JP" sz="1100" dirty="0">
                <a:solidFill>
                  <a:schemeClr val="tx1"/>
                </a:solidFill>
                <a:latin typeface="ＭＳ Ｐ明朝" panose="02020600040205080304" pitchFamily="18" charset="-128"/>
                <a:ea typeface="ＭＳ Ｐ明朝" panose="02020600040205080304" pitchFamily="18" charset="-128"/>
              </a:rPr>
              <a:t>※</a:t>
            </a:r>
            <a:r>
              <a:rPr lang="ja-JP" altLang="en-US" sz="1100" dirty="0" smtClean="0">
                <a:solidFill>
                  <a:schemeClr val="tx1"/>
                </a:solidFill>
                <a:latin typeface="ＭＳ Ｐ明朝" panose="02020600040205080304" pitchFamily="18" charset="-128"/>
                <a:ea typeface="ＭＳ Ｐ明朝" panose="02020600040205080304" pitchFamily="18" charset="-128"/>
              </a:rPr>
              <a:t>国循主催。構成：国</a:t>
            </a:r>
            <a:r>
              <a:rPr lang="ja-JP" altLang="en-US" sz="1100" dirty="0">
                <a:solidFill>
                  <a:schemeClr val="tx1"/>
                </a:solidFill>
                <a:latin typeface="ＭＳ Ｐ明朝" panose="02020600040205080304" pitchFamily="18" charset="-128"/>
                <a:ea typeface="ＭＳ Ｐ明朝" panose="02020600040205080304" pitchFamily="18" charset="-128"/>
              </a:rPr>
              <a:t>、</a:t>
            </a:r>
            <a:r>
              <a:rPr lang="ja-JP" altLang="en-US" sz="1100" dirty="0" smtClean="0">
                <a:solidFill>
                  <a:schemeClr val="tx1"/>
                </a:solidFill>
                <a:latin typeface="ＭＳ Ｐ明朝" panose="02020600040205080304" pitchFamily="18" charset="-128"/>
                <a:ea typeface="ＭＳ Ｐ明朝" panose="02020600040205080304" pitchFamily="18" charset="-128"/>
              </a:rPr>
              <a:t>府（知事）、</a:t>
            </a:r>
            <a:r>
              <a:rPr lang="ja-JP" altLang="en-US" sz="1100" dirty="0">
                <a:solidFill>
                  <a:schemeClr val="tx1"/>
                </a:solidFill>
                <a:latin typeface="ＭＳ Ｐ明朝" panose="02020600040205080304" pitchFamily="18" charset="-128"/>
                <a:ea typeface="ＭＳ Ｐ明朝" panose="02020600040205080304" pitchFamily="18" charset="-128"/>
              </a:rPr>
              <a:t>地元市、経済界</a:t>
            </a:r>
            <a:r>
              <a:rPr lang="ja-JP" altLang="en-US" sz="1100" dirty="0" smtClean="0">
                <a:solidFill>
                  <a:schemeClr val="tx1"/>
                </a:solidFill>
                <a:latin typeface="ＭＳ Ｐ明朝" panose="02020600040205080304" pitchFamily="18" charset="-128"/>
                <a:ea typeface="ＭＳ Ｐ明朝" panose="02020600040205080304" pitchFamily="18" charset="-128"/>
              </a:rPr>
              <a:t>、大学</a:t>
            </a:r>
            <a:r>
              <a:rPr lang="ja-JP" altLang="en-US" sz="1100" dirty="0">
                <a:solidFill>
                  <a:schemeClr val="tx1"/>
                </a:solidFill>
                <a:latin typeface="ＭＳ Ｐ明朝" panose="02020600040205080304" pitchFamily="18" charset="-128"/>
                <a:ea typeface="ＭＳ Ｐ明朝" panose="02020600040205080304" pitchFamily="18" charset="-128"/>
              </a:rPr>
              <a:t>・研究機関等の</a:t>
            </a:r>
            <a:r>
              <a:rPr lang="ja-JP" altLang="en-US" sz="1100" dirty="0" smtClean="0">
                <a:solidFill>
                  <a:schemeClr val="tx1"/>
                </a:solidFill>
                <a:latin typeface="ＭＳ Ｐ明朝" panose="02020600040205080304" pitchFamily="18" charset="-128"/>
                <a:ea typeface="ＭＳ Ｐ明朝" panose="02020600040205080304" pitchFamily="18" charset="-128"/>
              </a:rPr>
              <a:t>トップ</a:t>
            </a:r>
            <a:endParaRPr lang="en-US" altLang="ja-JP" sz="1100" dirty="0">
              <a:solidFill>
                <a:schemeClr val="tx1"/>
              </a:solidFill>
              <a:latin typeface="ＭＳ Ｐ明朝" panose="02020600040205080304" pitchFamily="18" charset="-128"/>
              <a:ea typeface="ＭＳ Ｐ明朝" panose="02020600040205080304" pitchFamily="18" charset="-128"/>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　「</a:t>
            </a:r>
            <a:r>
              <a:rPr lang="ja-JP" altLang="en-US" sz="1100" dirty="0">
                <a:solidFill>
                  <a:schemeClr val="tx1"/>
                </a:solidFill>
                <a:latin typeface="ＭＳ Ｐ明朝" panose="02020600040205080304" pitchFamily="18" charset="-128"/>
                <a:ea typeface="ＭＳ Ｐ明朝" panose="02020600040205080304" pitchFamily="18" charset="-128"/>
              </a:rPr>
              <a:t>ポスト彩都」と</a:t>
            </a:r>
            <a:r>
              <a:rPr lang="ja-JP" altLang="en-US" sz="1100" dirty="0" smtClean="0">
                <a:solidFill>
                  <a:schemeClr val="tx1"/>
                </a:solidFill>
                <a:latin typeface="ＭＳ Ｐ明朝" panose="02020600040205080304" pitchFamily="18" charset="-128"/>
                <a:ea typeface="ＭＳ Ｐ明朝" panose="02020600040205080304" pitchFamily="18" charset="-128"/>
              </a:rPr>
              <a:t>位置づけ、府</a:t>
            </a:r>
            <a:r>
              <a:rPr lang="ja-JP" altLang="en-US" sz="1100" dirty="0">
                <a:solidFill>
                  <a:schemeClr val="tx1"/>
                </a:solidFill>
                <a:latin typeface="ＭＳ Ｐ明朝" panose="02020600040205080304" pitchFamily="18" charset="-128"/>
                <a:ea typeface="ＭＳ Ｐ明朝" panose="02020600040205080304" pitchFamily="18" charset="-128"/>
              </a:rPr>
              <a:t>が前面に</a:t>
            </a:r>
            <a:r>
              <a:rPr lang="ja-JP" altLang="en-US" sz="1100" dirty="0" smtClean="0">
                <a:solidFill>
                  <a:schemeClr val="tx1"/>
                </a:solidFill>
                <a:latin typeface="ＭＳ Ｐ明朝" panose="02020600040205080304" pitchFamily="18" charset="-128"/>
                <a:ea typeface="ＭＳ Ｐ明朝" panose="02020600040205080304" pitchFamily="18" charset="-128"/>
              </a:rPr>
              <a:t>立ち、医療産業集積拠点実現へ　　　　　　　　</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endParaRPr kumimoji="1" lang="en-US" altLang="ja-JP" sz="1100" dirty="0">
              <a:solidFill>
                <a:schemeClr val="tx1"/>
              </a:solidFill>
              <a:latin typeface="ＭＳ Ｐゴシック" panose="020B0600070205080204" pitchFamily="50" charset="-128"/>
              <a:ea typeface="ＭＳ Ｐゴシック" panose="020B0600070205080204" pitchFamily="50" charset="-128"/>
            </a:endParaRPr>
          </a:p>
          <a:p>
            <a:r>
              <a:rPr lang="ja-JP" altLang="en-US" sz="1100" dirty="0" smtClean="0">
                <a:solidFill>
                  <a:schemeClr val="tx1"/>
                </a:solidFill>
                <a:latin typeface="ＭＳ Ｐゴシック" panose="020B0600070205080204" pitchFamily="50" charset="-128"/>
                <a:ea typeface="ＭＳ Ｐゴシック" panose="020B0600070205080204" pitchFamily="50" charset="-128"/>
              </a:rPr>
              <a:t>　　</a:t>
            </a:r>
            <a:endParaRPr kumimoji="1" lang="en-US" altLang="ja-JP" sz="1100" dirty="0" smtClean="0">
              <a:solidFill>
                <a:schemeClr val="tx1"/>
              </a:solidFill>
              <a:latin typeface="ＭＳ Ｐゴシック" panose="020B0600070205080204" pitchFamily="50" charset="-128"/>
              <a:ea typeface="ＭＳ Ｐゴシック" panose="020B0600070205080204" pitchFamily="50" charset="-128"/>
            </a:endParaRPr>
          </a:p>
          <a:p>
            <a:endParaRPr kumimoji="1"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13" name="テキスト ボックス 12"/>
          <p:cNvSpPr txBox="1"/>
          <p:nvPr/>
        </p:nvSpPr>
        <p:spPr>
          <a:xfrm>
            <a:off x="68043" y="3900769"/>
            <a:ext cx="4208609" cy="338554"/>
          </a:xfrm>
          <a:prstGeom prst="rect">
            <a:avLst/>
          </a:prstGeom>
          <a:noFill/>
        </p:spPr>
        <p:txBody>
          <a:bodyPr wrap="square" rtlCol="0">
            <a:spAutoFit/>
          </a:bodyPr>
          <a:lstStyle/>
          <a:p>
            <a:r>
              <a:rPr lang="ja-JP" altLang="en-US" sz="1600" b="1" dirty="0">
                <a:latin typeface="ＭＳ Ｐゴシック" panose="020B0600070205080204" pitchFamily="50" charset="-128"/>
                <a:ea typeface="ＭＳ Ｐゴシック" panose="020B0600070205080204" pitchFamily="50" charset="-128"/>
              </a:rPr>
              <a:t>（２）</a:t>
            </a:r>
            <a:r>
              <a:rPr kumimoji="1" lang="ja-JP" altLang="en-US" sz="1600" b="1" dirty="0" smtClean="0">
                <a:latin typeface="ＭＳ Ｐゴシック" panose="020B0600070205080204" pitchFamily="50" charset="-128"/>
                <a:ea typeface="ＭＳ Ｐゴシック" panose="020B0600070205080204" pitchFamily="50" charset="-128"/>
              </a:rPr>
              <a:t>　吹田操車場跡地　</a:t>
            </a:r>
            <a:endParaRPr kumimoji="1" lang="ja-JP" altLang="en-US" sz="1600" b="1" dirty="0">
              <a:latin typeface="ＭＳ Ｐゴシック" panose="020B0600070205080204" pitchFamily="50" charset="-128"/>
              <a:ea typeface="ＭＳ Ｐゴシック" panose="020B0600070205080204" pitchFamily="50" charset="-128"/>
            </a:endParaRPr>
          </a:p>
        </p:txBody>
      </p:sp>
      <p:sp>
        <p:nvSpPr>
          <p:cNvPr id="14"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０</a:t>
            </a:r>
            <a:r>
              <a:rPr lang="ja-JP" altLang="en-US" sz="2000" b="1" dirty="0" smtClean="0">
                <a:solidFill>
                  <a:schemeClr val="bg1"/>
                </a:solidFill>
                <a:latin typeface="ＭＳ ゴシック" pitchFamily="49" charset="-128"/>
                <a:ea typeface="ＭＳ ゴシック" pitchFamily="49" charset="-128"/>
              </a:rPr>
              <a:t>．万博記念公園周辺・吹田操車場跡地　</a:t>
            </a:r>
            <a:r>
              <a:rPr lang="ja-JP" altLang="en-US" sz="1600" b="1" dirty="0" smtClean="0">
                <a:solidFill>
                  <a:schemeClr val="bg1"/>
                </a:solidFill>
                <a:latin typeface="ＭＳ ゴシック" pitchFamily="49" charset="-128"/>
                <a:ea typeface="ＭＳ ゴシック" pitchFamily="49" charset="-128"/>
              </a:rPr>
              <a:t>（大規模施設跡地等のリニューアル</a:t>
            </a:r>
            <a:r>
              <a:rPr lang="ja-JP" altLang="en-US" sz="1600" b="1" dirty="0">
                <a:solidFill>
                  <a:schemeClr val="bg1"/>
                </a:solidFill>
                <a:latin typeface="ＭＳ ゴシック" pitchFamily="49" charset="-128"/>
                <a:ea typeface="ＭＳ ゴシック" pitchFamily="49" charset="-128"/>
              </a:rPr>
              <a:t>）</a:t>
            </a:r>
            <a:endParaRPr lang="en-US" altLang="ja-JP" sz="1600" b="1" dirty="0" smtClean="0">
              <a:solidFill>
                <a:schemeClr val="bg1"/>
              </a:solidFill>
              <a:latin typeface="ＭＳ ゴシック" pitchFamily="49" charset="-128"/>
              <a:ea typeface="ＭＳ ゴシック" pitchFamily="49" charset="-128"/>
            </a:endParaRPr>
          </a:p>
        </p:txBody>
      </p:sp>
      <p:grpSp>
        <p:nvGrpSpPr>
          <p:cNvPr id="2" name="グループ化 22"/>
          <p:cNvGrpSpPr/>
          <p:nvPr/>
        </p:nvGrpSpPr>
        <p:grpSpPr>
          <a:xfrm>
            <a:off x="104711" y="6210656"/>
            <a:ext cx="9298735" cy="609244"/>
            <a:chOff x="76116" y="6072351"/>
            <a:chExt cx="8583448" cy="609244"/>
          </a:xfrm>
        </p:grpSpPr>
        <p:sp>
          <p:nvSpPr>
            <p:cNvPr id="24" name="角丸四角形 23"/>
            <p:cNvSpPr/>
            <p:nvPr/>
          </p:nvSpPr>
          <p:spPr>
            <a:xfrm>
              <a:off x="162620" y="6381328"/>
              <a:ext cx="8266050" cy="300267"/>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r>
                <a:rPr lang="ja-JP" altLang="en-US" sz="1400" dirty="0">
                  <a:solidFill>
                    <a:schemeClr val="tx1"/>
                  </a:solidFill>
                  <a:latin typeface="ＭＳ Ｐ明朝" pitchFamily="18" charset="-128"/>
                  <a:ea typeface="ＭＳ Ｐ明朝" pitchFamily="18" charset="-128"/>
                </a:rPr>
                <a:t>・大阪府</a:t>
              </a:r>
              <a:r>
                <a:rPr lang="ja-JP" altLang="en-US" sz="1400" dirty="0" smtClean="0">
                  <a:solidFill>
                    <a:schemeClr val="tx1"/>
                  </a:solidFill>
                  <a:latin typeface="ＭＳ Ｐ明朝" pitchFamily="18" charset="-128"/>
                  <a:ea typeface="ＭＳ Ｐ明朝" pitchFamily="18" charset="-128"/>
                </a:rPr>
                <a:t>：</a:t>
              </a:r>
              <a:r>
                <a:rPr lang="ja-JP" altLang="en-US" sz="1400" dirty="0">
                  <a:solidFill>
                    <a:schemeClr val="tx1"/>
                  </a:solidFill>
                  <a:latin typeface="ＭＳ Ｐ明朝" pitchFamily="18" charset="-128"/>
                  <a:ea typeface="ＭＳ Ｐ明朝" pitchFamily="18" charset="-128"/>
                </a:rPr>
                <a:t>府民文化部、商工</a:t>
              </a:r>
              <a:r>
                <a:rPr lang="ja-JP" altLang="en-US" sz="1400" dirty="0" smtClean="0">
                  <a:solidFill>
                    <a:schemeClr val="tx1"/>
                  </a:solidFill>
                  <a:latin typeface="ＭＳ Ｐ明朝" pitchFamily="18" charset="-128"/>
                  <a:ea typeface="ＭＳ Ｐ明朝" pitchFamily="18" charset="-128"/>
                </a:rPr>
                <a:t>労働部</a:t>
              </a:r>
              <a:endParaRPr kumimoji="1" lang="ja-JP" altLang="en-US" sz="1400" dirty="0" smtClean="0">
                <a:solidFill>
                  <a:schemeClr val="tx1"/>
                </a:solidFill>
                <a:latin typeface="ＭＳ Ｐ明朝" pitchFamily="18" charset="-128"/>
                <a:ea typeface="ＭＳ Ｐ明朝" pitchFamily="18" charset="-128"/>
              </a:endParaRPr>
            </a:p>
          </p:txBody>
        </p:sp>
        <p:sp>
          <p:nvSpPr>
            <p:cNvPr id="25" name="テキスト ボックス 24"/>
            <p:cNvSpPr txBox="1"/>
            <p:nvPr/>
          </p:nvSpPr>
          <p:spPr>
            <a:xfrm>
              <a:off x="76116" y="6072351"/>
              <a:ext cx="8583448" cy="338554"/>
            </a:xfrm>
            <a:prstGeom prst="rect">
              <a:avLst/>
            </a:prstGeom>
            <a:noFill/>
          </p:spPr>
          <p:txBody>
            <a:bodyPr wrap="square" rtlCol="0">
              <a:spAutoFit/>
            </a:bodyPr>
            <a:lstStyle/>
            <a:p>
              <a:r>
                <a:rPr lang="ja-JP" altLang="en-US" sz="1600" dirty="0" smtClean="0"/>
                <a:t>○</a:t>
              </a:r>
              <a:r>
                <a:rPr lang="en-US" altLang="ja-JP" sz="1400" dirty="0"/>
                <a:t>『</a:t>
              </a:r>
              <a:r>
                <a:rPr lang="ja-JP" altLang="en-US" sz="1400" dirty="0" smtClean="0"/>
                <a:t>万博記念公園周辺・吹田操車場跡地</a:t>
              </a:r>
              <a:r>
                <a:rPr lang="en-US" altLang="ja-JP" sz="1400" dirty="0" smtClean="0"/>
                <a:t>』</a:t>
              </a:r>
              <a:r>
                <a:rPr lang="ja-JP" altLang="en-US" sz="1400" dirty="0"/>
                <a:t>エリアの担当</a:t>
              </a:r>
              <a:r>
                <a:rPr lang="ja-JP" altLang="en-US" sz="1400" dirty="0" smtClean="0"/>
                <a:t>部局一覧</a:t>
              </a:r>
              <a:endParaRPr lang="en-US" altLang="ja-JP" sz="1400" dirty="0" smtClean="0"/>
            </a:p>
          </p:txBody>
        </p:sp>
      </p:grpSp>
      <p:pic>
        <p:nvPicPr>
          <p:cNvPr id="1026" name="Picture 2"/>
          <p:cNvPicPr>
            <a:picLocks noChangeAspect="1" noChangeArrowheads="1"/>
          </p:cNvPicPr>
          <p:nvPr/>
        </p:nvPicPr>
        <p:blipFill>
          <a:blip r:embed="rId3" cstate="email">
            <a:lum/>
            <a:extLst>
              <a:ext uri="{28A0092B-C50C-407E-A947-70E740481C1C}">
                <a14:useLocalDpi xmlns:a14="http://schemas.microsoft.com/office/drawing/2010/main" val="0"/>
              </a:ext>
            </a:extLst>
          </a:blip>
          <a:srcRect/>
          <a:stretch>
            <a:fillRect/>
          </a:stretch>
        </p:blipFill>
        <p:spPr bwMode="auto">
          <a:xfrm>
            <a:off x="155967" y="740787"/>
            <a:ext cx="4218646" cy="27845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スライド番号プレースホルダ 15"/>
          <p:cNvSpPr>
            <a:spLocks noGrp="1"/>
          </p:cNvSpPr>
          <p:nvPr>
            <p:ph type="sldNum" sz="quarter" idx="12"/>
          </p:nvPr>
        </p:nvSpPr>
        <p:spPr/>
        <p:txBody>
          <a:bodyPr/>
          <a:lstStyle/>
          <a:p>
            <a:fld id="{37EF5067-3AB7-4642-9103-42CBD40CC6D9}" type="slidenum">
              <a:rPr kumimoji="1" lang="ja-JP" altLang="en-US" smtClean="0"/>
              <a:pPr/>
              <a:t>44</a:t>
            </a:fld>
            <a:endParaRPr kumimoji="1" lang="ja-JP" altLang="en-US" dirty="0"/>
          </a:p>
        </p:txBody>
      </p:sp>
      <p:pic>
        <p:nvPicPr>
          <p:cNvPr id="1027" name="Picture 3"/>
          <p:cNvPicPr>
            <a:picLocks noChangeAspect="1" noChangeArrowheads="1"/>
          </p:cNvPicPr>
          <p:nvPr/>
        </p:nvPicPr>
        <p:blipFill>
          <a:blip r:embed="rId4" cstate="email">
            <a:extLst>
              <a:ext uri="{28A0092B-C50C-407E-A947-70E740481C1C}">
                <a14:useLocalDpi xmlns:a14="http://schemas.microsoft.com/office/drawing/2010/main" val="0"/>
              </a:ext>
            </a:extLst>
          </a:blip>
          <a:srcRect/>
          <a:stretch>
            <a:fillRect/>
          </a:stretch>
        </p:blipFill>
        <p:spPr bwMode="auto">
          <a:xfrm>
            <a:off x="0" y="4054476"/>
            <a:ext cx="4793056" cy="2212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451682040"/>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5531343" y="3391024"/>
            <a:ext cx="1326147" cy="338554"/>
          </a:xfrm>
          <a:prstGeom prst="rect">
            <a:avLst/>
          </a:prstGeom>
          <a:noFill/>
        </p:spPr>
        <p:txBody>
          <a:bodyPr wrap="square" rtlCol="0">
            <a:spAutoFit/>
          </a:bodyPr>
          <a:lstStyle/>
          <a:p>
            <a:r>
              <a:rPr lang="ja-JP" altLang="en-US" sz="1600" b="1" dirty="0" smtClean="0"/>
              <a:t>（２）</a:t>
            </a:r>
            <a:r>
              <a:rPr kumimoji="1" lang="ja-JP" altLang="en-US" sz="1600" b="1" dirty="0" smtClean="0"/>
              <a:t>　</a:t>
            </a:r>
            <a:r>
              <a:rPr lang="ja-JP" altLang="en-US" sz="1600" b="1" dirty="0" smtClean="0"/>
              <a:t>彩都</a:t>
            </a:r>
            <a:endParaRPr kumimoji="1" lang="ja-JP" altLang="en-US" sz="1600" b="1" dirty="0"/>
          </a:p>
        </p:txBody>
      </p:sp>
      <p:sp>
        <p:nvSpPr>
          <p:cNvPr id="13" name="テキスト ボックス 12"/>
          <p:cNvSpPr txBox="1"/>
          <p:nvPr/>
        </p:nvSpPr>
        <p:spPr>
          <a:xfrm>
            <a:off x="5474852" y="895491"/>
            <a:ext cx="1740400" cy="338554"/>
          </a:xfrm>
          <a:prstGeom prst="rect">
            <a:avLst/>
          </a:prstGeom>
          <a:noFill/>
        </p:spPr>
        <p:txBody>
          <a:bodyPr wrap="square" rtlCol="0">
            <a:spAutoFit/>
          </a:bodyPr>
          <a:lstStyle/>
          <a:p>
            <a:r>
              <a:rPr lang="ja-JP" altLang="en-US" sz="1600" b="1" dirty="0" smtClean="0"/>
              <a:t>（１） </a:t>
            </a:r>
            <a:r>
              <a:rPr kumimoji="1" lang="ja-JP" altLang="en-US" sz="1600" b="1" dirty="0" smtClean="0"/>
              <a:t>箕面森町　</a:t>
            </a:r>
            <a:endParaRPr kumimoji="1" lang="ja-JP" altLang="en-US" sz="1600" b="1" dirty="0"/>
          </a:p>
        </p:txBody>
      </p:sp>
      <p:sp>
        <p:nvSpPr>
          <p:cNvPr id="14" name="正方形/長方形 13"/>
          <p:cNvSpPr/>
          <p:nvPr/>
        </p:nvSpPr>
        <p:spPr>
          <a:xfrm>
            <a:off x="5508143" y="3712964"/>
            <a:ext cx="4281394" cy="2319706"/>
          </a:xfrm>
          <a:prstGeom prst="rect">
            <a:avLst/>
          </a:prstGeom>
          <a:noFill/>
          <a:ln w="158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lvl="0">
              <a:defRPr/>
            </a:pPr>
            <a:r>
              <a:rPr lang="ja-JP" altLang="en-US" sz="1200" dirty="0" smtClean="0">
                <a:solidFill>
                  <a:schemeClr val="tx1"/>
                </a:solidFill>
                <a:latin typeface="ＭＳ Ｐ明朝" pitchFamily="18" charset="-128"/>
                <a:ea typeface="ＭＳ Ｐ明朝" pitchFamily="18" charset="-128"/>
              </a:rPr>
              <a:t>・茨木市と箕面市に跨り、豊か</a:t>
            </a:r>
            <a:r>
              <a:rPr lang="ja-JP" altLang="en-US" sz="1200" dirty="0">
                <a:solidFill>
                  <a:schemeClr val="tx1"/>
                </a:solidFill>
                <a:latin typeface="ＭＳ Ｐ明朝" pitchFamily="18" charset="-128"/>
                <a:ea typeface="ＭＳ Ｐ明朝" pitchFamily="18" charset="-128"/>
              </a:rPr>
              <a:t>な自然環境と快適な</a:t>
            </a:r>
            <a:r>
              <a:rPr lang="ja-JP" altLang="en-US" sz="1200" dirty="0" smtClean="0">
                <a:solidFill>
                  <a:schemeClr val="tx1"/>
                </a:solidFill>
                <a:latin typeface="ＭＳ Ｐ明朝" pitchFamily="18" charset="-128"/>
                <a:ea typeface="ＭＳ Ｐ明朝" pitchFamily="18" charset="-128"/>
              </a:rPr>
              <a:t>都市</a:t>
            </a:r>
            <a:endParaRPr lang="en-US" altLang="ja-JP" sz="1200" dirty="0" smtClean="0">
              <a:solidFill>
                <a:schemeClr val="tx1"/>
              </a:solidFill>
              <a:latin typeface="ＭＳ Ｐ明朝" pitchFamily="18" charset="-128"/>
              <a:ea typeface="ＭＳ Ｐ明朝" pitchFamily="18" charset="-128"/>
            </a:endParaRPr>
          </a:p>
          <a:p>
            <a:pPr lvl="0">
              <a:defRPr/>
            </a:pPr>
            <a:r>
              <a:rPr lang="en-US" altLang="ja-JP" sz="1200" dirty="0">
                <a:solidFill>
                  <a:schemeClr val="tx1"/>
                </a:solidFill>
                <a:latin typeface="ＭＳ Ｐ明朝" pitchFamily="18" charset="-128"/>
                <a:ea typeface="ＭＳ Ｐ明朝" pitchFamily="18" charset="-128"/>
              </a:rPr>
              <a:t> </a:t>
            </a:r>
            <a:r>
              <a:rPr lang="en-US" altLang="ja-JP" sz="1200" dirty="0" smtClean="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機能が調和</a:t>
            </a:r>
            <a:r>
              <a:rPr lang="ja-JP" altLang="en-US" sz="1200" dirty="0">
                <a:solidFill>
                  <a:schemeClr val="tx1"/>
                </a:solidFill>
                <a:latin typeface="ＭＳ Ｐ明朝" pitchFamily="18" charset="-128"/>
                <a:ea typeface="ＭＳ Ｐ明朝" pitchFamily="18" charset="-128"/>
              </a:rPr>
              <a:t>した定住魅力にあふれる</a:t>
            </a:r>
            <a:r>
              <a:rPr lang="ja-JP" altLang="en-US" sz="1200" dirty="0" smtClean="0">
                <a:solidFill>
                  <a:schemeClr val="tx1"/>
                </a:solidFill>
                <a:latin typeface="ＭＳ Ｐ明朝" pitchFamily="18" charset="-128"/>
                <a:ea typeface="ＭＳ Ｐ明朝" pitchFamily="18" charset="-128"/>
              </a:rPr>
              <a:t>まち</a:t>
            </a:r>
            <a:endParaRPr lang="en-US" altLang="ja-JP" sz="1200" dirty="0">
              <a:solidFill>
                <a:schemeClr val="tx1"/>
              </a:solidFill>
              <a:latin typeface="ＭＳ Ｐ明朝" pitchFamily="18" charset="-128"/>
              <a:ea typeface="ＭＳ Ｐ明朝" pitchFamily="18" charset="-128"/>
            </a:endParaRPr>
          </a:p>
          <a:p>
            <a:r>
              <a:rPr lang="ja-JP" altLang="en-US" sz="1200" dirty="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計画人口</a:t>
            </a:r>
            <a:r>
              <a:rPr lang="ja-JP" altLang="en-US" sz="1200" dirty="0">
                <a:solidFill>
                  <a:schemeClr val="tx1"/>
                </a:solidFill>
                <a:latin typeface="ＭＳ Ｐ明朝" pitchFamily="18" charset="-128"/>
                <a:ea typeface="ＭＳ Ｐ明朝" pitchFamily="18" charset="-128"/>
              </a:rPr>
              <a:t>・戸数　</a:t>
            </a:r>
            <a:r>
              <a:rPr lang="ja-JP" altLang="en-US" sz="1200" dirty="0" smtClean="0">
                <a:solidFill>
                  <a:schemeClr val="tx1"/>
                </a:solidFill>
                <a:latin typeface="ＭＳ Ｐ明朝" pitchFamily="18" charset="-128"/>
                <a:ea typeface="ＭＳ Ｐ明朝" pitchFamily="18" charset="-128"/>
              </a:rPr>
              <a:t>約</a:t>
            </a:r>
            <a:r>
              <a:rPr lang="en-US" altLang="ja-JP" sz="1200" dirty="0" smtClean="0">
                <a:solidFill>
                  <a:schemeClr val="tx1"/>
                </a:solidFill>
                <a:latin typeface="ＭＳ Ｐ明朝" pitchFamily="18" charset="-128"/>
                <a:ea typeface="ＭＳ Ｐ明朝" pitchFamily="18" charset="-128"/>
              </a:rPr>
              <a:t>50,000</a:t>
            </a:r>
            <a:r>
              <a:rPr lang="ja-JP" altLang="en-US" sz="1200" dirty="0" smtClean="0">
                <a:solidFill>
                  <a:schemeClr val="tx1"/>
                </a:solidFill>
                <a:latin typeface="ＭＳ Ｐ明朝" pitchFamily="18" charset="-128"/>
                <a:ea typeface="ＭＳ Ｐ明朝" pitchFamily="18" charset="-128"/>
              </a:rPr>
              <a:t>人</a:t>
            </a:r>
            <a:r>
              <a:rPr lang="ja-JP" altLang="en-US" sz="1200" dirty="0">
                <a:solidFill>
                  <a:schemeClr val="tx1"/>
                </a:solidFill>
                <a:latin typeface="ＭＳ Ｐ明朝" pitchFamily="18" charset="-128"/>
                <a:ea typeface="ＭＳ Ｐ明朝" pitchFamily="18" charset="-128"/>
              </a:rPr>
              <a:t>・</a:t>
            </a:r>
            <a:r>
              <a:rPr lang="ja-JP" altLang="en-US" sz="1200" dirty="0" smtClean="0">
                <a:solidFill>
                  <a:schemeClr val="tx1"/>
                </a:solidFill>
                <a:latin typeface="ＭＳ Ｐ明朝" pitchFamily="18" charset="-128"/>
                <a:ea typeface="ＭＳ Ｐ明朝" pitchFamily="18" charset="-128"/>
              </a:rPr>
              <a:t>約</a:t>
            </a:r>
            <a:r>
              <a:rPr lang="en-US" altLang="ja-JP" sz="1200" dirty="0" smtClean="0">
                <a:solidFill>
                  <a:schemeClr val="tx1"/>
                </a:solidFill>
                <a:latin typeface="ＭＳ Ｐ明朝" pitchFamily="18" charset="-128"/>
                <a:ea typeface="ＭＳ Ｐ明朝" pitchFamily="18" charset="-128"/>
              </a:rPr>
              <a:t>16,700</a:t>
            </a:r>
            <a:r>
              <a:rPr lang="ja-JP" altLang="en-US" sz="1200" dirty="0" smtClean="0">
                <a:solidFill>
                  <a:schemeClr val="tx1"/>
                </a:solidFill>
                <a:latin typeface="ＭＳ Ｐ明朝" pitchFamily="18" charset="-128"/>
                <a:ea typeface="ＭＳ Ｐ明朝" pitchFamily="18" charset="-128"/>
              </a:rPr>
              <a:t>戸</a:t>
            </a:r>
            <a:r>
              <a:rPr lang="ja-JP" altLang="en-US" sz="1200" dirty="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面積</a:t>
            </a:r>
            <a:r>
              <a:rPr lang="en-US" altLang="ja-JP" sz="1200" dirty="0" smtClean="0">
                <a:solidFill>
                  <a:schemeClr val="tx1"/>
                </a:solidFill>
                <a:latin typeface="ＭＳ Ｐ明朝" pitchFamily="18" charset="-128"/>
                <a:ea typeface="ＭＳ Ｐ明朝" pitchFamily="18" charset="-128"/>
              </a:rPr>
              <a:t>742.6ha</a:t>
            </a:r>
          </a:p>
          <a:p>
            <a:endParaRPr lang="en-US" altLang="ja-JP" sz="1200" dirty="0">
              <a:solidFill>
                <a:schemeClr val="tx1"/>
              </a:solidFill>
              <a:latin typeface="ＭＳ Ｐ明朝" pitchFamily="18" charset="-128"/>
              <a:ea typeface="ＭＳ Ｐ明朝" pitchFamily="18" charset="-128"/>
            </a:endParaRPr>
          </a:p>
          <a:p>
            <a:pPr lvl="0"/>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04</a:t>
            </a:r>
            <a:r>
              <a:rPr lang="ja-JP" altLang="en-US" sz="1200" dirty="0" smtClean="0">
                <a:solidFill>
                  <a:schemeClr val="tx1"/>
                </a:solidFill>
                <a:latin typeface="ＭＳ Ｐ明朝" pitchFamily="18" charset="-128"/>
                <a:ea typeface="ＭＳ Ｐ明朝" pitchFamily="18" charset="-128"/>
              </a:rPr>
              <a:t>年</a:t>
            </a:r>
            <a:r>
              <a:rPr lang="ja-JP" altLang="en-US" sz="1200" dirty="0" err="1" smtClean="0">
                <a:solidFill>
                  <a:schemeClr val="tx1"/>
                </a:solidFill>
                <a:latin typeface="ＭＳ Ｐ明朝" pitchFamily="18" charset="-128"/>
                <a:ea typeface="ＭＳ Ｐ明朝" pitchFamily="18" charset="-128"/>
              </a:rPr>
              <a:t>ま</a:t>
            </a:r>
            <a:r>
              <a:rPr lang="ja-JP" altLang="en-US" sz="1200" dirty="0">
                <a:solidFill>
                  <a:schemeClr val="tx1"/>
                </a:solidFill>
                <a:latin typeface="ＭＳ Ｐ明朝" pitchFamily="18" charset="-128"/>
                <a:ea typeface="ＭＳ Ｐ明朝" pitchFamily="18" charset="-128"/>
              </a:rPr>
              <a:t>ちびらき。</a:t>
            </a:r>
            <a:endParaRPr lang="en-US" altLang="ja-JP" sz="1200" dirty="0">
              <a:solidFill>
                <a:schemeClr val="tx1"/>
              </a:solidFill>
              <a:latin typeface="ＭＳ Ｐ明朝" pitchFamily="18" charset="-128"/>
              <a:ea typeface="ＭＳ Ｐ明朝" pitchFamily="18" charset="-128"/>
            </a:endParaRPr>
          </a:p>
          <a:p>
            <a:pPr lvl="0"/>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07</a:t>
            </a:r>
            <a:r>
              <a:rPr lang="ja-JP" altLang="en-US" sz="1200" dirty="0" smtClean="0">
                <a:solidFill>
                  <a:schemeClr val="tx1"/>
                </a:solidFill>
                <a:latin typeface="ＭＳ Ｐ明朝" pitchFamily="18" charset="-128"/>
                <a:ea typeface="ＭＳ Ｐ明朝" pitchFamily="18" charset="-128"/>
              </a:rPr>
              <a:t>年</a:t>
            </a:r>
            <a:r>
              <a:rPr lang="ja-JP" altLang="en-US" sz="1200" dirty="0">
                <a:solidFill>
                  <a:schemeClr val="tx1"/>
                </a:solidFill>
                <a:latin typeface="ＭＳ Ｐ明朝" pitchFamily="18" charset="-128"/>
                <a:ea typeface="ＭＳ Ｐ明朝" pitchFamily="18" charset="-128"/>
              </a:rPr>
              <a:t>大阪ﾓﾉﾚｰﾙが彩都西駅まで延伸。</a:t>
            </a:r>
            <a:endParaRPr lang="en-US" altLang="ja-JP" sz="1200" dirty="0">
              <a:solidFill>
                <a:schemeClr val="tx1"/>
              </a:solidFill>
              <a:latin typeface="ＭＳ Ｐ明朝" pitchFamily="18" charset="-128"/>
              <a:ea typeface="ＭＳ Ｐ明朝" pitchFamily="18" charset="-128"/>
            </a:endParaRPr>
          </a:p>
          <a:p>
            <a:pPr lvl="0"/>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1</a:t>
            </a:r>
            <a:r>
              <a:rPr lang="ja-JP" altLang="en-US" sz="1200" dirty="0" smtClean="0">
                <a:solidFill>
                  <a:schemeClr val="tx1"/>
                </a:solidFill>
                <a:latin typeface="ＭＳ Ｐ明朝" pitchFamily="18" charset="-128"/>
                <a:ea typeface="ＭＳ Ｐ明朝" pitchFamily="18" charset="-128"/>
              </a:rPr>
              <a:t>年</a:t>
            </a:r>
            <a:r>
              <a:rPr lang="ja-JP" altLang="en-US" sz="1200" dirty="0">
                <a:solidFill>
                  <a:schemeClr val="tx1"/>
                </a:solidFill>
                <a:latin typeface="ＭＳ Ｐ明朝" pitchFamily="18" charset="-128"/>
                <a:ea typeface="ＭＳ Ｐ明朝" pitchFamily="18" charset="-128"/>
              </a:rPr>
              <a:t>関西ｲﾉﾍﾞｰｼｮﾝ国際戦略総合特区に指定</a:t>
            </a:r>
            <a:r>
              <a:rPr lang="ja-JP" altLang="en-US" sz="1200" dirty="0" smtClean="0">
                <a:solidFill>
                  <a:schemeClr val="tx1"/>
                </a:solidFill>
                <a:latin typeface="ＭＳ Ｐ明朝" pitchFamily="18" charset="-128"/>
                <a:ea typeface="ＭＳ Ｐ明朝" pitchFamily="18" charset="-128"/>
              </a:rPr>
              <a:t>。</a:t>
            </a:r>
            <a:endParaRPr lang="en-US" altLang="ja-JP" sz="1200" dirty="0" smtClean="0">
              <a:solidFill>
                <a:schemeClr val="tx1"/>
              </a:solidFill>
              <a:latin typeface="ＭＳ Ｐ明朝" pitchFamily="18" charset="-128"/>
              <a:ea typeface="ＭＳ Ｐ明朝" pitchFamily="18" charset="-128"/>
            </a:endParaRPr>
          </a:p>
          <a:p>
            <a:pPr lvl="0"/>
            <a:r>
              <a:rPr lang="ja-JP" altLang="en-US" sz="1200" dirty="0">
                <a:solidFill>
                  <a:schemeClr val="tx1"/>
                </a:solidFill>
                <a:latin typeface="ＭＳ Ｐ明朝" pitchFamily="18" charset="-128"/>
                <a:ea typeface="ＭＳ Ｐ明朝" pitchFamily="18" charset="-128"/>
              </a:rPr>
              <a:t>　</a:t>
            </a:r>
            <a:r>
              <a:rPr lang="en-US" altLang="ja-JP" sz="1200" dirty="0" smtClean="0">
                <a:solidFill>
                  <a:schemeClr val="tx1"/>
                </a:solidFill>
                <a:latin typeface="ＭＳ Ｐ明朝" pitchFamily="18" charset="-128"/>
                <a:ea typeface="ＭＳ Ｐ明朝" pitchFamily="18" charset="-128"/>
              </a:rPr>
              <a:t>〈</a:t>
            </a:r>
            <a:r>
              <a:rPr lang="ja-JP" altLang="en-US" sz="1200" dirty="0">
                <a:solidFill>
                  <a:schemeClr val="tx1"/>
                </a:solidFill>
                <a:latin typeface="ＭＳ Ｐ明朝" pitchFamily="18" charset="-128"/>
                <a:ea typeface="ＭＳ Ｐ明朝" pitchFamily="18" charset="-128"/>
              </a:rPr>
              <a:t>ﾗｲﾌｻｲｴﾝｽﾊﾟｰｸ等</a:t>
            </a:r>
            <a:r>
              <a:rPr lang="en-US" altLang="ja-JP" sz="1200" dirty="0" smtClean="0">
                <a:solidFill>
                  <a:schemeClr val="tx1"/>
                </a:solidFill>
                <a:latin typeface="ＭＳ Ｐ明朝" pitchFamily="18" charset="-128"/>
                <a:ea typeface="ＭＳ Ｐ明朝" pitchFamily="18" charset="-128"/>
              </a:rPr>
              <a:t>〉</a:t>
            </a:r>
          </a:p>
          <a:p>
            <a:pPr marL="88900" lvl="0" indent="-88900"/>
            <a:r>
              <a:rPr lang="ja-JP" altLang="en-US" sz="1200" dirty="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4</a:t>
            </a:r>
            <a:r>
              <a:rPr lang="ja-JP" altLang="en-US" sz="1200" dirty="0" smtClean="0">
                <a:solidFill>
                  <a:schemeClr val="tx1"/>
                </a:solidFill>
                <a:latin typeface="ＭＳ Ｐ明朝" pitchFamily="18" charset="-128"/>
                <a:ea typeface="ＭＳ Ｐ明朝" pitchFamily="18" charset="-128"/>
              </a:rPr>
              <a:t>年</a:t>
            </a:r>
            <a:r>
              <a:rPr lang="en-US" altLang="ja-JP" sz="1200" dirty="0" smtClean="0">
                <a:solidFill>
                  <a:schemeClr val="tx1"/>
                </a:solidFill>
                <a:latin typeface="ＭＳ Ｐ明朝" pitchFamily="18" charset="-128"/>
                <a:ea typeface="ＭＳ Ｐ明朝" pitchFamily="18" charset="-128"/>
              </a:rPr>
              <a:t>11</a:t>
            </a:r>
            <a:r>
              <a:rPr lang="ja-JP" altLang="en-US" sz="1200" dirty="0" smtClean="0">
                <a:solidFill>
                  <a:schemeClr val="tx1"/>
                </a:solidFill>
                <a:latin typeface="ＭＳ Ｐ明朝" pitchFamily="18" charset="-128"/>
                <a:ea typeface="ＭＳ Ｐ明朝" pitchFamily="18" charset="-128"/>
              </a:rPr>
              <a:t>月　「彩都ライフサイエンスパーク」全</a:t>
            </a:r>
            <a:r>
              <a:rPr lang="en-US" altLang="ja-JP" sz="1200" dirty="0" smtClean="0">
                <a:solidFill>
                  <a:schemeClr val="tx1"/>
                </a:solidFill>
                <a:latin typeface="ＭＳ Ｐ明朝" pitchFamily="18" charset="-128"/>
                <a:ea typeface="ＭＳ Ｐ明朝" pitchFamily="18" charset="-128"/>
              </a:rPr>
              <a:t>20</a:t>
            </a:r>
            <a:r>
              <a:rPr lang="ja-JP" altLang="en-US" sz="1200" dirty="0" smtClean="0">
                <a:solidFill>
                  <a:schemeClr val="tx1"/>
                </a:solidFill>
                <a:latin typeface="ＭＳ Ｐ明朝" pitchFamily="18" charset="-128"/>
                <a:ea typeface="ＭＳ Ｐ明朝" pitchFamily="18" charset="-128"/>
              </a:rPr>
              <a:t>区画事業者決定</a:t>
            </a:r>
            <a:endParaRPr lang="en-US" altLang="ja-JP" sz="1200" dirty="0">
              <a:solidFill>
                <a:schemeClr val="tx1"/>
              </a:solidFill>
              <a:latin typeface="ＭＳ Ｐ明朝" pitchFamily="18" charset="-128"/>
              <a:ea typeface="ＭＳ Ｐ明朝" pitchFamily="18" charset="-128"/>
            </a:endParaRPr>
          </a:p>
          <a:p>
            <a:pPr lvl="0"/>
            <a:r>
              <a:rPr lang="ja-JP" altLang="en-US" sz="1200" dirty="0" smtClean="0">
                <a:solidFill>
                  <a:schemeClr val="tx1"/>
                </a:solidFill>
                <a:latin typeface="ＭＳ Ｐ明朝" pitchFamily="18" charset="-128"/>
                <a:ea typeface="ＭＳ Ｐ明朝" pitchFamily="18" charset="-128"/>
              </a:rPr>
              <a:t>➡</a:t>
            </a:r>
            <a:r>
              <a:rPr lang="en-US" altLang="ja-JP" sz="1200" dirty="0" smtClean="0">
                <a:solidFill>
                  <a:schemeClr val="tx1"/>
                </a:solidFill>
                <a:latin typeface="ＭＳ Ｐ明朝" pitchFamily="18" charset="-128"/>
                <a:ea typeface="ＭＳ Ｐ明朝" pitchFamily="18" charset="-128"/>
              </a:rPr>
              <a:t>2015</a:t>
            </a:r>
            <a:r>
              <a:rPr lang="ja-JP" altLang="en-US" sz="1200" dirty="0">
                <a:solidFill>
                  <a:schemeClr val="tx1"/>
                </a:solidFill>
                <a:latin typeface="ＭＳ Ｐ明朝" pitchFamily="18" charset="-128"/>
                <a:ea typeface="ＭＳ Ｐ明朝" pitchFamily="18" charset="-128"/>
              </a:rPr>
              <a:t>年春、ﾗｲﾌｻｲｴﾝｽ・イノベーション企業誘致</a:t>
            </a:r>
            <a:r>
              <a:rPr lang="ja-JP" altLang="en-US" sz="1200" dirty="0" smtClean="0">
                <a:solidFill>
                  <a:schemeClr val="tx1"/>
                </a:solidFill>
                <a:latin typeface="ＭＳ Ｐ明朝" pitchFamily="18" charset="-128"/>
                <a:ea typeface="ＭＳ Ｐ明朝" pitchFamily="18" charset="-128"/>
              </a:rPr>
              <a:t>ゾーン</a:t>
            </a:r>
            <a:endParaRPr lang="en-US" altLang="ja-JP" sz="1200" dirty="0" smtClean="0">
              <a:solidFill>
                <a:schemeClr val="tx1"/>
              </a:solidFill>
              <a:latin typeface="ＭＳ Ｐ明朝" pitchFamily="18" charset="-128"/>
              <a:ea typeface="ＭＳ Ｐ明朝" pitchFamily="18" charset="-128"/>
            </a:endParaRPr>
          </a:p>
          <a:p>
            <a:pPr lvl="0"/>
            <a:r>
              <a:rPr lang="ja-JP" altLang="en-US" sz="1200" dirty="0">
                <a:solidFill>
                  <a:schemeClr val="tx1"/>
                </a:solidFill>
                <a:latin typeface="ＭＳ Ｐ明朝" pitchFamily="18" charset="-128"/>
                <a:ea typeface="ＭＳ Ｐ明朝" pitchFamily="18" charset="-128"/>
              </a:rPr>
              <a:t>　</a:t>
            </a:r>
            <a:r>
              <a:rPr lang="ja-JP" altLang="en-US" sz="1200" dirty="0" smtClean="0">
                <a:solidFill>
                  <a:schemeClr val="tx1"/>
                </a:solidFill>
                <a:latin typeface="ＭＳ Ｐ明朝" pitchFamily="18" charset="-128"/>
                <a:ea typeface="ＭＳ Ｐ明朝" pitchFamily="18" charset="-128"/>
              </a:rPr>
              <a:t> （中部地区）一部造成完了</a:t>
            </a:r>
            <a:r>
              <a:rPr lang="ja-JP" altLang="en-US" sz="1200" dirty="0">
                <a:solidFill>
                  <a:schemeClr val="tx1"/>
                </a:solidFill>
                <a:latin typeface="ＭＳ Ｐ明朝" pitchFamily="18" charset="-128"/>
                <a:ea typeface="ＭＳ Ｐ明朝" pitchFamily="18" charset="-128"/>
              </a:rPr>
              <a:t>予定</a:t>
            </a:r>
            <a:endParaRPr lang="en-US" altLang="ja-JP" sz="1200" dirty="0" smtClean="0">
              <a:solidFill>
                <a:schemeClr val="tx1"/>
              </a:solidFill>
              <a:latin typeface="ＭＳ Ｐ明朝" pitchFamily="18" charset="-128"/>
              <a:ea typeface="ＭＳ Ｐ明朝" pitchFamily="18" charset="-128"/>
            </a:endParaRPr>
          </a:p>
          <a:p>
            <a:pPr lvl="0">
              <a:defRPr/>
            </a:pPr>
            <a:endParaRPr lang="en-US" altLang="ja-JP" sz="1200" dirty="0">
              <a:solidFill>
                <a:schemeClr val="tx1"/>
              </a:solidFill>
              <a:latin typeface="+mn-ea"/>
            </a:endParaRPr>
          </a:p>
        </p:txBody>
      </p:sp>
      <p:sp>
        <p:nvSpPr>
          <p:cNvPr id="15" name="正方形/長方形 14"/>
          <p:cNvSpPr/>
          <p:nvPr/>
        </p:nvSpPr>
        <p:spPr>
          <a:xfrm>
            <a:off x="350489" y="385340"/>
            <a:ext cx="9411027" cy="479281"/>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r>
              <a:rPr lang="ja-JP" altLang="en-US" sz="1400" dirty="0" smtClean="0">
                <a:solidFill>
                  <a:schemeClr val="tx1"/>
                </a:solidFill>
                <a:latin typeface="ＭＳ Ｐ明朝" panose="02020600040205080304" pitchFamily="18" charset="-128"/>
                <a:ea typeface="ＭＳ Ｐ明朝" panose="02020600040205080304" pitchFamily="18" charset="-128"/>
              </a:rPr>
              <a:t>新名神</a:t>
            </a:r>
            <a:r>
              <a:rPr lang="ja-JP" altLang="en-US" sz="1400" dirty="0">
                <a:solidFill>
                  <a:schemeClr val="tx1"/>
                </a:solidFill>
                <a:latin typeface="ＭＳ Ｐ明朝" panose="02020600040205080304" pitchFamily="18" charset="-128"/>
                <a:ea typeface="ＭＳ Ｐ明朝" panose="02020600040205080304" pitchFamily="18" charset="-128"/>
              </a:rPr>
              <a:t>高速道路（神戸～高槻）が</a:t>
            </a:r>
            <a:r>
              <a:rPr lang="en-US" altLang="ja-JP" sz="1400" dirty="0">
                <a:solidFill>
                  <a:schemeClr val="tx1"/>
                </a:solidFill>
                <a:latin typeface="ＭＳ Ｐ明朝" panose="02020600040205080304" pitchFamily="18" charset="-128"/>
                <a:ea typeface="ＭＳ Ｐ明朝" panose="02020600040205080304" pitchFamily="18" charset="-128"/>
              </a:rPr>
              <a:t>2019</a:t>
            </a:r>
            <a:r>
              <a:rPr lang="ja-JP" altLang="en-US" sz="1400" dirty="0">
                <a:solidFill>
                  <a:schemeClr val="tx1"/>
                </a:solidFill>
                <a:latin typeface="ＭＳ Ｐ明朝" panose="02020600040205080304" pitchFamily="18" charset="-128"/>
                <a:ea typeface="ＭＳ Ｐ明朝" panose="02020600040205080304" pitchFamily="18" charset="-128"/>
              </a:rPr>
              <a:t>年に開通し、新しいインターチェンジ直近の利便性を活かし</a:t>
            </a:r>
            <a:r>
              <a:rPr lang="ja-JP" altLang="en-US" sz="1400" dirty="0" smtClean="0">
                <a:solidFill>
                  <a:schemeClr val="tx1"/>
                </a:solidFill>
                <a:latin typeface="ＭＳ Ｐ明朝" panose="02020600040205080304" pitchFamily="18" charset="-128"/>
                <a:ea typeface="ＭＳ Ｐ明朝" panose="02020600040205080304" pitchFamily="18" charset="-128"/>
              </a:rPr>
              <a:t>、大阪</a:t>
            </a:r>
            <a:r>
              <a:rPr lang="ja-JP" altLang="en-US" sz="1400" dirty="0">
                <a:solidFill>
                  <a:schemeClr val="tx1"/>
                </a:solidFill>
                <a:latin typeface="ＭＳ Ｐ明朝" panose="02020600040205080304" pitchFamily="18" charset="-128"/>
                <a:ea typeface="ＭＳ Ｐ明朝" panose="02020600040205080304" pitchFamily="18" charset="-128"/>
              </a:rPr>
              <a:t>の都心部と京都・兵庫を直線でつなぐ</a:t>
            </a:r>
            <a:r>
              <a:rPr lang="ja-JP" altLang="en-US" sz="1400" dirty="0" smtClean="0">
                <a:solidFill>
                  <a:schemeClr val="tx1"/>
                </a:solidFill>
                <a:latin typeface="ＭＳ Ｐ明朝" panose="02020600040205080304" pitchFamily="18" charset="-128"/>
                <a:ea typeface="ＭＳ Ｐ明朝" panose="02020600040205080304" pitchFamily="18" charset="-128"/>
              </a:rPr>
              <a:t>新しい産業・物流</a:t>
            </a:r>
            <a:r>
              <a:rPr lang="ja-JP" altLang="en-US" sz="1400" dirty="0">
                <a:solidFill>
                  <a:schemeClr val="tx1"/>
                </a:solidFill>
                <a:latin typeface="ＭＳ Ｐ明朝" panose="02020600040205080304" pitchFamily="18" charset="-128"/>
                <a:ea typeface="ＭＳ Ｐ明朝" panose="02020600040205080304" pitchFamily="18" charset="-128"/>
              </a:rPr>
              <a:t>拠点が稼働</a:t>
            </a:r>
            <a:r>
              <a:rPr lang="ja-JP" altLang="en-US" sz="1400" dirty="0" smtClean="0">
                <a:solidFill>
                  <a:schemeClr val="tx1"/>
                </a:solidFill>
                <a:latin typeface="ＭＳ Ｐ明朝" panose="02020600040205080304" pitchFamily="18" charset="-128"/>
                <a:ea typeface="ＭＳ Ｐ明朝" panose="02020600040205080304" pitchFamily="18" charset="-128"/>
              </a:rPr>
              <a:t>。</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endParaRPr kumimoji="1" lang="en-US" altLang="ja-JP" sz="1200" dirty="0" smtClean="0">
              <a:solidFill>
                <a:schemeClr val="tx1"/>
              </a:solidFill>
              <a:latin typeface="ＭＳ Ｐ明朝" panose="02020600040205080304" pitchFamily="18" charset="-128"/>
              <a:ea typeface="ＭＳ Ｐ明朝" panose="02020600040205080304" pitchFamily="18" charset="-128"/>
            </a:endParaRPr>
          </a:p>
          <a:p>
            <a:endParaRPr kumimoji="1" lang="ja-JP" altLang="en-US" sz="1200" dirty="0">
              <a:solidFill>
                <a:schemeClr val="tx1"/>
              </a:solidFill>
              <a:latin typeface="ＭＳ Ｐ明朝" panose="02020600040205080304" pitchFamily="18" charset="-128"/>
              <a:ea typeface="ＭＳ Ｐ明朝" panose="02020600040205080304" pitchFamily="18" charset="-128"/>
            </a:endParaRPr>
          </a:p>
        </p:txBody>
      </p:sp>
      <p:sp>
        <p:nvSpPr>
          <p:cNvPr id="17" name="正方形/長方形 16"/>
          <p:cNvSpPr/>
          <p:nvPr/>
        </p:nvSpPr>
        <p:spPr>
          <a:xfrm>
            <a:off x="5490810" y="1260377"/>
            <a:ext cx="4298727" cy="1958155"/>
          </a:xfrm>
          <a:prstGeom prst="rect">
            <a:avLst/>
          </a:prstGeom>
          <a:noFill/>
          <a:ln w="1587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lvl="0"/>
            <a:r>
              <a:rPr lang="ja-JP" altLang="en-US" sz="1200" dirty="0" smtClean="0">
                <a:solidFill>
                  <a:prstClr val="black"/>
                </a:solidFill>
                <a:latin typeface="ＭＳ Ｐ明朝" panose="02020600040205080304" pitchFamily="18" charset="-128"/>
                <a:ea typeface="ＭＳ Ｐ明朝" panose="02020600040205080304" pitchFamily="18" charset="-128"/>
              </a:rPr>
              <a:t>・箕面市の北部丘陵に位置し、豊かな自然環境に囲まれた</a:t>
            </a:r>
            <a:endParaRPr lang="en-US" altLang="ja-JP" sz="1200" dirty="0" smtClean="0">
              <a:solidFill>
                <a:prstClr val="black"/>
              </a:solidFill>
              <a:latin typeface="ＭＳ Ｐ明朝" panose="02020600040205080304" pitchFamily="18" charset="-128"/>
              <a:ea typeface="ＭＳ Ｐ明朝" panose="02020600040205080304" pitchFamily="18" charset="-128"/>
            </a:endParaRPr>
          </a:p>
          <a:p>
            <a:pPr lvl="0"/>
            <a:r>
              <a:rPr lang="en-US" altLang="ja-JP" sz="1200" dirty="0">
                <a:solidFill>
                  <a:prstClr val="black"/>
                </a:solidFill>
                <a:latin typeface="ＭＳ Ｐ明朝" panose="02020600040205080304" pitchFamily="18" charset="-128"/>
                <a:ea typeface="ＭＳ Ｐ明朝" panose="02020600040205080304" pitchFamily="18" charset="-128"/>
              </a:rPr>
              <a:t> </a:t>
            </a:r>
            <a:r>
              <a:rPr lang="en-US" altLang="ja-JP" sz="1200" dirty="0" smtClean="0">
                <a:solidFill>
                  <a:prstClr val="black"/>
                </a:solidFill>
                <a:latin typeface="ＭＳ Ｐ明朝" panose="02020600040205080304" pitchFamily="18" charset="-128"/>
                <a:ea typeface="ＭＳ Ｐ明朝" panose="02020600040205080304" pitchFamily="18" charset="-128"/>
              </a:rPr>
              <a:t> </a:t>
            </a:r>
            <a:r>
              <a:rPr lang="ja-JP" altLang="en-US" sz="1200" dirty="0" smtClean="0">
                <a:solidFill>
                  <a:prstClr val="black"/>
                </a:solidFill>
                <a:latin typeface="ＭＳ Ｐ明朝" panose="02020600040205080304" pitchFamily="18" charset="-128"/>
                <a:ea typeface="ＭＳ Ｐ明朝" panose="02020600040205080304" pitchFamily="18" charset="-128"/>
              </a:rPr>
              <a:t>新しいまち</a:t>
            </a:r>
            <a:endParaRPr lang="en-US" altLang="ja-JP" sz="1200" dirty="0" smtClean="0">
              <a:solidFill>
                <a:prstClr val="black"/>
              </a:solidFill>
              <a:latin typeface="ＭＳ Ｐ明朝" panose="02020600040205080304" pitchFamily="18" charset="-128"/>
              <a:ea typeface="ＭＳ Ｐ明朝" panose="02020600040205080304" pitchFamily="18" charset="-128"/>
            </a:endParaRPr>
          </a:p>
          <a:p>
            <a:pPr lvl="0"/>
            <a:r>
              <a:rPr lang="ja-JP" altLang="en-US" sz="1200" dirty="0" smtClean="0">
                <a:solidFill>
                  <a:prstClr val="black"/>
                </a:solidFill>
                <a:latin typeface="ＭＳ Ｐ明朝" panose="02020600040205080304" pitchFamily="18" charset="-128"/>
                <a:ea typeface="ＭＳ Ｐ明朝" panose="02020600040205080304" pitchFamily="18" charset="-128"/>
              </a:rPr>
              <a:t>・計画人口・戸数　約</a:t>
            </a:r>
            <a:r>
              <a:rPr lang="en-US" altLang="ja-JP" sz="1200" dirty="0" smtClean="0">
                <a:solidFill>
                  <a:prstClr val="black"/>
                </a:solidFill>
                <a:latin typeface="ＭＳ Ｐ明朝" panose="02020600040205080304" pitchFamily="18" charset="-128"/>
                <a:ea typeface="ＭＳ Ｐ明朝" panose="02020600040205080304" pitchFamily="18" charset="-128"/>
              </a:rPr>
              <a:t>9,600</a:t>
            </a:r>
            <a:r>
              <a:rPr lang="ja-JP" altLang="en-US" sz="1200" dirty="0" smtClean="0">
                <a:solidFill>
                  <a:prstClr val="black"/>
                </a:solidFill>
                <a:latin typeface="ＭＳ Ｐ明朝" panose="02020600040205080304" pitchFamily="18" charset="-128"/>
                <a:ea typeface="ＭＳ Ｐ明朝" panose="02020600040205080304" pitchFamily="18" charset="-128"/>
              </a:rPr>
              <a:t>人・約</a:t>
            </a:r>
            <a:r>
              <a:rPr lang="en-US" altLang="ja-JP" sz="1200" dirty="0" smtClean="0">
                <a:solidFill>
                  <a:prstClr val="black"/>
                </a:solidFill>
                <a:latin typeface="ＭＳ Ｐ明朝" panose="02020600040205080304" pitchFamily="18" charset="-128"/>
                <a:ea typeface="ＭＳ Ｐ明朝" panose="02020600040205080304" pitchFamily="18" charset="-128"/>
              </a:rPr>
              <a:t>2,900</a:t>
            </a:r>
            <a:r>
              <a:rPr lang="ja-JP" altLang="en-US" sz="1200" dirty="0" smtClean="0">
                <a:solidFill>
                  <a:prstClr val="black"/>
                </a:solidFill>
                <a:latin typeface="ＭＳ Ｐ明朝" panose="02020600040205080304" pitchFamily="18" charset="-128"/>
                <a:ea typeface="ＭＳ Ｐ明朝" panose="02020600040205080304" pitchFamily="18" charset="-128"/>
              </a:rPr>
              <a:t>戸　面積 </a:t>
            </a:r>
            <a:r>
              <a:rPr lang="en-US" altLang="ja-JP" sz="1200" dirty="0" smtClean="0">
                <a:solidFill>
                  <a:prstClr val="black"/>
                </a:solidFill>
                <a:latin typeface="ＭＳ Ｐ明朝" panose="02020600040205080304" pitchFamily="18" charset="-128"/>
                <a:ea typeface="ＭＳ Ｐ明朝" panose="02020600040205080304" pitchFamily="18" charset="-128"/>
              </a:rPr>
              <a:t>313.5ha</a:t>
            </a:r>
          </a:p>
          <a:p>
            <a:pPr lvl="0"/>
            <a:endParaRPr lang="en-US" altLang="ja-JP" sz="1200" dirty="0" smtClean="0">
              <a:solidFill>
                <a:prstClr val="black"/>
              </a:solidFill>
              <a:latin typeface="ＭＳ Ｐ明朝" panose="02020600040205080304" pitchFamily="18" charset="-128"/>
              <a:ea typeface="ＭＳ Ｐ明朝" panose="02020600040205080304" pitchFamily="18" charset="-128"/>
            </a:endParaRPr>
          </a:p>
          <a:p>
            <a:pPr lvl="0"/>
            <a:r>
              <a:rPr lang="ja-JP" altLang="en-US" sz="1200" dirty="0" smtClean="0">
                <a:solidFill>
                  <a:prstClr val="black"/>
                </a:solidFill>
                <a:latin typeface="ＭＳ Ｐ明朝" panose="02020600040205080304" pitchFamily="18" charset="-128"/>
                <a:ea typeface="ＭＳ Ｐ明朝" panose="02020600040205080304" pitchFamily="18" charset="-128"/>
              </a:rPr>
              <a:t>・</a:t>
            </a:r>
            <a:r>
              <a:rPr lang="en-US" altLang="ja-JP" sz="1200" dirty="0" smtClean="0">
                <a:solidFill>
                  <a:prstClr val="black"/>
                </a:solidFill>
                <a:latin typeface="ＭＳ Ｐ明朝" panose="02020600040205080304" pitchFamily="18" charset="-128"/>
                <a:ea typeface="ＭＳ Ｐ明朝" panose="02020600040205080304" pitchFamily="18" charset="-128"/>
              </a:rPr>
              <a:t>2007</a:t>
            </a:r>
            <a:r>
              <a:rPr lang="ja-JP" altLang="en-US" sz="1200" dirty="0">
                <a:solidFill>
                  <a:prstClr val="black"/>
                </a:solidFill>
                <a:latin typeface="ＭＳ Ｐ明朝" panose="02020600040205080304" pitchFamily="18" charset="-128"/>
                <a:ea typeface="ＭＳ Ｐ明朝" panose="02020600040205080304" pitchFamily="18" charset="-128"/>
              </a:rPr>
              <a:t>年</a:t>
            </a:r>
            <a:r>
              <a:rPr lang="ja-JP" altLang="en-US" sz="1200" dirty="0" err="1">
                <a:solidFill>
                  <a:prstClr val="black"/>
                </a:solidFill>
                <a:latin typeface="ＭＳ Ｐ明朝" panose="02020600040205080304" pitchFamily="18" charset="-128"/>
                <a:ea typeface="ＭＳ Ｐ明朝" panose="02020600040205080304" pitchFamily="18" charset="-128"/>
              </a:rPr>
              <a:t>ま</a:t>
            </a:r>
            <a:r>
              <a:rPr lang="ja-JP" altLang="en-US" sz="1200" dirty="0">
                <a:solidFill>
                  <a:prstClr val="black"/>
                </a:solidFill>
                <a:latin typeface="ＭＳ Ｐ明朝" panose="02020600040205080304" pitchFamily="18" charset="-128"/>
                <a:ea typeface="ＭＳ Ｐ明朝" panose="02020600040205080304" pitchFamily="18" charset="-128"/>
              </a:rPr>
              <a:t>ちび</a:t>
            </a:r>
            <a:r>
              <a:rPr lang="ja-JP" altLang="en-US" sz="1200" dirty="0" smtClean="0">
                <a:solidFill>
                  <a:prstClr val="black"/>
                </a:solidFill>
                <a:latin typeface="ＭＳ Ｐ明朝" panose="02020600040205080304" pitchFamily="18" charset="-128"/>
                <a:ea typeface="ＭＳ Ｐ明朝" panose="02020600040205080304" pitchFamily="18" charset="-128"/>
              </a:rPr>
              <a:t>らき、</a:t>
            </a:r>
            <a:r>
              <a:rPr lang="ja-JP" altLang="en-US" sz="1200" dirty="0">
                <a:solidFill>
                  <a:prstClr val="black"/>
                </a:solidFill>
                <a:latin typeface="ＭＳ Ｐ明朝" panose="02020600040205080304" pitchFamily="18" charset="-128"/>
                <a:ea typeface="ＭＳ Ｐ明朝" panose="02020600040205080304" pitchFamily="18" charset="-128"/>
              </a:rPr>
              <a:t>箕面グリーンローﾄﾞ開通</a:t>
            </a:r>
            <a:endParaRPr lang="en-US" altLang="ja-JP" sz="1200" dirty="0">
              <a:solidFill>
                <a:prstClr val="black"/>
              </a:solidFill>
              <a:latin typeface="ＭＳ Ｐ明朝" panose="02020600040205080304" pitchFamily="18" charset="-128"/>
              <a:ea typeface="ＭＳ Ｐ明朝" panose="02020600040205080304" pitchFamily="18" charset="-128"/>
            </a:endParaRPr>
          </a:p>
          <a:p>
            <a:pPr lvl="0"/>
            <a:r>
              <a:rPr lang="ja-JP" altLang="en-US" sz="1200" dirty="0">
                <a:solidFill>
                  <a:prstClr val="black"/>
                </a:solidFill>
                <a:latin typeface="ＭＳ Ｐ明朝" panose="02020600040205080304" pitchFamily="18" charset="-128"/>
                <a:ea typeface="ＭＳ Ｐ明朝" panose="02020600040205080304" pitchFamily="18" charset="-128"/>
              </a:rPr>
              <a:t>・</a:t>
            </a:r>
            <a:r>
              <a:rPr lang="en-US" altLang="ja-JP" sz="1200" dirty="0">
                <a:solidFill>
                  <a:prstClr val="black"/>
                </a:solidFill>
                <a:latin typeface="ＭＳ Ｐ明朝" panose="02020600040205080304" pitchFamily="18" charset="-128"/>
                <a:ea typeface="ＭＳ Ｐ明朝" panose="02020600040205080304" pitchFamily="18" charset="-128"/>
              </a:rPr>
              <a:t>2008</a:t>
            </a:r>
            <a:r>
              <a:rPr lang="ja-JP" altLang="en-US" sz="1200" dirty="0">
                <a:solidFill>
                  <a:prstClr val="black"/>
                </a:solidFill>
                <a:latin typeface="ＭＳ Ｐ明朝" panose="02020600040205080304" pitchFamily="18" charset="-128"/>
                <a:ea typeface="ＭＳ Ｐ明朝" panose="02020600040205080304" pitchFamily="18" charset="-128"/>
              </a:rPr>
              <a:t>年小中一貫校開校</a:t>
            </a:r>
            <a:endParaRPr lang="en-US" altLang="ja-JP" sz="1200" dirty="0">
              <a:solidFill>
                <a:prstClr val="black"/>
              </a:solidFill>
              <a:latin typeface="ＭＳ Ｐ明朝" panose="02020600040205080304" pitchFamily="18" charset="-128"/>
              <a:ea typeface="ＭＳ Ｐ明朝" panose="02020600040205080304" pitchFamily="18" charset="-128"/>
            </a:endParaRPr>
          </a:p>
          <a:p>
            <a:pPr lvl="0"/>
            <a:r>
              <a:rPr lang="ja-JP" altLang="en-US" sz="1200" dirty="0">
                <a:solidFill>
                  <a:prstClr val="black"/>
                </a:solidFill>
                <a:latin typeface="ＭＳ Ｐ明朝" panose="02020600040205080304" pitchFamily="18" charset="-128"/>
                <a:ea typeface="ＭＳ Ｐ明朝" panose="02020600040205080304" pitchFamily="18" charset="-128"/>
              </a:rPr>
              <a:t>・</a:t>
            </a:r>
            <a:r>
              <a:rPr lang="en-US" altLang="ja-JP" sz="1200" dirty="0">
                <a:solidFill>
                  <a:prstClr val="black"/>
                </a:solidFill>
                <a:latin typeface="ＭＳ Ｐ明朝" panose="02020600040205080304" pitchFamily="18" charset="-128"/>
                <a:ea typeface="ＭＳ Ｐ明朝" panose="02020600040205080304" pitchFamily="18" charset="-128"/>
              </a:rPr>
              <a:t>2011</a:t>
            </a:r>
            <a:r>
              <a:rPr lang="ja-JP" altLang="en-US" sz="1200" dirty="0">
                <a:solidFill>
                  <a:prstClr val="black"/>
                </a:solidFill>
                <a:latin typeface="ＭＳ Ｐ明朝" panose="02020600040205080304" pitchFamily="18" charset="-128"/>
                <a:ea typeface="ＭＳ Ｐ明朝" panose="02020600040205080304" pitchFamily="18" charset="-128"/>
              </a:rPr>
              <a:t>年幼・保一体型こども園</a:t>
            </a:r>
            <a:r>
              <a:rPr lang="ja-JP" altLang="en-US" sz="1200" dirty="0" smtClean="0">
                <a:solidFill>
                  <a:prstClr val="black"/>
                </a:solidFill>
                <a:latin typeface="ＭＳ Ｐ明朝" panose="02020600040205080304" pitchFamily="18" charset="-128"/>
                <a:ea typeface="ＭＳ Ｐ明朝" panose="02020600040205080304" pitchFamily="18" charset="-128"/>
              </a:rPr>
              <a:t>開園</a:t>
            </a:r>
            <a:endParaRPr lang="en-US" altLang="ja-JP" sz="1200" dirty="0" smtClean="0">
              <a:solidFill>
                <a:prstClr val="black"/>
              </a:solidFill>
              <a:latin typeface="ＭＳ Ｐ明朝" panose="02020600040205080304" pitchFamily="18" charset="-128"/>
              <a:ea typeface="ＭＳ Ｐ明朝" panose="02020600040205080304" pitchFamily="18" charset="-128"/>
            </a:endParaRPr>
          </a:p>
          <a:p>
            <a:pPr lvl="0"/>
            <a:endParaRPr lang="en-US" altLang="ja-JP" sz="1200" dirty="0">
              <a:solidFill>
                <a:prstClr val="black"/>
              </a:solidFill>
              <a:latin typeface="ＭＳ Ｐ明朝" panose="02020600040205080304" pitchFamily="18" charset="-128"/>
              <a:ea typeface="ＭＳ Ｐ明朝" panose="02020600040205080304" pitchFamily="18" charset="-128"/>
            </a:endParaRPr>
          </a:p>
          <a:p>
            <a:pPr lvl="0">
              <a:defRPr/>
            </a:pPr>
            <a:r>
              <a:rPr lang="ja-JP" altLang="en-US" sz="1200" dirty="0" smtClean="0">
                <a:solidFill>
                  <a:prstClr val="black"/>
                </a:solidFill>
                <a:latin typeface="ＭＳ Ｐ明朝" panose="02020600040205080304" pitchFamily="18" charset="-128"/>
                <a:ea typeface="ＭＳ Ｐ明朝" panose="02020600040205080304" pitchFamily="18" charset="-128"/>
              </a:rPr>
              <a:t>➡　</a:t>
            </a:r>
            <a:r>
              <a:rPr lang="en-US" altLang="ja-JP" sz="1200" dirty="0" smtClean="0">
                <a:solidFill>
                  <a:prstClr val="black"/>
                </a:solidFill>
                <a:latin typeface="ＭＳ Ｐ明朝" panose="02020600040205080304" pitchFamily="18" charset="-128"/>
                <a:ea typeface="ＭＳ Ｐ明朝" panose="02020600040205080304" pitchFamily="18" charset="-128"/>
              </a:rPr>
              <a:t>2015</a:t>
            </a:r>
            <a:r>
              <a:rPr lang="ja-JP" altLang="en-US" sz="1200" dirty="0" smtClean="0">
                <a:solidFill>
                  <a:prstClr val="black"/>
                </a:solidFill>
                <a:latin typeface="ＭＳ Ｐ明朝" panose="02020600040205080304" pitchFamily="18" charset="-128"/>
                <a:ea typeface="ＭＳ Ｐ明朝" panose="02020600040205080304" pitchFamily="18" charset="-128"/>
              </a:rPr>
              <a:t>年企業用地ゾーン公募</a:t>
            </a:r>
            <a:r>
              <a:rPr lang="ja-JP" altLang="en-US" sz="1200" dirty="0">
                <a:solidFill>
                  <a:prstClr val="black"/>
                </a:solidFill>
                <a:latin typeface="ＭＳ Ｐ明朝" panose="02020600040205080304" pitchFamily="18" charset="-128"/>
                <a:ea typeface="ＭＳ Ｐ明朝" panose="02020600040205080304" pitchFamily="18" charset="-128"/>
              </a:rPr>
              <a:t>予定</a:t>
            </a:r>
            <a:endParaRPr lang="en-US" altLang="ja-JP" sz="1200" dirty="0">
              <a:solidFill>
                <a:prstClr val="black"/>
              </a:solidFill>
              <a:latin typeface="ＭＳ Ｐ明朝" panose="02020600040205080304" pitchFamily="18" charset="-128"/>
              <a:ea typeface="ＭＳ Ｐ明朝" panose="02020600040205080304" pitchFamily="18" charset="-128"/>
            </a:endParaRPr>
          </a:p>
          <a:p>
            <a:pPr lvl="0">
              <a:defRPr/>
            </a:pPr>
            <a:r>
              <a:rPr lang="ja-JP" altLang="en-US" sz="1200" dirty="0">
                <a:solidFill>
                  <a:prstClr val="black"/>
                </a:solidFill>
                <a:latin typeface="ＭＳ Ｐ明朝" panose="02020600040205080304" pitchFamily="18" charset="-128"/>
                <a:ea typeface="ＭＳ Ｐ明朝" panose="02020600040205080304" pitchFamily="18" charset="-128"/>
              </a:rPr>
              <a:t>　</a:t>
            </a:r>
            <a:r>
              <a:rPr lang="ja-JP" altLang="en-US" sz="1200" dirty="0" smtClean="0">
                <a:solidFill>
                  <a:prstClr val="black"/>
                </a:solidFill>
                <a:latin typeface="ＭＳ Ｐ明朝" panose="02020600040205080304" pitchFamily="18" charset="-128"/>
                <a:ea typeface="ＭＳ Ｐ明朝" panose="02020600040205080304" pitchFamily="18" charset="-128"/>
              </a:rPr>
              <a:t>　（ </a:t>
            </a:r>
            <a:r>
              <a:rPr lang="en-US" altLang="ja-JP" sz="1200" dirty="0" smtClean="0">
                <a:solidFill>
                  <a:prstClr val="black"/>
                </a:solidFill>
                <a:latin typeface="ＭＳ Ｐ明朝" panose="02020600040205080304" pitchFamily="18" charset="-128"/>
                <a:ea typeface="ＭＳ Ｐ明朝" panose="02020600040205080304" pitchFamily="18" charset="-128"/>
              </a:rPr>
              <a:t>2017</a:t>
            </a:r>
            <a:r>
              <a:rPr lang="ja-JP" altLang="en-US" sz="1200" dirty="0" smtClean="0">
                <a:solidFill>
                  <a:prstClr val="black"/>
                </a:solidFill>
                <a:latin typeface="ＭＳ Ｐ明朝" panose="02020600040205080304" pitchFamily="18" charset="-128"/>
                <a:ea typeface="ＭＳ Ｐ明朝" panose="02020600040205080304" pitchFamily="18" charset="-128"/>
              </a:rPr>
              <a:t>年以降土地</a:t>
            </a:r>
            <a:r>
              <a:rPr lang="ja-JP" altLang="en-US" sz="1200" dirty="0">
                <a:solidFill>
                  <a:prstClr val="black"/>
                </a:solidFill>
                <a:latin typeface="ＭＳ Ｐ明朝" panose="02020600040205080304" pitchFamily="18" charset="-128"/>
                <a:ea typeface="ＭＳ Ｐ明朝" panose="02020600040205080304" pitchFamily="18" charset="-128"/>
              </a:rPr>
              <a:t>引き渡し</a:t>
            </a:r>
            <a:r>
              <a:rPr lang="ja-JP" altLang="en-US" sz="1200" dirty="0" smtClean="0">
                <a:solidFill>
                  <a:prstClr val="black"/>
                </a:solidFill>
                <a:latin typeface="ＭＳ Ｐ明朝" panose="02020600040205080304" pitchFamily="18" charset="-128"/>
                <a:ea typeface="ＭＳ Ｐ明朝" panose="02020600040205080304" pitchFamily="18" charset="-128"/>
              </a:rPr>
              <a:t>予定）</a:t>
            </a:r>
            <a:endParaRPr lang="en-US" altLang="ja-JP" sz="1200" dirty="0">
              <a:solidFill>
                <a:prstClr val="black"/>
              </a:solidFill>
              <a:latin typeface="ＭＳ Ｐ明朝" panose="02020600040205080304" pitchFamily="18" charset="-128"/>
              <a:ea typeface="ＭＳ Ｐ明朝" panose="02020600040205080304" pitchFamily="18" charset="-128"/>
            </a:endParaRPr>
          </a:p>
          <a:p>
            <a:endParaRPr lang="en-US" altLang="ja-JP" sz="1200" dirty="0" smtClean="0">
              <a:solidFill>
                <a:srgbClr val="FF0000"/>
              </a:solidFill>
              <a:latin typeface="ＭＳ Ｐ明朝" panose="02020600040205080304" pitchFamily="18" charset="-128"/>
              <a:ea typeface="ＭＳ Ｐ明朝" panose="02020600040205080304" pitchFamily="18" charset="-128"/>
            </a:endParaRPr>
          </a:p>
          <a:p>
            <a:r>
              <a:rPr lang="ja-JP" altLang="en-US" sz="1200" dirty="0" smtClean="0">
                <a:solidFill>
                  <a:srgbClr val="FF0000"/>
                </a:solidFill>
                <a:latin typeface="ＭＳ Ｐ明朝" panose="02020600040205080304" pitchFamily="18" charset="-128"/>
                <a:ea typeface="ＭＳ Ｐ明朝" panose="02020600040205080304" pitchFamily="18" charset="-128"/>
              </a:rPr>
              <a:t>　</a:t>
            </a:r>
            <a:endParaRPr lang="en-US" altLang="ja-JP" sz="1200" dirty="0" smtClean="0">
              <a:solidFill>
                <a:srgbClr val="FF0000"/>
              </a:solidFill>
              <a:latin typeface="ＭＳ Ｐ明朝" panose="02020600040205080304" pitchFamily="18" charset="-128"/>
              <a:ea typeface="ＭＳ Ｐ明朝" panose="02020600040205080304" pitchFamily="18" charset="-128"/>
            </a:endParaRPr>
          </a:p>
          <a:p>
            <a:endParaRPr kumimoji="1" lang="en-US" altLang="ja-JP" sz="1200" dirty="0">
              <a:solidFill>
                <a:srgbClr val="FF0000"/>
              </a:solidFill>
              <a:latin typeface="ＭＳ Ｐ明朝" panose="02020600040205080304" pitchFamily="18" charset="-128"/>
              <a:ea typeface="ＭＳ Ｐ明朝" panose="02020600040205080304" pitchFamily="18" charset="-128"/>
            </a:endParaRPr>
          </a:p>
          <a:p>
            <a:r>
              <a:rPr lang="ja-JP" altLang="en-US" sz="1200" dirty="0" smtClean="0">
                <a:solidFill>
                  <a:srgbClr val="FF0000"/>
                </a:solidFill>
                <a:latin typeface="ＭＳ Ｐ明朝" panose="02020600040205080304" pitchFamily="18" charset="-128"/>
                <a:ea typeface="ＭＳ Ｐ明朝" panose="02020600040205080304" pitchFamily="18" charset="-128"/>
              </a:rPr>
              <a:t>　　</a:t>
            </a:r>
            <a:endParaRPr kumimoji="1" lang="en-US" altLang="ja-JP" sz="1200" dirty="0" smtClean="0">
              <a:solidFill>
                <a:srgbClr val="FF0000"/>
              </a:solidFill>
              <a:latin typeface="ＭＳ Ｐ明朝" panose="02020600040205080304" pitchFamily="18" charset="-128"/>
              <a:ea typeface="ＭＳ Ｐ明朝" panose="02020600040205080304" pitchFamily="18" charset="-128"/>
            </a:endParaRPr>
          </a:p>
        </p:txBody>
      </p:sp>
      <p:sp>
        <p:nvSpPr>
          <p:cNvPr id="28"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１</a:t>
            </a:r>
            <a:r>
              <a:rPr lang="ja-JP" altLang="en-US" sz="2000" b="1" dirty="0" smtClean="0">
                <a:solidFill>
                  <a:schemeClr val="bg1"/>
                </a:solidFill>
                <a:latin typeface="ＭＳ ゴシック" pitchFamily="49" charset="-128"/>
                <a:ea typeface="ＭＳ ゴシック" pitchFamily="49" charset="-128"/>
              </a:rPr>
              <a:t>．箕面森町・彩都　</a:t>
            </a:r>
            <a:r>
              <a:rPr lang="ja-JP" altLang="en-US" sz="1600" b="1" dirty="0" smtClean="0">
                <a:solidFill>
                  <a:schemeClr val="bg1"/>
                </a:solidFill>
                <a:latin typeface="ＭＳ ゴシック" pitchFamily="49" charset="-128"/>
                <a:ea typeface="ＭＳ ゴシック" pitchFamily="49" charset="-128"/>
              </a:rPr>
              <a:t>（国土軸を支える新たな産業・物流拠点の形成</a:t>
            </a:r>
            <a:r>
              <a:rPr lang="ja-JP" altLang="en-US" sz="1600" b="1" dirty="0">
                <a:solidFill>
                  <a:schemeClr val="bg1"/>
                </a:solidFill>
                <a:latin typeface="ＭＳ ゴシック" pitchFamily="49" charset="-128"/>
                <a:ea typeface="ＭＳ ゴシック" pitchFamily="49" charset="-128"/>
              </a:rPr>
              <a:t>）</a:t>
            </a:r>
            <a:endParaRPr lang="en-US" altLang="ja-JP" sz="1200" b="1" dirty="0" smtClean="0">
              <a:solidFill>
                <a:schemeClr val="bg1"/>
              </a:solidFill>
              <a:latin typeface="ＭＳ ゴシック" pitchFamily="49" charset="-128"/>
              <a:ea typeface="ＭＳ ゴシック" pitchFamily="49" charset="-128"/>
            </a:endParaRPr>
          </a:p>
        </p:txBody>
      </p:sp>
      <p:grpSp>
        <p:nvGrpSpPr>
          <p:cNvPr id="5" name="グループ化 58"/>
          <p:cNvGrpSpPr/>
          <p:nvPr/>
        </p:nvGrpSpPr>
        <p:grpSpPr>
          <a:xfrm>
            <a:off x="178767" y="6123152"/>
            <a:ext cx="9048600" cy="657265"/>
            <a:chOff x="76116" y="6085051"/>
            <a:chExt cx="8352554" cy="657265"/>
          </a:xfrm>
        </p:grpSpPr>
        <p:sp>
          <p:nvSpPr>
            <p:cNvPr id="60" name="角丸四角形 59"/>
            <p:cNvSpPr/>
            <p:nvPr/>
          </p:nvSpPr>
          <p:spPr>
            <a:xfrm>
              <a:off x="162620" y="6381328"/>
              <a:ext cx="8266050" cy="3609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pPr>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rPr>
                <a:t>・大阪府</a:t>
              </a:r>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a:solidFill>
                    <a:schemeClr val="tx1"/>
                  </a:solidFill>
                  <a:latin typeface="ＭＳ Ｐ明朝" panose="02020600040205080304" pitchFamily="18" charset="-128"/>
                  <a:ea typeface="ＭＳ Ｐ明朝" panose="02020600040205080304" pitchFamily="18" charset="-128"/>
                </a:rPr>
                <a:t>都市整備部、住宅まちづくり</a:t>
              </a:r>
              <a:r>
                <a:rPr lang="ja-JP" altLang="en-US" sz="1400" dirty="0" smtClean="0">
                  <a:solidFill>
                    <a:schemeClr val="tx1"/>
                  </a:solidFill>
                  <a:latin typeface="ＭＳ Ｐ明朝" panose="02020600040205080304" pitchFamily="18" charset="-128"/>
                  <a:ea typeface="ＭＳ Ｐ明朝" panose="02020600040205080304" pitchFamily="18" charset="-128"/>
                </a:rPr>
                <a:t>部、</a:t>
              </a:r>
              <a:r>
                <a:rPr lang="ja-JP" altLang="en-US" sz="1400" dirty="0">
                  <a:solidFill>
                    <a:schemeClr val="tx1"/>
                  </a:solidFill>
                  <a:latin typeface="ＭＳ Ｐ明朝" panose="02020600040205080304" pitchFamily="18" charset="-128"/>
                  <a:ea typeface="ＭＳ Ｐ明朝" panose="02020600040205080304" pitchFamily="18" charset="-128"/>
                </a:rPr>
                <a:t>商工</a:t>
              </a:r>
              <a:r>
                <a:rPr lang="ja-JP" altLang="en-US" sz="1400" dirty="0" smtClean="0">
                  <a:solidFill>
                    <a:schemeClr val="tx1"/>
                  </a:solidFill>
                  <a:latin typeface="ＭＳ Ｐ明朝" panose="02020600040205080304" pitchFamily="18" charset="-128"/>
                  <a:ea typeface="ＭＳ Ｐ明朝" panose="02020600040205080304" pitchFamily="18" charset="-128"/>
                </a:rPr>
                <a:t>労働部</a:t>
              </a:r>
              <a:endParaRPr lang="ja-JP" altLang="en-US" sz="1400" dirty="0">
                <a:solidFill>
                  <a:schemeClr val="tx1"/>
                </a:solidFill>
                <a:latin typeface="ＭＳ Ｐ明朝" panose="02020600040205080304" pitchFamily="18" charset="-128"/>
                <a:ea typeface="ＭＳ Ｐ明朝" panose="02020600040205080304" pitchFamily="18" charset="-128"/>
              </a:endParaRPr>
            </a:p>
          </p:txBody>
        </p:sp>
        <p:sp>
          <p:nvSpPr>
            <p:cNvPr id="61" name="テキスト ボックス 60"/>
            <p:cNvSpPr txBox="1"/>
            <p:nvPr/>
          </p:nvSpPr>
          <p:spPr>
            <a:xfrm>
              <a:off x="76116" y="6085051"/>
              <a:ext cx="8319762" cy="338554"/>
            </a:xfrm>
            <a:prstGeom prst="rect">
              <a:avLst/>
            </a:prstGeom>
            <a:noFill/>
          </p:spPr>
          <p:txBody>
            <a:bodyPr wrap="square" rtlCol="0">
              <a:spAutoFit/>
            </a:bodyPr>
            <a:lstStyle/>
            <a:p>
              <a:r>
                <a:rPr lang="ja-JP" altLang="en-US" sz="1600" dirty="0" smtClean="0"/>
                <a:t>○</a:t>
              </a:r>
              <a:r>
                <a:rPr lang="en-US" altLang="ja-JP" sz="1600" dirty="0"/>
                <a:t> 『</a:t>
              </a:r>
              <a:r>
                <a:rPr lang="ja-JP" altLang="en-US" sz="1600" dirty="0"/>
                <a:t>箕面森町・彩</a:t>
              </a:r>
              <a:r>
                <a:rPr lang="ja-JP" altLang="en-US" sz="1600" dirty="0" smtClean="0"/>
                <a:t>都</a:t>
              </a:r>
              <a:r>
                <a:rPr lang="en-US" altLang="ja-JP" sz="1600" dirty="0" smtClean="0"/>
                <a:t>』</a:t>
              </a:r>
              <a:r>
                <a:rPr lang="ja-JP" altLang="en-US" sz="1600" dirty="0"/>
                <a:t>エリア</a:t>
              </a:r>
              <a:r>
                <a:rPr lang="ja-JP" altLang="en-US" sz="1600" dirty="0" smtClean="0"/>
                <a:t>の</a:t>
              </a:r>
              <a:r>
                <a:rPr lang="ja-JP" altLang="en-US" sz="1600" dirty="0"/>
                <a:t>担当</a:t>
              </a:r>
              <a:r>
                <a:rPr lang="ja-JP" altLang="en-US" sz="1600" dirty="0" smtClean="0"/>
                <a:t>部局一覧</a:t>
              </a:r>
              <a:endParaRPr lang="en-US" altLang="ja-JP" sz="1600" dirty="0" smtClean="0"/>
            </a:p>
          </p:txBody>
        </p:sp>
      </p:grpSp>
      <p:sp>
        <p:nvSpPr>
          <p:cNvPr id="56" name="スライド番号プレースホルダ 55"/>
          <p:cNvSpPr>
            <a:spLocks noGrp="1"/>
          </p:cNvSpPr>
          <p:nvPr>
            <p:ph type="sldNum" sz="quarter" idx="12"/>
          </p:nvPr>
        </p:nvSpPr>
        <p:spPr/>
        <p:txBody>
          <a:bodyPr/>
          <a:lstStyle/>
          <a:p>
            <a:fld id="{37EF5067-3AB7-4642-9103-42CBD40CC6D9}" type="slidenum">
              <a:rPr kumimoji="1" lang="ja-JP" altLang="en-US" smtClean="0"/>
              <a:pPr/>
              <a:t>45</a:t>
            </a:fld>
            <a:endParaRPr kumimoji="1" lang="ja-JP" altLang="en-US" dirty="0"/>
          </a:p>
        </p:txBody>
      </p:sp>
      <p:pic>
        <p:nvPicPr>
          <p:cNvPr id="110594" name="Picture 2"/>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16525" y="838200"/>
            <a:ext cx="5505450" cy="51816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54980744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428497" y="1628800"/>
            <a:ext cx="9127014" cy="0"/>
          </a:xfrm>
          <a:prstGeom prst="line">
            <a:avLst/>
          </a:prstGeom>
          <a:ln w="25400">
            <a:solidFill>
              <a:srgbClr val="0070C0"/>
            </a:solidFill>
          </a:ln>
        </p:spPr>
        <p:style>
          <a:lnRef idx="1">
            <a:schemeClr val="accent1"/>
          </a:lnRef>
          <a:fillRef idx="0">
            <a:schemeClr val="accent1"/>
          </a:fillRef>
          <a:effectRef idx="0">
            <a:schemeClr val="accent1"/>
          </a:effectRef>
          <a:fontRef idx="minor">
            <a:schemeClr val="tx1"/>
          </a:fontRef>
        </p:style>
      </p:cxnSp>
      <p:sp>
        <p:nvSpPr>
          <p:cNvPr id="8" name="テキスト ボックス 4"/>
          <p:cNvSpPr txBox="1"/>
          <p:nvPr/>
        </p:nvSpPr>
        <p:spPr>
          <a:xfrm>
            <a:off x="3626853" y="692697"/>
            <a:ext cx="2418269" cy="584775"/>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a:r>
              <a:rPr lang="en-US" altLang="ja-JP" sz="3200" dirty="0" smtClean="0"/>
              <a:t>【</a:t>
            </a:r>
            <a:r>
              <a:rPr lang="ja-JP" altLang="en-US" sz="3200" dirty="0" smtClean="0"/>
              <a:t>テーマ編</a:t>
            </a:r>
            <a:r>
              <a:rPr lang="en-US" altLang="ja-JP" sz="3200" dirty="0" smtClean="0"/>
              <a:t>】</a:t>
            </a:r>
            <a:endParaRPr kumimoji="1" lang="en-US" altLang="ja-JP" sz="3200" dirty="0" smtClean="0"/>
          </a:p>
        </p:txBody>
      </p:sp>
      <p:graphicFrame>
        <p:nvGraphicFramePr>
          <p:cNvPr id="9" name="表 8"/>
          <p:cNvGraphicFramePr>
            <a:graphicFrameLocks noGrp="1"/>
          </p:cNvGraphicFramePr>
          <p:nvPr>
            <p:extLst>
              <p:ext uri="{D42A27DB-BD31-4B8C-83A1-F6EECF244321}">
                <p14:modId xmlns:p14="http://schemas.microsoft.com/office/powerpoint/2010/main" val="3236352583"/>
              </p:ext>
            </p:extLst>
          </p:nvPr>
        </p:nvGraphicFramePr>
        <p:xfrm>
          <a:off x="1102518" y="2605112"/>
          <a:ext cx="7660482" cy="2133600"/>
        </p:xfrm>
        <a:graphic>
          <a:graphicData uri="http://schemas.openxmlformats.org/drawingml/2006/table">
            <a:tbl>
              <a:tblPr/>
              <a:tblGrid>
                <a:gridCol w="6231732"/>
                <a:gridCol w="1428750"/>
              </a:tblGrid>
              <a:tr h="0">
                <a:tc>
                  <a:txBody>
                    <a:bodyPr/>
                    <a:lstStyle/>
                    <a:p>
                      <a:pPr indent="133350" algn="just">
                        <a:spcAft>
                          <a:spcPts val="0"/>
                        </a:spcAft>
                      </a:pPr>
                      <a:r>
                        <a:rPr lang="ja-JP" sz="2000" kern="100" dirty="0">
                          <a:latin typeface="+mj-ea"/>
                          <a:ea typeface="+mj-ea"/>
                          <a:cs typeface="Times New Roman"/>
                        </a:rPr>
                        <a:t>１．教育改革 </a:t>
                      </a:r>
                    </a:p>
                  </a:txBody>
                  <a:tcPr marL="68580" marR="68580" marT="0" marB="0">
                    <a:lnL>
                      <a:noFill/>
                    </a:lnL>
                    <a:lnR>
                      <a:noFill/>
                    </a:lnR>
                    <a:lnT>
                      <a:noFill/>
                    </a:lnT>
                    <a:lnB>
                      <a:noFill/>
                    </a:lnB>
                  </a:tcPr>
                </a:tc>
                <a:tc>
                  <a:txBody>
                    <a:bodyPr/>
                    <a:lstStyle/>
                    <a:p>
                      <a:pPr algn="ctr">
                        <a:spcAft>
                          <a:spcPts val="0"/>
                        </a:spcAft>
                      </a:pPr>
                      <a:r>
                        <a:rPr kumimoji="1" lang="en-US" altLang="ja-JP" sz="2000" b="0" i="0" u="none" strike="noStrike" kern="100" cap="none" spc="0" normalizeH="0" baseline="0" noProof="0" dirty="0" smtClean="0">
                          <a:ln>
                            <a:noFill/>
                          </a:ln>
                          <a:solidFill>
                            <a:prstClr val="black"/>
                          </a:solidFill>
                          <a:effectLst/>
                          <a:uLnTx/>
                          <a:uFillTx/>
                          <a:latin typeface=""/>
                          <a:ea typeface="+mj-ea"/>
                          <a:cs typeface="Times New Roman"/>
                        </a:rPr>
                        <a:t>P. </a:t>
                      </a:r>
                      <a:r>
                        <a:rPr lang="en-US" sz="2000" kern="100" dirty="0" smtClean="0">
                          <a:latin typeface="+mj-ea"/>
                          <a:ea typeface="+mj-ea"/>
                          <a:cs typeface="Times New Roman"/>
                        </a:rPr>
                        <a:t>47</a:t>
                      </a:r>
                      <a:endParaRPr lang="ja-JP" sz="20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2000" kern="100" dirty="0">
                          <a:latin typeface="+mj-ea"/>
                          <a:ea typeface="+mj-ea"/>
                          <a:cs typeface="Times New Roman"/>
                        </a:rPr>
                        <a:t>２．女性の活躍促進 </a:t>
                      </a:r>
                    </a:p>
                  </a:txBody>
                  <a:tcPr marL="68580" marR="68580" marT="0" marB="0">
                    <a:lnL>
                      <a:noFill/>
                    </a:lnL>
                    <a:lnR>
                      <a:noFill/>
                    </a:lnR>
                    <a:lnT>
                      <a:noFill/>
                    </a:lnT>
                    <a:lnB>
                      <a:noFill/>
                    </a:lnB>
                  </a:tcPr>
                </a:tc>
                <a:tc>
                  <a:txBody>
                    <a:bodyPr/>
                    <a:lstStyle/>
                    <a:p>
                      <a:pPr algn="ctr">
                        <a:spcAft>
                          <a:spcPts val="0"/>
                        </a:spcAft>
                        <a:buNone/>
                      </a:pPr>
                      <a:r>
                        <a:rPr kumimoji="1" lang="en-US" altLang="ja-JP" sz="2000" b="0" i="0" u="none" strike="noStrike" kern="100" cap="none" spc="0" normalizeH="0" baseline="0" noProof="0" dirty="0" smtClean="0">
                          <a:ln>
                            <a:noFill/>
                          </a:ln>
                          <a:solidFill>
                            <a:prstClr val="black"/>
                          </a:solidFill>
                          <a:effectLst/>
                          <a:uLnTx/>
                          <a:uFillTx/>
                          <a:latin typeface=""/>
                          <a:ea typeface="+mj-ea"/>
                          <a:cs typeface="Times New Roman"/>
                        </a:rPr>
                        <a:t>P. </a:t>
                      </a:r>
                      <a:r>
                        <a:rPr lang="en-US" sz="2000" kern="100" dirty="0" smtClean="0">
                          <a:latin typeface="+mj-ea"/>
                          <a:ea typeface="+mj-ea"/>
                          <a:cs typeface="Times New Roman"/>
                        </a:rPr>
                        <a:t>50</a:t>
                      </a:r>
                      <a:endParaRPr lang="ja-JP" sz="20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2000" kern="100" dirty="0">
                          <a:latin typeface="+mj-ea"/>
                          <a:ea typeface="+mj-ea"/>
                          <a:cs typeface="Times New Roman"/>
                        </a:rPr>
                        <a:t>３．文化支援施策の改革 </a:t>
                      </a:r>
                    </a:p>
                  </a:txBody>
                  <a:tcPr marL="68580" marR="68580" marT="0" marB="0">
                    <a:lnL>
                      <a:noFill/>
                    </a:lnL>
                    <a:lnR>
                      <a:noFill/>
                    </a:lnR>
                    <a:lnT>
                      <a:noFill/>
                    </a:lnT>
                    <a:lnB>
                      <a:noFill/>
                    </a:lnB>
                  </a:tcPr>
                </a:tc>
                <a:tc>
                  <a:txBody>
                    <a:bodyPr/>
                    <a:lstStyle/>
                    <a:p>
                      <a:pPr algn="ctr">
                        <a:spcAft>
                          <a:spcPts val="0"/>
                        </a:spcAft>
                      </a:pPr>
                      <a:r>
                        <a:rPr lang="en-US" sz="2000" kern="100" dirty="0" smtClean="0">
                          <a:latin typeface="+mj-ea"/>
                          <a:ea typeface="+mj-ea"/>
                          <a:cs typeface="Times New Roman"/>
                        </a:rPr>
                        <a:t>P. 54</a:t>
                      </a:r>
                      <a:endParaRPr lang="ja-JP" sz="20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2000" kern="100" dirty="0">
                          <a:latin typeface="+mj-ea"/>
                          <a:ea typeface="+mj-ea"/>
                          <a:cs typeface="Times New Roman"/>
                        </a:rPr>
                        <a:t>４．観光・都市魅力創造 </a:t>
                      </a:r>
                    </a:p>
                  </a:txBody>
                  <a:tcPr marL="68580" marR="68580" marT="0" marB="0">
                    <a:lnL>
                      <a:noFill/>
                    </a:lnL>
                    <a:lnR>
                      <a:noFill/>
                    </a:lnR>
                    <a:lnT>
                      <a:noFill/>
                    </a:lnT>
                    <a:lnB>
                      <a:noFill/>
                    </a:lnB>
                  </a:tcPr>
                </a:tc>
                <a:tc>
                  <a:txBody>
                    <a:bodyPr/>
                    <a:lstStyle/>
                    <a:p>
                      <a:pPr algn="ctr">
                        <a:spcAft>
                          <a:spcPts val="0"/>
                        </a:spcAft>
                      </a:pPr>
                      <a:r>
                        <a:rPr lang="en-US" sz="2000" kern="100" dirty="0" smtClean="0">
                          <a:latin typeface="+mj-ea"/>
                          <a:ea typeface="+mj-ea"/>
                          <a:cs typeface="Times New Roman"/>
                        </a:rPr>
                        <a:t>P. 57</a:t>
                      </a:r>
                      <a:endParaRPr lang="ja-JP" sz="20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2000" kern="100" dirty="0">
                          <a:latin typeface="+mj-ea"/>
                          <a:ea typeface="+mj-ea"/>
                          <a:cs typeface="Times New Roman"/>
                        </a:rPr>
                        <a:t>５．危機管理・防災 </a:t>
                      </a:r>
                    </a:p>
                  </a:txBody>
                  <a:tcPr marL="68580" marR="68580" marT="0" marB="0">
                    <a:lnL>
                      <a:noFill/>
                    </a:lnL>
                    <a:lnR>
                      <a:noFill/>
                    </a:lnR>
                    <a:lnT>
                      <a:noFill/>
                    </a:lnT>
                    <a:lnB>
                      <a:noFill/>
                    </a:lnB>
                  </a:tcPr>
                </a:tc>
                <a:tc>
                  <a:txBody>
                    <a:bodyPr/>
                    <a:lstStyle/>
                    <a:p>
                      <a:pPr algn="ctr">
                        <a:spcAft>
                          <a:spcPts val="0"/>
                        </a:spcAft>
                      </a:pPr>
                      <a:r>
                        <a:rPr kumimoji="1" lang="en-US" altLang="ja-JP" sz="2000" b="0" i="0" u="none" strike="noStrike" kern="100" cap="none" spc="0" normalizeH="0" baseline="0" noProof="0" dirty="0" smtClean="0">
                          <a:ln>
                            <a:noFill/>
                          </a:ln>
                          <a:solidFill>
                            <a:prstClr val="black"/>
                          </a:solidFill>
                          <a:effectLst/>
                          <a:uLnTx/>
                          <a:uFillTx/>
                          <a:latin typeface=""/>
                          <a:ea typeface="+mj-ea"/>
                          <a:cs typeface="Times New Roman"/>
                        </a:rPr>
                        <a:t>P. </a:t>
                      </a:r>
                      <a:r>
                        <a:rPr lang="en-US" sz="2000" kern="100" dirty="0" smtClean="0">
                          <a:latin typeface="+mj-ea"/>
                          <a:ea typeface="+mj-ea"/>
                          <a:cs typeface="Times New Roman"/>
                        </a:rPr>
                        <a:t>65</a:t>
                      </a:r>
                      <a:endParaRPr lang="ja-JP" sz="20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2000" kern="100" dirty="0">
                          <a:latin typeface="+mj-ea"/>
                          <a:ea typeface="+mj-ea"/>
                          <a:cs typeface="Times New Roman"/>
                        </a:rPr>
                        <a:t>６．健康・医療に関する戦略 </a:t>
                      </a:r>
                    </a:p>
                  </a:txBody>
                  <a:tcPr marL="68580" marR="68580" marT="0" marB="0">
                    <a:lnL>
                      <a:noFill/>
                    </a:lnL>
                    <a:lnR>
                      <a:noFill/>
                    </a:lnR>
                    <a:lnT>
                      <a:noFill/>
                    </a:lnT>
                    <a:lnB>
                      <a:noFill/>
                    </a:lnB>
                  </a:tcPr>
                </a:tc>
                <a:tc>
                  <a:txBody>
                    <a:bodyPr/>
                    <a:lstStyle/>
                    <a:p>
                      <a:pPr algn="ctr">
                        <a:spcAft>
                          <a:spcPts val="0"/>
                        </a:spcAft>
                      </a:pPr>
                      <a:r>
                        <a:rPr kumimoji="1" lang="en-US" altLang="ja-JP" sz="2000" b="0" i="0" u="none" strike="noStrike" kern="100" cap="none" spc="0" normalizeH="0" baseline="0" noProof="0" dirty="0" smtClean="0">
                          <a:ln>
                            <a:noFill/>
                          </a:ln>
                          <a:solidFill>
                            <a:prstClr val="black"/>
                          </a:solidFill>
                          <a:effectLst/>
                          <a:uLnTx/>
                          <a:uFillTx/>
                          <a:latin typeface=""/>
                          <a:ea typeface="+mj-ea"/>
                          <a:cs typeface="Times New Roman"/>
                        </a:rPr>
                        <a:t>P. </a:t>
                      </a:r>
                      <a:r>
                        <a:rPr lang="en-US" sz="2000" kern="100" dirty="0" smtClean="0">
                          <a:latin typeface="+mj-ea"/>
                          <a:ea typeface="+mj-ea"/>
                          <a:cs typeface="Times New Roman"/>
                        </a:rPr>
                        <a:t>67</a:t>
                      </a:r>
                      <a:endParaRPr lang="ja-JP" sz="2000" kern="100" dirty="0">
                        <a:latin typeface="+mj-ea"/>
                        <a:ea typeface="+mj-ea"/>
                        <a:cs typeface="Times New Roman"/>
                      </a:endParaRPr>
                    </a:p>
                  </a:txBody>
                  <a:tcPr marL="68580" marR="68580" marT="0" marB="0">
                    <a:lnL>
                      <a:noFill/>
                    </a:lnL>
                    <a:lnR>
                      <a:noFill/>
                    </a:lnR>
                    <a:lnT>
                      <a:noFill/>
                    </a:lnT>
                    <a:lnB>
                      <a:noFill/>
                    </a:lnB>
                  </a:tcPr>
                </a:tc>
              </a:tr>
              <a:tr h="0">
                <a:tc>
                  <a:txBody>
                    <a:bodyPr/>
                    <a:lstStyle/>
                    <a:p>
                      <a:pPr indent="133350" algn="just">
                        <a:spcAft>
                          <a:spcPts val="0"/>
                        </a:spcAft>
                      </a:pPr>
                      <a:r>
                        <a:rPr lang="ja-JP" sz="2000" kern="100" dirty="0">
                          <a:latin typeface="+mj-ea"/>
                          <a:ea typeface="+mj-ea"/>
                          <a:cs typeface="Times New Roman"/>
                        </a:rPr>
                        <a:t>７．大阪都市圏の交通インフラ </a:t>
                      </a:r>
                    </a:p>
                  </a:txBody>
                  <a:tcPr marL="68580" marR="68580" marT="0" marB="0">
                    <a:lnL>
                      <a:noFill/>
                    </a:lnL>
                    <a:lnR>
                      <a:noFill/>
                    </a:lnR>
                    <a:lnT>
                      <a:noFill/>
                    </a:lnT>
                    <a:lnB>
                      <a:noFill/>
                    </a:lnB>
                  </a:tcPr>
                </a:tc>
                <a:tc>
                  <a:txBody>
                    <a:bodyPr/>
                    <a:lstStyle/>
                    <a:p>
                      <a:pPr algn="ctr">
                        <a:spcAft>
                          <a:spcPts val="0"/>
                        </a:spcAft>
                      </a:pPr>
                      <a:r>
                        <a:rPr lang="en-US" sz="2000" kern="100" dirty="0" smtClean="0">
                          <a:latin typeface="+mj-ea"/>
                          <a:ea typeface="+mj-ea"/>
                          <a:cs typeface="Times New Roman"/>
                        </a:rPr>
                        <a:t>P. 71</a:t>
                      </a:r>
                      <a:endParaRPr lang="ja-JP" sz="2000" kern="100" dirty="0">
                        <a:latin typeface="+mj-ea"/>
                        <a:ea typeface="+mj-ea"/>
                        <a:cs typeface="Times New Roman"/>
                      </a:endParaRPr>
                    </a:p>
                  </a:txBody>
                  <a:tcPr marL="68580" marR="68580" marT="0" marB="0">
                    <a:lnL>
                      <a:noFill/>
                    </a:lnL>
                    <a:lnR>
                      <a:noFill/>
                    </a:lnR>
                    <a:lnT>
                      <a:noFill/>
                    </a:lnT>
                    <a:lnB>
                      <a:noFill/>
                    </a:lnB>
                  </a:tcPr>
                </a:tc>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46</a:t>
            </a:fld>
            <a:endParaRPr kumimoji="1" lang="ja-JP" altLang="en-US" dirty="0"/>
          </a:p>
        </p:txBody>
      </p:sp>
    </p:spTree>
    <p:extLst>
      <p:ext uri="{BB962C8B-B14F-4D97-AF65-F5344CB8AC3E}">
        <p14:creationId xmlns:p14="http://schemas.microsoft.com/office/powerpoint/2010/main" val="184235218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2" name="テキスト ボックス 1"/>
          <p:cNvSpPr txBox="1"/>
          <p:nvPr/>
        </p:nvSpPr>
        <p:spPr>
          <a:xfrm>
            <a:off x="533840" y="704836"/>
            <a:ext cx="8784976" cy="1477328"/>
          </a:xfrm>
          <a:prstGeom prst="rect">
            <a:avLst/>
          </a:prstGeom>
          <a:noFill/>
        </p:spPr>
        <p:txBody>
          <a:bodyPr wrap="square" rtlCol="0">
            <a:spAutoFit/>
          </a:bodyPr>
          <a:lstStyle/>
          <a:p>
            <a:pPr marL="182563" indent="-182563">
              <a:spcBef>
                <a:spcPts val="1200"/>
              </a:spcBef>
            </a:pPr>
            <a:r>
              <a:rPr lang="ja-JP" altLang="en-US" sz="1400" dirty="0" smtClean="0">
                <a:latin typeface="ＭＳ Ｐ明朝" panose="02020600040205080304" pitchFamily="18" charset="-128"/>
                <a:ea typeface="ＭＳ Ｐ明朝" panose="02020600040205080304" pitchFamily="18" charset="-128"/>
              </a:rPr>
              <a:t>○大阪府の全国学力・学習状況調査（学力テスト）の順位は最下位レベル</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であり、</a:t>
            </a:r>
            <a:r>
              <a:rPr lang="en-US" altLang="ja-JP" sz="1400" dirty="0" smtClean="0">
                <a:latin typeface="ＭＳ Ｐ明朝" panose="02020600040205080304" pitchFamily="18" charset="-128"/>
                <a:ea typeface="ＭＳ Ｐ明朝" panose="02020600040205080304" pitchFamily="18" charset="-128"/>
              </a:rPr>
              <a:t>2008</a:t>
            </a:r>
            <a:r>
              <a:rPr lang="ja-JP" altLang="en-US" sz="1400" dirty="0" smtClean="0">
                <a:latin typeface="ＭＳ Ｐ明朝" panose="02020600040205080304" pitchFamily="18" charset="-128"/>
                <a:ea typeface="ＭＳ Ｐ明朝" panose="02020600040205080304" pitchFamily="18" charset="-128"/>
              </a:rPr>
              <a:t>年</a:t>
            </a:r>
            <a:r>
              <a:rPr lang="en-US" altLang="ja-JP" sz="1400" dirty="0" smtClean="0">
                <a:latin typeface="ＭＳ Ｐ明朝" panose="02020600040205080304" pitchFamily="18" charset="-128"/>
                <a:ea typeface="ＭＳ Ｐ明朝" panose="02020600040205080304" pitchFamily="18" charset="-128"/>
              </a:rPr>
              <a:t>9</a:t>
            </a:r>
            <a:r>
              <a:rPr lang="ja-JP" altLang="en-US" sz="1400" dirty="0" smtClean="0">
                <a:latin typeface="ＭＳ Ｐ明朝" panose="02020600040205080304" pitchFamily="18" charset="-128"/>
                <a:ea typeface="ＭＳ Ｐ明朝" panose="02020600040205080304" pitchFamily="18" charset="-128"/>
              </a:rPr>
              <a:t>月に知事が「教育非常事態宣言」を出した</a:t>
            </a:r>
            <a:r>
              <a:rPr lang="ja-JP" altLang="en-US" sz="1400" dirty="0">
                <a:latin typeface="ＭＳ Ｐ明朝" panose="02020600040205080304" pitchFamily="18" charset="-128"/>
                <a:ea typeface="ＭＳ Ｐ明朝" panose="02020600040205080304" pitchFamily="18" charset="-128"/>
              </a:rPr>
              <a:t>。国際的な競争が一層激しさを増す中で、大阪</a:t>
            </a:r>
            <a:r>
              <a:rPr lang="ja-JP" altLang="en-US" sz="1400" dirty="0" smtClean="0">
                <a:latin typeface="ＭＳ Ｐ明朝" panose="02020600040205080304" pitchFamily="18" charset="-128"/>
                <a:ea typeface="ＭＳ Ｐ明朝" panose="02020600040205080304" pitchFamily="18" charset="-128"/>
              </a:rPr>
              <a:t>の子どもたちを自立した人材に育てるため、教育の充実を重視して、改革に取り組んできた。</a:t>
            </a:r>
            <a:endParaRPr lang="en-US" altLang="ja-JP" sz="1400" dirty="0" smtClean="0">
              <a:latin typeface="ＭＳ Ｐ明朝" panose="02020600040205080304" pitchFamily="18" charset="-128"/>
              <a:ea typeface="ＭＳ Ｐ明朝" panose="02020600040205080304" pitchFamily="18" charset="-128"/>
            </a:endParaRPr>
          </a:p>
          <a:p>
            <a:pPr>
              <a:spcBef>
                <a:spcPts val="1200"/>
              </a:spcBef>
            </a:pPr>
            <a:endParaRPr lang="en-US" altLang="ja-JP" sz="1400" dirty="0">
              <a:latin typeface="ＭＳ Ｐ明朝" panose="02020600040205080304" pitchFamily="18" charset="-128"/>
              <a:ea typeface="ＭＳ Ｐ明朝" panose="02020600040205080304" pitchFamily="18" charset="-128"/>
            </a:endParaRPr>
          </a:p>
          <a:p>
            <a:pPr>
              <a:spcBef>
                <a:spcPts val="1200"/>
              </a:spcBef>
            </a:pPr>
            <a:endParaRPr lang="en-US" altLang="ja-JP" sz="1400" dirty="0" smtClean="0">
              <a:latin typeface="ＭＳ Ｐ明朝" panose="02020600040205080304" pitchFamily="18" charset="-128"/>
              <a:ea typeface="ＭＳ Ｐ明朝" panose="02020600040205080304" pitchFamily="18" charset="-128"/>
            </a:endParaRPr>
          </a:p>
        </p:txBody>
      </p:sp>
      <p:sp>
        <p:nvSpPr>
          <p:cNvPr id="7" name="大かっこ 6"/>
          <p:cNvSpPr/>
          <p:nvPr/>
        </p:nvSpPr>
        <p:spPr>
          <a:xfrm>
            <a:off x="1928664" y="1487920"/>
            <a:ext cx="4968552" cy="553998"/>
          </a:xfrm>
          <a:prstGeom prst="bracketPair">
            <a:avLst/>
          </a:prstGeom>
        </p:spPr>
        <p:style>
          <a:lnRef idx="1">
            <a:schemeClr val="accent1"/>
          </a:lnRef>
          <a:fillRef idx="0">
            <a:schemeClr val="accent1"/>
          </a:fillRef>
          <a:effectRef idx="0">
            <a:schemeClr val="accent1"/>
          </a:effectRef>
          <a:fontRef idx="minor">
            <a:schemeClr val="tx1"/>
          </a:fontRef>
        </p:style>
        <p:txBody>
          <a:bodyPr rtlCol="0" anchor="ctr"/>
          <a:lstStyle/>
          <a:p>
            <a:r>
              <a:rPr lang="ja-JP" altLang="en-US" sz="1200" dirty="0"/>
              <a:t>＊全国学力・学習状況調査２０１４</a:t>
            </a:r>
            <a:r>
              <a:rPr lang="ja-JP" altLang="en-US" sz="1200" dirty="0" smtClean="0"/>
              <a:t>結果</a:t>
            </a:r>
            <a:endParaRPr lang="ja-JP" altLang="en-US" sz="1000" dirty="0">
              <a:solidFill>
                <a:srgbClr val="FF0000"/>
              </a:solidFill>
            </a:endParaRPr>
          </a:p>
          <a:p>
            <a:r>
              <a:rPr lang="en-US" altLang="ja-JP" sz="1200" dirty="0"/>
              <a:t>&lt;</a:t>
            </a:r>
            <a:r>
              <a:rPr lang="ja-JP" altLang="en-US" sz="1200" dirty="0"/>
              <a:t>小学校</a:t>
            </a:r>
            <a:r>
              <a:rPr lang="en-US" altLang="ja-JP" sz="1200" dirty="0"/>
              <a:t>&gt;</a:t>
            </a:r>
            <a:r>
              <a:rPr lang="ja-JP" altLang="en-US" sz="1200" dirty="0"/>
              <a:t>国語Ａ　</a:t>
            </a:r>
            <a:r>
              <a:rPr lang="en-US" altLang="ja-JP" sz="1200" dirty="0"/>
              <a:t>41</a:t>
            </a:r>
            <a:r>
              <a:rPr lang="ja-JP" altLang="en-US" sz="1200" dirty="0" smtClean="0"/>
              <a:t>位、</a:t>
            </a:r>
            <a:r>
              <a:rPr lang="ja-JP" altLang="en-US" sz="1200" dirty="0"/>
              <a:t>国語Ｂ　</a:t>
            </a:r>
            <a:r>
              <a:rPr lang="en-US" altLang="ja-JP" sz="1200" dirty="0"/>
              <a:t>45</a:t>
            </a:r>
            <a:r>
              <a:rPr lang="ja-JP" altLang="en-US" sz="1200" dirty="0" smtClean="0"/>
              <a:t>位、</a:t>
            </a:r>
            <a:r>
              <a:rPr lang="ja-JP" altLang="en-US" sz="1200" dirty="0"/>
              <a:t>算数Ａ　</a:t>
            </a:r>
            <a:r>
              <a:rPr lang="en-US" altLang="ja-JP" sz="1200" dirty="0"/>
              <a:t>36</a:t>
            </a:r>
            <a:r>
              <a:rPr lang="ja-JP" altLang="en-US" sz="1200" dirty="0" smtClean="0"/>
              <a:t>位、</a:t>
            </a:r>
            <a:r>
              <a:rPr lang="ja-JP" altLang="en-US" sz="1200" dirty="0"/>
              <a:t>算数Ｂ　</a:t>
            </a:r>
            <a:r>
              <a:rPr lang="en-US" altLang="ja-JP" sz="1200" dirty="0"/>
              <a:t>40</a:t>
            </a:r>
            <a:r>
              <a:rPr lang="ja-JP" altLang="en-US" sz="1200" dirty="0" smtClean="0"/>
              <a:t>位</a:t>
            </a:r>
            <a:endParaRPr lang="ja-JP" altLang="en-US" sz="1200" u="sng" dirty="0">
              <a:solidFill>
                <a:srgbClr val="FF0000"/>
              </a:solidFill>
            </a:endParaRPr>
          </a:p>
          <a:p>
            <a:r>
              <a:rPr lang="en-US" altLang="ja-JP" sz="1200" dirty="0"/>
              <a:t>&lt;</a:t>
            </a:r>
            <a:r>
              <a:rPr lang="ja-JP" altLang="en-US" sz="1200" dirty="0"/>
              <a:t>中学校</a:t>
            </a:r>
            <a:r>
              <a:rPr lang="en-US" altLang="ja-JP" sz="1200" dirty="0"/>
              <a:t>&gt;</a:t>
            </a:r>
            <a:r>
              <a:rPr lang="ja-JP" altLang="en-US" sz="1200" dirty="0"/>
              <a:t>国語Ａ　</a:t>
            </a:r>
            <a:r>
              <a:rPr lang="en-US" altLang="ja-JP" sz="1200" dirty="0"/>
              <a:t>46</a:t>
            </a:r>
            <a:r>
              <a:rPr lang="ja-JP" altLang="en-US" sz="1200" dirty="0" smtClean="0"/>
              <a:t>位、</a:t>
            </a:r>
            <a:r>
              <a:rPr lang="ja-JP" altLang="en-US" sz="1200" dirty="0"/>
              <a:t>国語Ｂ　</a:t>
            </a:r>
            <a:r>
              <a:rPr lang="en-US" altLang="ja-JP" sz="1200" dirty="0"/>
              <a:t>46</a:t>
            </a:r>
            <a:r>
              <a:rPr lang="ja-JP" altLang="en-US" sz="1200" dirty="0" smtClean="0"/>
              <a:t>位、</a:t>
            </a:r>
            <a:r>
              <a:rPr lang="ja-JP" altLang="en-US" sz="1200" dirty="0"/>
              <a:t>数学Ａ　</a:t>
            </a:r>
            <a:r>
              <a:rPr lang="en-US" altLang="ja-JP" sz="1200" dirty="0"/>
              <a:t>42</a:t>
            </a:r>
            <a:r>
              <a:rPr lang="ja-JP" altLang="en-US" sz="1200" dirty="0" smtClean="0"/>
              <a:t>位、</a:t>
            </a:r>
            <a:r>
              <a:rPr lang="ja-JP" altLang="en-US" sz="1200" dirty="0"/>
              <a:t>数学Ｂ　</a:t>
            </a:r>
            <a:r>
              <a:rPr lang="en-US" altLang="ja-JP" sz="1200" dirty="0"/>
              <a:t>40</a:t>
            </a:r>
            <a:r>
              <a:rPr lang="ja-JP" altLang="en-US" sz="1200" dirty="0" smtClean="0"/>
              <a:t>位</a:t>
            </a:r>
            <a:endParaRPr lang="ja-JP" altLang="en-US" sz="1200" u="sng" dirty="0">
              <a:solidFill>
                <a:srgbClr val="FF0000"/>
              </a:solidFill>
            </a:endParaRPr>
          </a:p>
        </p:txBody>
      </p:sp>
      <p:sp>
        <p:nvSpPr>
          <p:cNvPr id="8" name="テキスト ボックス 7"/>
          <p:cNvSpPr txBox="1"/>
          <p:nvPr/>
        </p:nvSpPr>
        <p:spPr>
          <a:xfrm>
            <a:off x="489180" y="2748738"/>
            <a:ext cx="6013220" cy="3631763"/>
          </a:xfrm>
          <a:prstGeom prst="rect">
            <a:avLst/>
          </a:prstGeom>
          <a:noFill/>
        </p:spPr>
        <p:txBody>
          <a:bodyPr wrap="square" rtlCol="0">
            <a:spAutoFit/>
          </a:bodyPr>
          <a:lstStyle/>
          <a:p>
            <a:pPr marL="355600" indent="-355600">
              <a:spcBef>
                <a:spcPts val="1200"/>
              </a:spcBef>
            </a:pPr>
            <a:r>
              <a:rPr lang="en-US" altLang="ja-JP" sz="1400" dirty="0" smtClean="0">
                <a:latin typeface="ＭＳ Ｐ明朝" panose="02020600040205080304" pitchFamily="18" charset="-128"/>
                <a:ea typeface="ＭＳ Ｐ明朝" panose="02020600040205080304" pitchFamily="18" charset="-128"/>
              </a:rPr>
              <a:t>(1)</a:t>
            </a:r>
            <a:r>
              <a:rPr lang="ja-JP" altLang="en-US" sz="1400" dirty="0" smtClean="0">
                <a:latin typeface="ＭＳ Ｐ明朝" panose="02020600040205080304" pitchFamily="18" charset="-128"/>
                <a:ea typeface="ＭＳ Ｐ明朝" panose="02020600040205080304" pitchFamily="18" charset="-128"/>
              </a:rPr>
              <a:t>「教育</a:t>
            </a:r>
            <a:r>
              <a:rPr lang="ja-JP" altLang="en-US" sz="1400" dirty="0">
                <a:latin typeface="ＭＳ Ｐ明朝" panose="02020600040205080304" pitchFamily="18" charset="-128"/>
                <a:ea typeface="ＭＳ Ｐ明朝" panose="02020600040205080304" pitchFamily="18" charset="-128"/>
              </a:rPr>
              <a:t>現場への</a:t>
            </a:r>
            <a:r>
              <a:rPr lang="ja-JP" altLang="en-US" sz="1400" dirty="0" smtClean="0">
                <a:latin typeface="ＭＳ Ｐ明朝" panose="02020600040205080304" pitchFamily="18" charset="-128"/>
                <a:ea typeface="ＭＳ Ｐ明朝" panose="02020600040205080304" pitchFamily="18" charset="-128"/>
              </a:rPr>
              <a:t>支援」。　　　　　　　　　　　　　　　　　　　　　　　　　　　　　　　　　　　　府では、学力</a:t>
            </a:r>
            <a:r>
              <a:rPr lang="ja-JP" altLang="en-US" sz="1400" dirty="0">
                <a:latin typeface="ＭＳ Ｐ明朝" panose="02020600040205080304" pitchFamily="18" charset="-128"/>
                <a:ea typeface="ＭＳ Ｐ明朝" panose="02020600040205080304" pitchFamily="18" charset="-128"/>
              </a:rPr>
              <a:t>向上の取組みや中学校給食導入促進</a:t>
            </a:r>
            <a:r>
              <a:rPr lang="ja-JP" altLang="en-US" sz="1400" dirty="0" smtClean="0">
                <a:latin typeface="ＭＳ Ｐ明朝" panose="02020600040205080304" pitchFamily="18" charset="-128"/>
                <a:ea typeface="ＭＳ Ｐ明朝" panose="02020600040205080304" pitchFamily="18" charset="-128"/>
              </a:rPr>
              <a:t>などに取り組み、市では、カリキュラムのイノベーションや教育環境の</a:t>
            </a:r>
            <a:r>
              <a:rPr lang="ja-JP" altLang="en-US" sz="1400" dirty="0">
                <a:latin typeface="ＭＳ Ｐ明朝" panose="02020600040205080304" pitchFamily="18" charset="-128"/>
                <a:ea typeface="ＭＳ Ｐ明朝" panose="02020600040205080304" pitchFamily="18" charset="-128"/>
              </a:rPr>
              <a:t>充実</a:t>
            </a:r>
            <a:r>
              <a:rPr lang="ja-JP" altLang="en-US" sz="1400" dirty="0" smtClean="0">
                <a:latin typeface="ＭＳ Ｐ明朝" panose="02020600040205080304" pitchFamily="18" charset="-128"/>
                <a:ea typeface="ＭＳ Ｐ明朝" panose="02020600040205080304" pitchFamily="18" charset="-128"/>
              </a:rPr>
              <a:t>などに取り組んでいる。これらにより、全国</a:t>
            </a:r>
            <a:r>
              <a:rPr lang="ja-JP" altLang="en-US" sz="1400" dirty="0">
                <a:latin typeface="ＭＳ Ｐ明朝" panose="02020600040205080304" pitchFamily="18" charset="-128"/>
                <a:ea typeface="ＭＳ Ｐ明朝" panose="02020600040205080304" pitchFamily="18" charset="-128"/>
              </a:rPr>
              <a:t>学力調査の平均正答率で全国平均との差が縮小。</a:t>
            </a:r>
          </a:p>
          <a:p>
            <a:pPr marL="355600" indent="-355600">
              <a:spcBef>
                <a:spcPts val="1200"/>
              </a:spcBef>
            </a:pPr>
            <a:r>
              <a:rPr lang="en-US" altLang="ja-JP" sz="1400" dirty="0" smtClean="0">
                <a:latin typeface="ＭＳ Ｐ明朝" panose="02020600040205080304" pitchFamily="18" charset="-128"/>
                <a:ea typeface="ＭＳ Ｐ明朝" panose="02020600040205080304" pitchFamily="18" charset="-128"/>
              </a:rPr>
              <a:t>(2)</a:t>
            </a:r>
            <a:r>
              <a:rPr lang="ja-JP" altLang="en-US" sz="1400" dirty="0" smtClean="0">
                <a:latin typeface="ＭＳ Ｐ明朝" panose="02020600040205080304" pitchFamily="18" charset="-128"/>
                <a:ea typeface="ＭＳ Ｐ明朝" panose="02020600040205080304" pitchFamily="18" charset="-128"/>
              </a:rPr>
              <a:t>「学校経営の強化</a:t>
            </a:r>
            <a:r>
              <a:rPr lang="ja-JP" altLang="en-US" sz="1400" dirty="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切磋琢磨する環境整備」。　　　　　　　　　　　　　　　　　　　　各学校の工夫や努力を</a:t>
            </a:r>
            <a:r>
              <a:rPr lang="ja-JP" altLang="en-US" sz="1400" dirty="0">
                <a:latin typeface="ＭＳ Ｐ明朝" panose="02020600040205080304" pitchFamily="18" charset="-128"/>
                <a:ea typeface="ＭＳ Ｐ明朝" panose="02020600040205080304" pitchFamily="18" charset="-128"/>
              </a:rPr>
              <a:t>引き出すため、府では校長マネジメント経費、市では校長経営戦略予算</a:t>
            </a:r>
            <a:r>
              <a:rPr lang="ja-JP" altLang="en-US" sz="1400" dirty="0" smtClean="0">
                <a:latin typeface="ＭＳ Ｐ明朝" panose="02020600040205080304" pitchFamily="18" charset="-128"/>
                <a:ea typeface="ＭＳ Ｐ明朝" panose="02020600040205080304" pitchFamily="18" charset="-128"/>
              </a:rPr>
              <a:t>を配付。</a:t>
            </a:r>
            <a:r>
              <a:rPr lang="ja-JP" altLang="en-US" sz="1400" dirty="0">
                <a:latin typeface="ＭＳ Ｐ明朝" panose="02020600040205080304" pitchFamily="18" charset="-128"/>
                <a:ea typeface="ＭＳ Ｐ明朝" panose="02020600040205080304" pitchFamily="18" charset="-128"/>
              </a:rPr>
              <a:t>また</a:t>
            </a:r>
            <a:r>
              <a:rPr lang="ja-JP" altLang="en-US" sz="1400" dirty="0" smtClean="0">
                <a:latin typeface="ＭＳ Ｐ明朝" panose="02020600040205080304" pitchFamily="18" charset="-128"/>
                <a:ea typeface="ＭＳ Ｐ明朝" panose="02020600040205080304" pitchFamily="18" charset="-128"/>
              </a:rPr>
              <a:t>、地域や所得に関係なく、生徒の自由</a:t>
            </a:r>
            <a:r>
              <a:rPr lang="ja-JP" altLang="en-US" sz="1400" dirty="0">
                <a:latin typeface="ＭＳ Ｐ明朝" panose="02020600040205080304" pitchFamily="18" charset="-128"/>
                <a:ea typeface="ＭＳ Ｐ明朝" panose="02020600040205080304" pitchFamily="18" charset="-128"/>
              </a:rPr>
              <a:t>な学校選択を実現するため</a:t>
            </a:r>
            <a:r>
              <a:rPr lang="ja-JP" altLang="en-US" sz="1400" dirty="0" smtClean="0">
                <a:latin typeface="ＭＳ Ｐ明朝" panose="02020600040205080304" pitchFamily="18" charset="-128"/>
                <a:ea typeface="ＭＳ Ｐ明朝" panose="02020600040205080304" pitchFamily="18" charset="-128"/>
              </a:rPr>
              <a:t>、府では府立</a:t>
            </a:r>
            <a:r>
              <a:rPr lang="ja-JP" altLang="en-US" sz="1400" dirty="0">
                <a:latin typeface="ＭＳ Ｐ明朝" panose="02020600040205080304" pitchFamily="18" charset="-128"/>
                <a:ea typeface="ＭＳ Ｐ明朝" panose="02020600040205080304" pitchFamily="18" charset="-128"/>
              </a:rPr>
              <a:t>高校の通学区域を府内全域にするとともに、私学無償化制度を低中所得者層まで拡大。市では小中学校の学校選択制を導入。エンドユーザー</a:t>
            </a:r>
            <a:r>
              <a:rPr lang="ja-JP" altLang="en-US" sz="1400" dirty="0" smtClean="0">
                <a:latin typeface="ＭＳ Ｐ明朝" panose="02020600040205080304" pitchFamily="18" charset="-128"/>
                <a:ea typeface="ＭＳ Ｐ明朝" panose="02020600040205080304" pitchFamily="18" charset="-128"/>
              </a:rPr>
              <a:t>である子ども・保護者の選択機会の拡大や学校間の切磋琢磨</a:t>
            </a:r>
            <a:r>
              <a:rPr lang="ja-JP" altLang="en-US" sz="1400" dirty="0">
                <a:latin typeface="ＭＳ Ｐ明朝" panose="02020600040205080304" pitchFamily="18" charset="-128"/>
                <a:ea typeface="ＭＳ Ｐ明朝" panose="02020600040205080304" pitchFamily="18" charset="-128"/>
              </a:rPr>
              <a:t>の</a:t>
            </a:r>
            <a:r>
              <a:rPr lang="ja-JP" altLang="en-US" sz="1400" dirty="0" smtClean="0">
                <a:latin typeface="ＭＳ Ｐ明朝" panose="02020600040205080304" pitchFamily="18" charset="-128"/>
                <a:ea typeface="ＭＳ Ｐ明朝" panose="02020600040205080304" pitchFamily="18" charset="-128"/>
              </a:rPr>
              <a:t>環境整備を推進。</a:t>
            </a:r>
            <a:endParaRPr lang="ja-JP" altLang="en-US" sz="1400" dirty="0">
              <a:latin typeface="ＭＳ Ｐ明朝" panose="02020600040205080304" pitchFamily="18" charset="-128"/>
              <a:ea typeface="ＭＳ Ｐ明朝" panose="02020600040205080304" pitchFamily="18" charset="-128"/>
            </a:endParaRPr>
          </a:p>
          <a:p>
            <a:pPr marL="355600" indent="-355600">
              <a:spcBef>
                <a:spcPts val="1200"/>
              </a:spcBef>
            </a:pPr>
            <a:r>
              <a:rPr lang="en-US" altLang="ja-JP" sz="1400" dirty="0" smtClean="0">
                <a:latin typeface="ＭＳ Ｐ明朝" panose="02020600040205080304" pitchFamily="18" charset="-128"/>
                <a:ea typeface="ＭＳ Ｐ明朝" panose="02020600040205080304" pitchFamily="18" charset="-128"/>
              </a:rPr>
              <a:t>(3)</a:t>
            </a:r>
            <a:r>
              <a:rPr lang="ja-JP" altLang="en-US" sz="1400" dirty="0" smtClean="0">
                <a:latin typeface="ＭＳ Ｐ明朝" panose="02020600040205080304" pitchFamily="18" charset="-128"/>
                <a:ea typeface="ＭＳ Ｐ明朝" panose="02020600040205080304" pitchFamily="18" charset="-128"/>
              </a:rPr>
              <a:t>「教育行政制度の改革」。　　　　　　　　　　　　　　　　　　　　　　　　　　　　　　　　　教育委員会制度には、住民</a:t>
            </a:r>
            <a:r>
              <a:rPr lang="ja-JP" altLang="en-US" sz="1400" dirty="0">
                <a:latin typeface="ＭＳ Ｐ明朝" panose="02020600040205080304" pitchFamily="18" charset="-128"/>
                <a:ea typeface="ＭＳ Ｐ明朝" panose="02020600040205080304" pitchFamily="18" charset="-128"/>
              </a:rPr>
              <a:t>から選ばれた首長の意見が反映</a:t>
            </a:r>
            <a:r>
              <a:rPr lang="ja-JP" altLang="en-US" sz="1400" dirty="0" smtClean="0">
                <a:latin typeface="ＭＳ Ｐ明朝" panose="02020600040205080304" pitchFamily="18" charset="-128"/>
                <a:ea typeface="ＭＳ Ｐ明朝" panose="02020600040205080304" pitchFamily="18" charset="-128"/>
              </a:rPr>
              <a:t>できないなど</a:t>
            </a:r>
            <a:r>
              <a:rPr lang="ja-JP" altLang="en-US" sz="1400" dirty="0">
                <a:latin typeface="ＭＳ Ｐ明朝" panose="02020600040205080304" pitchFamily="18" charset="-128"/>
                <a:ea typeface="ＭＳ Ｐ明朝" panose="02020600040205080304" pitchFamily="18" charset="-128"/>
              </a:rPr>
              <a:t>の問題。大阪では、全国に先駆けて、首長と教育委員会が相互に協力しながら、それぞれの責任を果たし、教育の振興を図る仕組みづくりに着手。</a:t>
            </a:r>
          </a:p>
        </p:txBody>
      </p:sp>
      <p:sp>
        <p:nvSpPr>
          <p:cNvPr id="22" name="テキスト ボックス 21"/>
          <p:cNvSpPr txBox="1"/>
          <p:nvPr/>
        </p:nvSpPr>
        <p:spPr>
          <a:xfrm>
            <a:off x="533840" y="2157235"/>
            <a:ext cx="8784976" cy="523220"/>
          </a:xfrm>
          <a:prstGeom prst="rect">
            <a:avLst/>
          </a:prstGeom>
          <a:noFill/>
        </p:spPr>
        <p:txBody>
          <a:bodyPr wrap="square" rIns="36000" rtlCol="0">
            <a:spAutoFit/>
          </a:bodyPr>
          <a:lstStyle/>
          <a:p>
            <a:pPr marL="182563" indent="-182563">
              <a:spcBef>
                <a:spcPts val="1200"/>
              </a:spcBef>
            </a:pPr>
            <a:r>
              <a:rPr lang="ja-JP" altLang="en-US" sz="1400" dirty="0" smtClean="0">
                <a:latin typeface="ＭＳ Ｐ明朝" panose="02020600040205080304" pitchFamily="18" charset="-128"/>
                <a:ea typeface="ＭＳ Ｐ明朝" panose="02020600040205080304" pitchFamily="18" charset="-128"/>
              </a:rPr>
              <a:t>○</a:t>
            </a:r>
            <a:r>
              <a:rPr lang="ja-JP" altLang="en-US" sz="1400" dirty="0">
                <a:latin typeface="ＭＳ Ｐ明朝" panose="02020600040205080304" pitchFamily="18" charset="-128"/>
                <a:ea typeface="ＭＳ Ｐ明朝" panose="02020600040205080304" pitchFamily="18" charset="-128"/>
              </a:rPr>
              <a:t>大阪の</a:t>
            </a:r>
            <a:r>
              <a:rPr lang="ja-JP" altLang="en-US" sz="1400" dirty="0" smtClean="0">
                <a:latin typeface="ＭＳ Ｐ明朝" panose="02020600040205080304" pitchFamily="18" charset="-128"/>
                <a:ea typeface="ＭＳ Ｐ明朝" panose="02020600040205080304" pitchFamily="18" charset="-128"/>
              </a:rPr>
              <a:t>教育改革の取組みを施策のターゲット</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児童・生徒、各学校、自治体</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に注目し整理すると、次のとおり。予算を重点的に投資し多様な取組みを展開するとともに、制度改革を進め、抜本的な教育改革を実践してきた。</a:t>
            </a:r>
            <a:endParaRPr lang="ja-JP" altLang="en-US" sz="1400" dirty="0">
              <a:latin typeface="ＭＳ Ｐ明朝" panose="02020600040205080304" pitchFamily="18" charset="-128"/>
              <a:ea typeface="ＭＳ Ｐ明朝" panose="02020600040205080304" pitchFamily="18" charset="-128"/>
            </a:endParaRPr>
          </a:p>
        </p:txBody>
      </p:sp>
      <p:sp>
        <p:nvSpPr>
          <p:cNvPr id="23"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１</a:t>
            </a:r>
            <a:r>
              <a:rPr lang="ja-JP" altLang="en-US" sz="2000" b="1" dirty="0" smtClean="0">
                <a:solidFill>
                  <a:schemeClr val="bg1"/>
                </a:solidFill>
                <a:latin typeface="ＭＳ ゴシック" pitchFamily="49" charset="-128"/>
                <a:ea typeface="ＭＳ ゴシック" pitchFamily="49" charset="-128"/>
              </a:rPr>
              <a:t>．教育改革</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endParaRPr lang="en-US" altLang="ja-JP" sz="1600" b="1" dirty="0" smtClean="0">
              <a:solidFill>
                <a:schemeClr val="bg1"/>
              </a:solidFill>
              <a:latin typeface="ＭＳ ゴシック" pitchFamily="49" charset="-128"/>
              <a:ea typeface="ＭＳ ゴシック" pitchFamily="49"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319703861"/>
              </p:ext>
            </p:extLst>
          </p:nvPr>
        </p:nvGraphicFramePr>
        <p:xfrm>
          <a:off x="6544609" y="2996952"/>
          <a:ext cx="3020306" cy="3384376"/>
        </p:xfrm>
        <a:graphic>
          <a:graphicData uri="http://schemas.openxmlformats.org/drawingml/2006/table">
            <a:tbl>
              <a:tblPr firstRow="1" bandRow="1">
                <a:tableStyleId>{5C22544A-7EE6-4342-B048-85BDC9FD1C3A}</a:tableStyleId>
              </a:tblPr>
              <a:tblGrid>
                <a:gridCol w="774437"/>
                <a:gridCol w="1239100"/>
                <a:gridCol w="1006769"/>
              </a:tblGrid>
              <a:tr h="356735">
                <a:tc>
                  <a:txBody>
                    <a:bodyPr/>
                    <a:lstStyle/>
                    <a:p>
                      <a:r>
                        <a:rPr kumimoji="1" lang="ja-JP" altLang="en-US" sz="1200" dirty="0" smtClean="0"/>
                        <a:t>ﾀｰｹﾞｯﾄ</a:t>
                      </a:r>
                      <a:endParaRPr kumimoji="1" lang="ja-JP" altLang="en-US" sz="1200" dirty="0"/>
                    </a:p>
                  </a:txBody>
                  <a:tcPr anchor="ctr"/>
                </a:tc>
                <a:tc>
                  <a:txBody>
                    <a:bodyPr/>
                    <a:lstStyle/>
                    <a:p>
                      <a:pPr algn="ctr"/>
                      <a:r>
                        <a:rPr kumimoji="1" lang="ja-JP" altLang="en-US" sz="1200" dirty="0" smtClean="0"/>
                        <a:t>取組み</a:t>
                      </a:r>
                      <a:endParaRPr kumimoji="1" lang="ja-JP" altLang="en-US" sz="1200" dirty="0"/>
                    </a:p>
                  </a:txBody>
                  <a:tcPr anchor="ctr"/>
                </a:tc>
                <a:tc>
                  <a:txBody>
                    <a:bodyPr/>
                    <a:lstStyle/>
                    <a:p>
                      <a:pPr algn="ctr"/>
                      <a:r>
                        <a:rPr kumimoji="1" lang="ja-JP" altLang="en-US" sz="1200" dirty="0" smtClean="0"/>
                        <a:t>目標</a:t>
                      </a:r>
                      <a:endParaRPr kumimoji="1" lang="ja-JP" altLang="en-US" sz="1200" dirty="0"/>
                    </a:p>
                  </a:txBody>
                  <a:tcPr anchor="ctr"/>
                </a:tc>
              </a:tr>
              <a:tr h="936516">
                <a:tc>
                  <a:txBody>
                    <a:bodyPr/>
                    <a:lstStyle/>
                    <a:p>
                      <a:pPr algn="ctr"/>
                      <a:r>
                        <a:rPr kumimoji="1" lang="ja-JP" altLang="en-US" sz="1200" dirty="0" smtClean="0"/>
                        <a:t>児童・</a:t>
                      </a:r>
                      <a:endParaRPr kumimoji="1" lang="en-US" altLang="ja-JP" sz="1200" dirty="0" smtClean="0"/>
                    </a:p>
                    <a:p>
                      <a:pPr algn="ctr"/>
                      <a:r>
                        <a:rPr kumimoji="1" lang="ja-JP" altLang="en-US" sz="1200" dirty="0" smtClean="0"/>
                        <a:t>生徒</a:t>
                      </a:r>
                      <a:endParaRPr kumimoji="1" lang="ja-JP" altLang="en-US" sz="1200" dirty="0"/>
                    </a:p>
                  </a:txBody>
                  <a:tcPr anchor="ctr"/>
                </a:tc>
                <a:tc>
                  <a:txBody>
                    <a:bodyPr/>
                    <a:lstStyle/>
                    <a:p>
                      <a:r>
                        <a:rPr kumimoji="1" lang="en-US" altLang="ja-JP" sz="1200" dirty="0" smtClean="0"/>
                        <a:t>(1)</a:t>
                      </a:r>
                      <a:r>
                        <a:rPr kumimoji="1" lang="ja-JP" altLang="en-US" sz="1200" dirty="0" smtClean="0"/>
                        <a:t>教育現場への支援</a:t>
                      </a:r>
                      <a:endParaRPr kumimoji="1" lang="ja-JP" altLang="en-US" sz="1200" dirty="0"/>
                    </a:p>
                  </a:txBody>
                  <a:tcPr anchor="ctr"/>
                </a:tc>
                <a:tc>
                  <a:txBody>
                    <a:bodyPr/>
                    <a:lstStyle/>
                    <a:p>
                      <a:r>
                        <a:rPr kumimoji="1" lang="ja-JP" altLang="en-US" sz="1200" dirty="0" smtClean="0"/>
                        <a:t>学力向上</a:t>
                      </a:r>
                      <a:endParaRPr kumimoji="1" lang="ja-JP" altLang="en-US" sz="1200" dirty="0"/>
                    </a:p>
                  </a:txBody>
                  <a:tcPr anchor="ctr"/>
                </a:tc>
              </a:tr>
              <a:tr h="1154609">
                <a:tc>
                  <a:txBody>
                    <a:bodyPr/>
                    <a:lstStyle/>
                    <a:p>
                      <a:pPr algn="ctr"/>
                      <a:r>
                        <a:rPr kumimoji="1" lang="ja-JP" altLang="en-US" sz="1200" dirty="0" smtClean="0"/>
                        <a:t>学校</a:t>
                      </a:r>
                      <a:endParaRPr kumimoji="1" lang="ja-JP" altLang="en-US" sz="1200" dirty="0"/>
                    </a:p>
                  </a:txBody>
                  <a:tcPr anchor="ctr"/>
                </a:tc>
                <a:tc>
                  <a:txBody>
                    <a:bodyPr/>
                    <a:lstStyle/>
                    <a:p>
                      <a:r>
                        <a:rPr kumimoji="1" lang="en-US" altLang="ja-JP" sz="1200" dirty="0" smtClean="0"/>
                        <a:t>(2)</a:t>
                      </a:r>
                      <a:r>
                        <a:rPr kumimoji="1" lang="ja-JP" altLang="en-US" sz="1200" dirty="0" smtClean="0"/>
                        <a:t>学校経営の強化、切磋琢磨する環境整備</a:t>
                      </a:r>
                      <a:endParaRPr kumimoji="1" lang="ja-JP" altLang="en-US" sz="1200" dirty="0"/>
                    </a:p>
                  </a:txBody>
                  <a:tcPr anchor="ctr"/>
                </a:tc>
                <a:tc>
                  <a:txBody>
                    <a:bodyPr/>
                    <a:lstStyle/>
                    <a:p>
                      <a:r>
                        <a:rPr kumimoji="1" lang="ja-JP" altLang="en-US" sz="1200" dirty="0" smtClean="0"/>
                        <a:t>切磋琢磨による教育力の向上</a:t>
                      </a:r>
                      <a:endParaRPr kumimoji="1" lang="ja-JP" altLang="en-US" sz="1200" dirty="0"/>
                    </a:p>
                  </a:txBody>
                  <a:tcPr anchor="ctr"/>
                </a:tc>
              </a:tr>
              <a:tr h="936516">
                <a:tc>
                  <a:txBody>
                    <a:bodyPr/>
                    <a:lstStyle/>
                    <a:p>
                      <a:pPr algn="ctr"/>
                      <a:r>
                        <a:rPr kumimoji="1" lang="ja-JP" altLang="en-US" sz="1200" dirty="0" smtClean="0"/>
                        <a:t>自治体</a:t>
                      </a:r>
                      <a:endParaRPr kumimoji="1" lang="ja-JP" altLang="en-US" sz="1200" dirty="0"/>
                    </a:p>
                  </a:txBody>
                  <a:tcPr anchor="ctr"/>
                </a:tc>
                <a:tc>
                  <a:txBody>
                    <a:bodyPr/>
                    <a:lstStyle/>
                    <a:p>
                      <a:r>
                        <a:rPr kumimoji="1" lang="en-US" altLang="ja-JP" sz="1200" dirty="0" smtClean="0"/>
                        <a:t>(3)</a:t>
                      </a:r>
                      <a:r>
                        <a:rPr kumimoji="1" lang="ja-JP" altLang="en-US" sz="1200" dirty="0" smtClean="0"/>
                        <a:t>教育行政制度の改革</a:t>
                      </a:r>
                      <a:endParaRPr kumimoji="1" lang="ja-JP" altLang="en-US" sz="1200" dirty="0"/>
                    </a:p>
                  </a:txBody>
                  <a:tcPr anchor="ctr"/>
                </a:tc>
                <a:tc>
                  <a:txBody>
                    <a:bodyPr/>
                    <a:lstStyle/>
                    <a:p>
                      <a:r>
                        <a:rPr kumimoji="1" lang="ja-JP" altLang="en-US" sz="1200" dirty="0" smtClean="0"/>
                        <a:t>首長の意見の反映</a:t>
                      </a:r>
                      <a:endParaRPr kumimoji="1" lang="ja-JP" altLang="en-US" sz="1200" dirty="0"/>
                    </a:p>
                  </a:txBody>
                  <a:tcPr anchor="ctr"/>
                </a:tc>
              </a:tr>
            </a:tbl>
          </a:graphicData>
        </a:graphic>
      </p:graphicFrame>
      <p:sp>
        <p:nvSpPr>
          <p:cNvPr id="11" name="スライド番号プレースホルダ 10"/>
          <p:cNvSpPr>
            <a:spLocks noGrp="1"/>
          </p:cNvSpPr>
          <p:nvPr>
            <p:ph type="sldNum" sz="quarter" idx="12"/>
          </p:nvPr>
        </p:nvSpPr>
        <p:spPr/>
        <p:txBody>
          <a:bodyPr/>
          <a:lstStyle/>
          <a:p>
            <a:fld id="{37EF5067-3AB7-4642-9103-42CBD40CC6D9}" type="slidenum">
              <a:rPr kumimoji="1" lang="ja-JP" altLang="en-US" smtClean="0"/>
              <a:pPr/>
              <a:t>47</a:t>
            </a:fld>
            <a:endParaRPr kumimoji="1" lang="ja-JP" altLang="en-US" dirty="0"/>
          </a:p>
        </p:txBody>
      </p:sp>
    </p:spTree>
    <p:extLst>
      <p:ext uri="{BB962C8B-B14F-4D97-AF65-F5344CB8AC3E}">
        <p14:creationId xmlns:p14="http://schemas.microsoft.com/office/powerpoint/2010/main" val="3393902628"/>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144688" y="476672"/>
            <a:ext cx="4032448" cy="360040"/>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en-US" altLang="ja-JP" sz="1600" dirty="0" smtClean="0">
                <a:solidFill>
                  <a:schemeClr val="tx1"/>
                </a:solidFill>
              </a:rPr>
              <a:t>Ⅰ</a:t>
            </a:r>
            <a:r>
              <a:rPr lang="ja-JP" altLang="en-US" sz="1600" dirty="0" smtClean="0">
                <a:solidFill>
                  <a:schemeClr val="tx1"/>
                </a:solidFill>
              </a:rPr>
              <a:t>　小学校・中学校</a:t>
            </a:r>
            <a:endParaRPr kumimoji="1" lang="ja-JP" altLang="en-US" sz="1600" dirty="0">
              <a:solidFill>
                <a:schemeClr val="tx1"/>
              </a:solidFill>
            </a:endParaRPr>
          </a:p>
        </p:txBody>
      </p:sp>
      <p:sp>
        <p:nvSpPr>
          <p:cNvPr id="4" name="正方形/長方形 3"/>
          <p:cNvSpPr/>
          <p:nvPr/>
        </p:nvSpPr>
        <p:spPr>
          <a:xfrm>
            <a:off x="6249544" y="476672"/>
            <a:ext cx="3600000" cy="360040"/>
          </a:xfrm>
          <a:prstGeom prst="rect">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kumimoji="1" lang="en-US" altLang="ja-JP" sz="1600" dirty="0" smtClean="0">
                <a:solidFill>
                  <a:schemeClr val="tx1"/>
                </a:solidFill>
              </a:rPr>
              <a:t>Ⅱ</a:t>
            </a:r>
            <a:r>
              <a:rPr kumimoji="1" lang="ja-JP" altLang="en-US" sz="1600" dirty="0" smtClean="0">
                <a:solidFill>
                  <a:schemeClr val="tx1"/>
                </a:solidFill>
              </a:rPr>
              <a:t>　高校・支援教育</a:t>
            </a:r>
            <a:endParaRPr kumimoji="1" lang="ja-JP" altLang="en-US" sz="1600" dirty="0">
              <a:solidFill>
                <a:schemeClr val="tx1"/>
              </a:solidFill>
            </a:endParaRPr>
          </a:p>
        </p:txBody>
      </p:sp>
      <p:sp>
        <p:nvSpPr>
          <p:cNvPr id="7" name="正方形/長方形 6"/>
          <p:cNvSpPr/>
          <p:nvPr/>
        </p:nvSpPr>
        <p:spPr>
          <a:xfrm>
            <a:off x="128464" y="908720"/>
            <a:ext cx="1944216" cy="2232248"/>
          </a:xfrm>
          <a:prstGeom prst="rect">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400" dirty="0" smtClean="0">
                <a:solidFill>
                  <a:schemeClr val="tx1"/>
                </a:solidFill>
              </a:rPr>
              <a:t>（１）</a:t>
            </a:r>
            <a:endParaRPr lang="en-US" altLang="ja-JP" sz="1400" dirty="0" smtClean="0">
              <a:solidFill>
                <a:schemeClr val="tx1"/>
              </a:solidFill>
            </a:endParaRPr>
          </a:p>
          <a:p>
            <a:r>
              <a:rPr lang="ja-JP" altLang="en-US" sz="1400" dirty="0" smtClean="0">
                <a:solidFill>
                  <a:schemeClr val="tx1"/>
                </a:solidFill>
              </a:rPr>
              <a:t>　　</a:t>
            </a:r>
            <a:endParaRPr lang="en-US" altLang="ja-JP" sz="1400" dirty="0" smtClean="0">
              <a:solidFill>
                <a:schemeClr val="tx1"/>
              </a:solidFill>
            </a:endParaRPr>
          </a:p>
          <a:p>
            <a:pPr algn="ctr"/>
            <a:r>
              <a:rPr lang="ja-JP" altLang="en-US" sz="1400" dirty="0" smtClean="0">
                <a:solidFill>
                  <a:schemeClr val="tx1"/>
                </a:solidFill>
              </a:rPr>
              <a:t>教育現場への</a:t>
            </a:r>
            <a:r>
              <a:rPr kumimoji="1" lang="ja-JP" altLang="en-US" sz="1400" dirty="0" smtClean="0">
                <a:solidFill>
                  <a:schemeClr val="tx1"/>
                </a:solidFill>
              </a:rPr>
              <a:t>支援</a:t>
            </a:r>
            <a:endParaRPr kumimoji="1" lang="ja-JP" altLang="en-US" sz="1400" dirty="0">
              <a:solidFill>
                <a:schemeClr val="tx1"/>
              </a:solidFill>
            </a:endParaRPr>
          </a:p>
        </p:txBody>
      </p:sp>
      <p:sp>
        <p:nvSpPr>
          <p:cNvPr id="8" name="正方形/長方形 7"/>
          <p:cNvSpPr/>
          <p:nvPr/>
        </p:nvSpPr>
        <p:spPr>
          <a:xfrm>
            <a:off x="128464" y="3212976"/>
            <a:ext cx="1944216" cy="2160240"/>
          </a:xfrm>
          <a:prstGeom prst="rect">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solidFill>
                  <a:schemeClr val="tx1"/>
                </a:solidFill>
              </a:rPr>
              <a:t>（２）</a:t>
            </a:r>
            <a:endParaRPr kumimoji="1" lang="en-US" altLang="ja-JP" sz="1400" dirty="0" smtClean="0">
              <a:solidFill>
                <a:schemeClr val="tx1"/>
              </a:solidFill>
            </a:endParaRPr>
          </a:p>
          <a:p>
            <a:endParaRPr lang="en-US" altLang="ja-JP" sz="1400" dirty="0" smtClean="0">
              <a:solidFill>
                <a:schemeClr val="tx1"/>
              </a:solidFill>
            </a:endParaRPr>
          </a:p>
          <a:p>
            <a:pPr algn="ctr"/>
            <a:r>
              <a:rPr kumimoji="1" lang="ja-JP" altLang="en-US" sz="1400" dirty="0" smtClean="0">
                <a:solidFill>
                  <a:schemeClr val="tx1"/>
                </a:solidFill>
              </a:rPr>
              <a:t>学校経営の強化、</a:t>
            </a:r>
            <a:endParaRPr kumimoji="1" lang="en-US" altLang="ja-JP" sz="1400" dirty="0" smtClean="0">
              <a:solidFill>
                <a:schemeClr val="tx1"/>
              </a:solidFill>
            </a:endParaRPr>
          </a:p>
          <a:p>
            <a:pPr algn="ctr">
              <a:spcBef>
                <a:spcPts val="600"/>
              </a:spcBef>
            </a:pPr>
            <a:r>
              <a:rPr lang="ja-JP" altLang="en-US" sz="1400" dirty="0" smtClean="0">
                <a:solidFill>
                  <a:schemeClr val="tx1"/>
                </a:solidFill>
              </a:rPr>
              <a:t>学校間が切磋琢磨する環境整備</a:t>
            </a:r>
            <a:endParaRPr kumimoji="1" lang="en-US" altLang="ja-JP" sz="1400" dirty="0" smtClean="0">
              <a:solidFill>
                <a:schemeClr val="tx1"/>
              </a:solidFill>
            </a:endParaRPr>
          </a:p>
        </p:txBody>
      </p:sp>
      <p:sp>
        <p:nvSpPr>
          <p:cNvPr id="9" name="正方形/長方形 8"/>
          <p:cNvSpPr/>
          <p:nvPr/>
        </p:nvSpPr>
        <p:spPr>
          <a:xfrm>
            <a:off x="128464" y="5445224"/>
            <a:ext cx="1944216" cy="1368152"/>
          </a:xfrm>
          <a:prstGeom prst="rect">
            <a:avLst/>
          </a:prstGeom>
        </p:spPr>
        <p:style>
          <a:lnRef idx="1">
            <a:schemeClr val="accent5"/>
          </a:lnRef>
          <a:fillRef idx="2">
            <a:schemeClr val="accent5"/>
          </a:fillRef>
          <a:effectRef idx="1">
            <a:schemeClr val="accent5"/>
          </a:effectRef>
          <a:fontRef idx="minor">
            <a:schemeClr val="dk1"/>
          </a:fontRef>
        </p:style>
        <p:txBody>
          <a:bodyPr lIns="36000" rIns="0" rtlCol="0" anchor="ctr"/>
          <a:lstStyle/>
          <a:p>
            <a:pPr algn="ctr"/>
            <a:r>
              <a:rPr kumimoji="1" lang="ja-JP" altLang="en-US" sz="1400" dirty="0" smtClean="0">
                <a:solidFill>
                  <a:schemeClr val="tx1"/>
                </a:solidFill>
              </a:rPr>
              <a:t>（３）</a:t>
            </a:r>
            <a:endParaRPr kumimoji="1" lang="en-US" altLang="ja-JP" sz="1400" dirty="0" smtClean="0">
              <a:solidFill>
                <a:schemeClr val="tx1"/>
              </a:solidFill>
            </a:endParaRPr>
          </a:p>
          <a:p>
            <a:pPr algn="ctr"/>
            <a:endParaRPr kumimoji="1" lang="en-US" altLang="ja-JP" sz="1400" dirty="0" smtClean="0">
              <a:solidFill>
                <a:schemeClr val="tx1"/>
              </a:solidFill>
            </a:endParaRPr>
          </a:p>
          <a:p>
            <a:pPr algn="ctr"/>
            <a:r>
              <a:rPr kumimoji="1" lang="ja-JP" altLang="en-US" sz="1400" dirty="0" smtClean="0">
                <a:solidFill>
                  <a:schemeClr val="tx1"/>
                </a:solidFill>
              </a:rPr>
              <a:t>教育行政制度の改革</a:t>
            </a:r>
            <a:endParaRPr kumimoji="1" lang="en-US" altLang="ja-JP" sz="1400" dirty="0" smtClean="0">
              <a:solidFill>
                <a:schemeClr val="tx1"/>
              </a:solidFill>
            </a:endParaRPr>
          </a:p>
        </p:txBody>
      </p:sp>
      <p:sp>
        <p:nvSpPr>
          <p:cNvPr id="11" name="正方形/長方形 10"/>
          <p:cNvSpPr/>
          <p:nvPr/>
        </p:nvSpPr>
        <p:spPr>
          <a:xfrm>
            <a:off x="2144688" y="905688"/>
            <a:ext cx="4032448" cy="867128"/>
          </a:xfrm>
          <a:prstGeom prst="rect">
            <a:avLst/>
          </a:prstGeom>
        </p:spPr>
        <p:style>
          <a:lnRef idx="1">
            <a:schemeClr val="accent1"/>
          </a:lnRef>
          <a:fillRef idx="0">
            <a:schemeClr val="accent1"/>
          </a:fillRef>
          <a:effectRef idx="0">
            <a:schemeClr val="accent1"/>
          </a:effectRef>
          <a:fontRef idx="minor">
            <a:schemeClr val="tx1"/>
          </a:fontRef>
        </p:style>
        <p:txBody>
          <a:bodyPr lIns="72000" tIns="72000" rIns="72000" rtlCol="0" anchor="ctr"/>
          <a:lstStyle/>
          <a:p>
            <a:pPr marL="85725" indent="-85725"/>
            <a:r>
              <a:rPr lang="en-US" altLang="ja-JP" sz="1400" dirty="0" smtClean="0"/>
              <a:t>&lt;</a:t>
            </a:r>
            <a:r>
              <a:rPr lang="ja-JP" altLang="en-US" sz="1400" dirty="0" smtClean="0"/>
              <a:t>府</a:t>
            </a:r>
            <a:r>
              <a:rPr lang="en-US" altLang="ja-JP" sz="1400" dirty="0" smtClean="0"/>
              <a:t>&gt;</a:t>
            </a:r>
          </a:p>
          <a:p>
            <a:pPr marL="85725" indent="-85725"/>
            <a:r>
              <a:rPr lang="ja-JP" altLang="en-US" sz="1400" dirty="0" smtClean="0">
                <a:latin typeface="ＭＳ Ｐ明朝" panose="02020600040205080304" pitchFamily="18" charset="-128"/>
                <a:ea typeface="ＭＳ Ｐ明朝" panose="02020600040205080304" pitchFamily="18" charset="-128"/>
              </a:rPr>
              <a:t>・小中学校の児童生徒の学力向上対策</a:t>
            </a:r>
            <a:endParaRPr lang="en-US" altLang="ja-JP" sz="1400" dirty="0" smtClean="0">
              <a:latin typeface="ＭＳ Ｐ明朝" panose="02020600040205080304" pitchFamily="18" charset="-128"/>
              <a:ea typeface="ＭＳ Ｐ明朝" panose="02020600040205080304" pitchFamily="18" charset="-128"/>
            </a:endParaRPr>
          </a:p>
          <a:p>
            <a:pPr marL="85725" indent="-85725"/>
            <a:r>
              <a:rPr lang="ja-JP" altLang="en-US" sz="1400" dirty="0" smtClean="0">
                <a:latin typeface="ＭＳ Ｐ明朝" panose="02020600040205080304" pitchFamily="18" charset="-128"/>
                <a:ea typeface="ＭＳ Ｐ明朝" panose="02020600040205080304" pitchFamily="18" charset="-128"/>
              </a:rPr>
              <a:t>・公立中学校における学校給食の導入に向けた市町村への支援</a:t>
            </a:r>
            <a:endParaRPr kumimoji="1" lang="ja-JP" altLang="en-US" sz="1400" dirty="0">
              <a:latin typeface="ＭＳ Ｐ明朝" panose="02020600040205080304" pitchFamily="18" charset="-128"/>
              <a:ea typeface="ＭＳ Ｐ明朝" panose="02020600040205080304" pitchFamily="18" charset="-128"/>
            </a:endParaRPr>
          </a:p>
        </p:txBody>
      </p:sp>
      <p:sp>
        <p:nvSpPr>
          <p:cNvPr id="12" name="正方形/長方形 11"/>
          <p:cNvSpPr/>
          <p:nvPr/>
        </p:nvSpPr>
        <p:spPr>
          <a:xfrm>
            <a:off x="6249544" y="3212976"/>
            <a:ext cx="3600000" cy="2160240"/>
          </a:xfrm>
          <a:prstGeom prst="rect">
            <a:avLst/>
          </a:prstGeom>
        </p:spPr>
        <p:style>
          <a:lnRef idx="1">
            <a:schemeClr val="accent1"/>
          </a:lnRef>
          <a:fillRef idx="0">
            <a:schemeClr val="accent1"/>
          </a:fillRef>
          <a:effectRef idx="0">
            <a:schemeClr val="accent1"/>
          </a:effectRef>
          <a:fontRef idx="minor">
            <a:schemeClr val="tx1"/>
          </a:fontRef>
        </p:style>
        <p:txBody>
          <a:bodyPr lIns="36000" rIns="0" rtlCol="0" anchor="ctr"/>
          <a:lstStyle/>
          <a:p>
            <a:r>
              <a:rPr lang="en-US" altLang="ja-JP" sz="1400" dirty="0" smtClean="0"/>
              <a:t>&lt;</a:t>
            </a:r>
            <a:r>
              <a:rPr lang="ja-JP" altLang="en-US" sz="1400" dirty="0" smtClean="0"/>
              <a:t>府</a:t>
            </a:r>
            <a:r>
              <a:rPr lang="en-US" altLang="ja-JP" sz="1400" dirty="0" smtClean="0"/>
              <a:t>&gt;</a:t>
            </a:r>
          </a:p>
          <a:p>
            <a:pPr marL="85725" indent="-85725"/>
            <a:r>
              <a:rPr lang="ja-JP" altLang="en-US" sz="1400" dirty="0">
                <a:latin typeface="ＭＳ Ｐ明朝" panose="02020600040205080304" pitchFamily="18" charset="-128"/>
                <a:ea typeface="ＭＳ Ｐ明朝" panose="02020600040205080304" pitchFamily="18" charset="-128"/>
              </a:rPr>
              <a:t>・公立学校間の切磋琢磨の環境整備</a:t>
            </a:r>
            <a:endParaRPr lang="en-US" altLang="ja-JP" sz="1400" dirty="0">
              <a:latin typeface="ＭＳ Ｐ明朝" panose="02020600040205080304" pitchFamily="18" charset="-128"/>
              <a:ea typeface="ＭＳ Ｐ明朝" panose="02020600040205080304" pitchFamily="18" charset="-128"/>
            </a:endParaRPr>
          </a:p>
          <a:p>
            <a:pPr marL="85725" indent="-85725"/>
            <a:r>
              <a:rPr lang="ja-JP" altLang="en-US" sz="1300" dirty="0">
                <a:latin typeface="ＭＳ Ｐ明朝" panose="02020600040205080304" pitchFamily="18" charset="-128"/>
                <a:ea typeface="ＭＳ Ｐ明朝" panose="02020600040205080304" pitchFamily="18" charset="-128"/>
              </a:rPr>
              <a:t>　</a:t>
            </a:r>
            <a:r>
              <a:rPr lang="en-US" altLang="ja-JP" sz="1300" dirty="0">
                <a:latin typeface="ＭＳ Ｐ明朝" panose="02020600040205080304" pitchFamily="18" charset="-128"/>
                <a:ea typeface="ＭＳ Ｐ明朝" panose="02020600040205080304" pitchFamily="18" charset="-128"/>
              </a:rPr>
              <a:t>-</a:t>
            </a:r>
            <a:r>
              <a:rPr lang="ja-JP" altLang="en-US" sz="1300" dirty="0">
                <a:latin typeface="ＭＳ Ｐ明朝" panose="02020600040205080304" pitchFamily="18" charset="-128"/>
                <a:ea typeface="ＭＳ Ｐ明朝" panose="02020600040205080304" pitchFamily="18" charset="-128"/>
              </a:rPr>
              <a:t>府立高校の通学区域を府内全域に</a:t>
            </a:r>
            <a:endParaRPr lang="en-US" altLang="ja-JP" sz="1300" dirty="0">
              <a:latin typeface="ＭＳ Ｐ明朝" panose="02020600040205080304" pitchFamily="18" charset="-128"/>
              <a:ea typeface="ＭＳ Ｐ明朝" panose="02020600040205080304" pitchFamily="18" charset="-128"/>
            </a:endParaRPr>
          </a:p>
          <a:p>
            <a:pPr marL="85725" indent="-85725"/>
            <a:r>
              <a:rPr lang="ja-JP" altLang="en-US" sz="1300" dirty="0">
                <a:latin typeface="ＭＳ Ｐ明朝" panose="02020600040205080304" pitchFamily="18" charset="-128"/>
                <a:ea typeface="ＭＳ Ｐ明朝" panose="02020600040205080304" pitchFamily="18" charset="-128"/>
              </a:rPr>
              <a:t>　</a:t>
            </a:r>
            <a:r>
              <a:rPr lang="en-US" altLang="ja-JP" sz="1300" dirty="0">
                <a:latin typeface="ＭＳ Ｐ明朝" panose="02020600040205080304" pitchFamily="18" charset="-128"/>
                <a:ea typeface="ＭＳ Ｐ明朝" panose="02020600040205080304" pitchFamily="18" charset="-128"/>
              </a:rPr>
              <a:t>-</a:t>
            </a:r>
            <a:r>
              <a:rPr lang="ja-JP" altLang="en-US" sz="1300" dirty="0">
                <a:latin typeface="ＭＳ Ｐ明朝" panose="02020600040205080304" pitchFamily="18" charset="-128"/>
                <a:ea typeface="ＭＳ Ｐ明朝" panose="02020600040205080304" pitchFamily="18" charset="-128"/>
              </a:rPr>
              <a:t>校長マネジメント経費</a:t>
            </a:r>
          </a:p>
          <a:p>
            <a:r>
              <a:rPr lang="ja-JP" altLang="en-US" sz="1400" dirty="0" smtClean="0">
                <a:latin typeface="ＭＳ Ｐ明朝" panose="02020600040205080304" pitchFamily="18" charset="-128"/>
                <a:ea typeface="ＭＳ Ｐ明朝" panose="02020600040205080304" pitchFamily="18" charset="-128"/>
              </a:rPr>
              <a:t>・公立・私立の切磋琢磨の環境整備</a:t>
            </a:r>
            <a:endParaRPr lang="en-US" altLang="ja-JP" sz="1400" dirty="0" smtClean="0">
              <a:latin typeface="ＭＳ Ｐ明朝" panose="02020600040205080304" pitchFamily="18" charset="-128"/>
              <a:ea typeface="ＭＳ Ｐ明朝" panose="02020600040205080304" pitchFamily="18" charset="-128"/>
            </a:endParaRPr>
          </a:p>
          <a:p>
            <a:pPr marL="177800" indent="-177800"/>
            <a:r>
              <a:rPr lang="ja-JP" altLang="en-US" sz="1400" dirty="0" smtClean="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a:t>
            </a:r>
            <a:r>
              <a:rPr lang="ja-JP" altLang="en-US" sz="1300" dirty="0" smtClean="0">
                <a:latin typeface="ＭＳ Ｐ明朝" panose="02020600040205080304" pitchFamily="18" charset="-128"/>
                <a:ea typeface="ＭＳ Ｐ明朝" panose="02020600040205080304" pitchFamily="18" charset="-128"/>
              </a:rPr>
              <a:t>私立高校の授業料無償化</a:t>
            </a:r>
            <a:r>
              <a:rPr lang="en-US" altLang="ja-JP" sz="1200" dirty="0" smtClean="0">
                <a:latin typeface="ＭＳ Ｐ明朝" panose="02020600040205080304" pitchFamily="18" charset="-128"/>
                <a:ea typeface="ＭＳ Ｐ明朝" panose="02020600040205080304" pitchFamily="18" charset="-128"/>
              </a:rPr>
              <a:t>(</a:t>
            </a:r>
            <a:r>
              <a:rPr kumimoji="1" lang="ja-JP" altLang="en-US" sz="1200" dirty="0" smtClean="0">
                <a:latin typeface="ＭＳ Ｐ明朝" panose="02020600040205080304" pitchFamily="18" charset="-128"/>
                <a:ea typeface="ＭＳ Ｐ明朝" panose="02020600040205080304" pitchFamily="18" charset="-128"/>
              </a:rPr>
              <a:t>授業料支援補助金拡充によ</a:t>
            </a:r>
            <a:r>
              <a:rPr lang="ja-JP" altLang="en-US" sz="1200" dirty="0">
                <a:latin typeface="ＭＳ Ｐ明朝" panose="02020600040205080304" pitchFamily="18" charset="-128"/>
                <a:ea typeface="ＭＳ Ｐ明朝" panose="02020600040205080304" pitchFamily="18" charset="-128"/>
              </a:rPr>
              <a:t>り</a:t>
            </a:r>
            <a:r>
              <a:rPr kumimoji="1" lang="ja-JP" altLang="en-US" sz="1200" dirty="0" smtClean="0">
                <a:latin typeface="ＭＳ Ｐ明朝" panose="02020600040205080304" pitchFamily="18" charset="-128"/>
                <a:ea typeface="ＭＳ Ｐ明朝" panose="02020600040205080304" pitchFamily="18" charset="-128"/>
              </a:rPr>
              <a:t>公立・私立高校間の競争条件を</a:t>
            </a:r>
            <a:r>
              <a:rPr lang="ja-JP" altLang="en-US" sz="1200" dirty="0" smtClean="0">
                <a:latin typeface="ＭＳ Ｐ明朝" panose="02020600040205080304" pitchFamily="18" charset="-128"/>
                <a:ea typeface="ＭＳ Ｐ明朝" panose="02020600040205080304" pitchFamily="18" charset="-128"/>
              </a:rPr>
              <a:t>合わせる</a:t>
            </a:r>
            <a:r>
              <a:rPr lang="en-US" altLang="ja-JP" sz="1200" dirty="0" smtClean="0">
                <a:latin typeface="ＭＳ Ｐ明朝" panose="02020600040205080304" pitchFamily="18" charset="-128"/>
                <a:ea typeface="ＭＳ Ｐ明朝" panose="02020600040205080304" pitchFamily="18" charset="-128"/>
              </a:rPr>
              <a:t>)</a:t>
            </a:r>
            <a:endParaRPr kumimoji="1" lang="en-US" altLang="ja-JP" sz="1400" dirty="0" smtClean="0">
              <a:latin typeface="ＭＳ Ｐ明朝" panose="02020600040205080304" pitchFamily="18" charset="-128"/>
              <a:ea typeface="ＭＳ Ｐ明朝" panose="02020600040205080304" pitchFamily="18" charset="-128"/>
            </a:endParaRPr>
          </a:p>
          <a:p>
            <a:pPr marL="85725" indent="-85725"/>
            <a:r>
              <a:rPr lang="ja-JP" altLang="en-US" sz="1400" dirty="0">
                <a:latin typeface="ＭＳ Ｐ明朝" panose="02020600040205080304" pitchFamily="18" charset="-128"/>
                <a:ea typeface="ＭＳ Ｐ明朝" panose="02020600040205080304" pitchFamily="18" charset="-128"/>
              </a:rPr>
              <a:t>　</a:t>
            </a:r>
            <a:r>
              <a:rPr lang="en-US" altLang="ja-JP" sz="1300" dirty="0" smtClean="0">
                <a:latin typeface="ＭＳ Ｐ明朝" panose="02020600040205080304" pitchFamily="18" charset="-128"/>
                <a:ea typeface="ＭＳ Ｐ明朝" panose="02020600040205080304" pitchFamily="18" charset="-128"/>
              </a:rPr>
              <a:t>-</a:t>
            </a:r>
            <a:r>
              <a:rPr lang="ja-JP" altLang="en-US" sz="1300" dirty="0" smtClean="0">
                <a:latin typeface="ＭＳ Ｐ明朝" panose="02020600040205080304" pitchFamily="18" charset="-128"/>
                <a:ea typeface="ＭＳ Ｐ明朝" panose="02020600040205080304" pitchFamily="18" charset="-128"/>
              </a:rPr>
              <a:t>公立・私立高校の生徒受入枠の撤廃</a:t>
            </a:r>
            <a:endParaRPr lang="en-US" altLang="ja-JP" sz="1300" dirty="0" smtClean="0">
              <a:latin typeface="ＭＳ Ｐ明朝" panose="02020600040205080304" pitchFamily="18" charset="-128"/>
              <a:ea typeface="ＭＳ Ｐ明朝" panose="02020600040205080304" pitchFamily="18" charset="-128"/>
            </a:endParaRPr>
          </a:p>
          <a:p>
            <a:pPr marL="85725" indent="-85725"/>
            <a:r>
              <a:rPr kumimoji="1" lang="ja-JP" altLang="en-US" sz="1300" dirty="0" smtClean="0">
                <a:latin typeface="ＭＳ Ｐ明朝" panose="02020600040205080304" pitchFamily="18" charset="-128"/>
                <a:ea typeface="ＭＳ Ｐ明朝" panose="02020600040205080304" pitchFamily="18" charset="-128"/>
              </a:rPr>
              <a:t>・私立学校間の切磋琢磨の環境整備</a:t>
            </a:r>
            <a:endParaRPr kumimoji="1" lang="en-US" altLang="ja-JP" sz="1300" dirty="0" smtClean="0">
              <a:latin typeface="ＭＳ Ｐ明朝" panose="02020600040205080304" pitchFamily="18" charset="-128"/>
              <a:ea typeface="ＭＳ Ｐ明朝" panose="02020600040205080304" pitchFamily="18" charset="-128"/>
            </a:endParaRPr>
          </a:p>
          <a:p>
            <a:pPr marL="85725" indent="-85725"/>
            <a:r>
              <a:rPr kumimoji="1" lang="ja-JP" altLang="en-US" sz="1300" dirty="0" smtClean="0">
                <a:latin typeface="ＭＳ Ｐ明朝" panose="02020600040205080304" pitchFamily="18" charset="-128"/>
                <a:ea typeface="ＭＳ Ｐ明朝" panose="02020600040205080304" pitchFamily="18" charset="-128"/>
              </a:rPr>
              <a:t>　</a:t>
            </a:r>
            <a:r>
              <a:rPr kumimoji="1" lang="en-US" altLang="ja-JP" sz="1300" dirty="0" smtClean="0">
                <a:latin typeface="ＭＳ Ｐ明朝" panose="02020600040205080304" pitchFamily="18" charset="-128"/>
                <a:ea typeface="ＭＳ Ｐ明朝" panose="02020600040205080304" pitchFamily="18" charset="-128"/>
              </a:rPr>
              <a:t>-</a:t>
            </a:r>
            <a:r>
              <a:rPr kumimoji="1" lang="ja-JP" altLang="en-US" sz="1300" dirty="0" smtClean="0">
                <a:latin typeface="ＭＳ Ｐ明朝" panose="02020600040205080304" pitchFamily="18" charset="-128"/>
                <a:ea typeface="ＭＳ Ｐ明朝" panose="02020600040205080304" pitchFamily="18" charset="-128"/>
              </a:rPr>
              <a:t>私立高校の経常費</a:t>
            </a:r>
            <a:r>
              <a:rPr lang="ja-JP" altLang="en-US" sz="1300" dirty="0">
                <a:latin typeface="ＭＳ Ｐ明朝" panose="02020600040205080304" pitchFamily="18" charset="-128"/>
                <a:ea typeface="ＭＳ Ｐ明朝" panose="02020600040205080304" pitchFamily="18" charset="-128"/>
              </a:rPr>
              <a:t>補助</a:t>
            </a:r>
            <a:r>
              <a:rPr lang="ja-JP" altLang="en-US" sz="1300" dirty="0" smtClean="0">
                <a:latin typeface="ＭＳ Ｐ明朝" panose="02020600040205080304" pitchFamily="18" charset="-128"/>
                <a:ea typeface="ＭＳ Ｐ明朝" panose="02020600040205080304" pitchFamily="18" charset="-128"/>
              </a:rPr>
              <a:t>金配分方法の見直し</a:t>
            </a:r>
            <a:endParaRPr lang="en-US" altLang="ja-JP" sz="1300" dirty="0" smtClean="0">
              <a:latin typeface="ＭＳ Ｐ明朝" panose="02020600040205080304" pitchFamily="18" charset="-128"/>
              <a:ea typeface="ＭＳ Ｐ明朝" panose="02020600040205080304" pitchFamily="18" charset="-128"/>
            </a:endParaRPr>
          </a:p>
        </p:txBody>
      </p:sp>
      <p:sp>
        <p:nvSpPr>
          <p:cNvPr id="13" name="正方形/長方形 12"/>
          <p:cNvSpPr/>
          <p:nvPr/>
        </p:nvSpPr>
        <p:spPr>
          <a:xfrm>
            <a:off x="6251808" y="908720"/>
            <a:ext cx="3597736" cy="2232248"/>
          </a:xfrm>
          <a:prstGeom prst="rect">
            <a:avLst/>
          </a:prstGeom>
        </p:spPr>
        <p:style>
          <a:lnRef idx="1">
            <a:schemeClr val="accent1"/>
          </a:lnRef>
          <a:fillRef idx="0">
            <a:schemeClr val="accent1"/>
          </a:fillRef>
          <a:effectRef idx="0">
            <a:schemeClr val="accent1"/>
          </a:effectRef>
          <a:fontRef idx="minor">
            <a:schemeClr val="tx1"/>
          </a:fontRef>
        </p:style>
        <p:txBody>
          <a:bodyPr lIns="36000" rIns="72000" rtlCol="0" anchor="ctr"/>
          <a:lstStyle/>
          <a:p>
            <a:r>
              <a:rPr kumimoji="1" lang="en-US" altLang="ja-JP" sz="1400" dirty="0" smtClean="0"/>
              <a:t>&lt;</a:t>
            </a:r>
            <a:r>
              <a:rPr kumimoji="1" lang="ja-JP" altLang="en-US" sz="1400" dirty="0" smtClean="0"/>
              <a:t>府</a:t>
            </a:r>
            <a:r>
              <a:rPr kumimoji="1" lang="en-US" altLang="ja-JP" sz="1400" dirty="0" smtClean="0"/>
              <a:t>&gt;</a:t>
            </a:r>
          </a:p>
          <a:p>
            <a:r>
              <a:rPr kumimoji="1" lang="ja-JP" altLang="en-US" sz="1400" dirty="0" smtClean="0">
                <a:latin typeface="ＭＳ Ｐ明朝" panose="02020600040205080304" pitchFamily="18" charset="-128"/>
                <a:ea typeface="ＭＳ Ｐ明朝" panose="02020600040205080304" pitchFamily="18" charset="-128"/>
              </a:rPr>
              <a:t>・府立高校のさらなる特色づくり</a:t>
            </a:r>
            <a:endParaRPr kumimoji="1" lang="en-US" altLang="ja-JP" sz="1400" dirty="0" smtClean="0">
              <a:latin typeface="ＭＳ Ｐ明朝" panose="02020600040205080304" pitchFamily="18" charset="-128"/>
              <a:ea typeface="ＭＳ Ｐ明朝" panose="02020600040205080304" pitchFamily="18" charset="-128"/>
            </a:endParaRPr>
          </a:p>
          <a:p>
            <a:pPr marL="182563" indent="-182563"/>
            <a:r>
              <a:rPr lang="ja-JP" altLang="en-US" sz="1400" dirty="0" smtClean="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ｸﾞﾛｰﾊﾞﾙﾘｰﾀﾞｰｽﾞﾊｲｽｸｰﾙ</a:t>
            </a:r>
            <a:endParaRPr lang="en-US" altLang="ja-JP" sz="1400" strike="sngStrike" dirty="0" smtClean="0">
              <a:solidFill>
                <a:schemeClr val="accent1"/>
              </a:solidFill>
              <a:latin typeface="ＭＳ Ｐ明朝" panose="02020600040205080304" pitchFamily="18" charset="-128"/>
              <a:ea typeface="ＭＳ Ｐ明朝" panose="02020600040205080304" pitchFamily="18" charset="-128"/>
            </a:endParaRPr>
          </a:p>
          <a:p>
            <a:pPr marL="182563" indent="-182563"/>
            <a:r>
              <a:rPr lang="ja-JP" altLang="en-US" sz="1400" dirty="0" smtClean="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実業教育の充実</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工科高校</a:t>
            </a:r>
            <a:r>
              <a:rPr lang="en-US" altLang="ja-JP" sz="1400" dirty="0" smtClean="0">
                <a:latin typeface="ＭＳ Ｐ明朝" panose="02020600040205080304" pitchFamily="18" charset="-128"/>
                <a:ea typeface="ＭＳ Ｐ明朝" panose="02020600040205080304" pitchFamily="18" charset="-128"/>
              </a:rPr>
              <a:t>)</a:t>
            </a:r>
          </a:p>
          <a:p>
            <a:pPr marL="182563" indent="-182563"/>
            <a:r>
              <a:rPr lang="ja-JP" altLang="en-US" sz="1400" dirty="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生徒の学び直し等を支援</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ｴﾝﾊﾟﾜﾒﾝﾄｽｸｰﾙ</a:t>
            </a:r>
            <a:r>
              <a:rPr lang="en-US" altLang="ja-JP" sz="1400" dirty="0" smtClean="0">
                <a:latin typeface="ＭＳ Ｐ明朝" panose="02020600040205080304" pitchFamily="18" charset="-128"/>
                <a:ea typeface="ＭＳ Ｐ明朝" panose="02020600040205080304" pitchFamily="18" charset="-128"/>
              </a:rPr>
              <a:t>)</a:t>
            </a:r>
          </a:p>
          <a:p>
            <a:r>
              <a:rPr kumimoji="1" lang="ja-JP" altLang="en-US" sz="1400" dirty="0">
                <a:latin typeface="ＭＳ Ｐ明朝" panose="02020600040205080304" pitchFamily="18" charset="-128"/>
                <a:ea typeface="ＭＳ Ｐ明朝" panose="02020600040205080304" pitchFamily="18" charset="-128"/>
              </a:rPr>
              <a:t>　</a:t>
            </a:r>
            <a:r>
              <a:rPr kumimoji="1" lang="en-US" altLang="ja-JP" sz="1400" dirty="0" smtClean="0">
                <a:latin typeface="ＭＳ Ｐ明朝" panose="02020600040205080304" pitchFamily="18" charset="-128"/>
                <a:ea typeface="ＭＳ Ｐ明朝" panose="02020600040205080304" pitchFamily="18" charset="-128"/>
              </a:rPr>
              <a:t>-</a:t>
            </a:r>
            <a:r>
              <a:rPr kumimoji="1" lang="ja-JP" altLang="en-US" sz="1400" dirty="0" smtClean="0">
                <a:latin typeface="ＭＳ Ｐ明朝" panose="02020600040205080304" pitchFamily="18" charset="-128"/>
                <a:ea typeface="ＭＳ Ｐ明朝" panose="02020600040205080304" pitchFamily="18" charset="-128"/>
              </a:rPr>
              <a:t>英語教育推進</a:t>
            </a:r>
            <a:endParaRPr kumimoji="1" lang="en-US" altLang="ja-JP" sz="1400" dirty="0" smtClean="0">
              <a:latin typeface="ＭＳ Ｐ明朝" panose="02020600040205080304" pitchFamily="18" charset="-128"/>
              <a:ea typeface="ＭＳ Ｐ明朝" panose="02020600040205080304" pitchFamily="18" charset="-128"/>
            </a:endParaRPr>
          </a:p>
          <a:p>
            <a:r>
              <a:rPr lang="ja-JP" altLang="en-US" sz="1400" dirty="0" smtClean="0">
                <a:latin typeface="ＭＳ Ｐ明朝" panose="02020600040205080304" pitchFamily="18" charset="-128"/>
                <a:ea typeface="ＭＳ Ｐ明朝" panose="02020600040205080304" pitchFamily="18" charset="-128"/>
              </a:rPr>
              <a:t>・支援教育の充実</a:t>
            </a:r>
            <a:endParaRPr lang="en-US" altLang="ja-JP" sz="1400" dirty="0" smtClean="0">
              <a:latin typeface="ＭＳ Ｐ明朝" panose="02020600040205080304" pitchFamily="18" charset="-128"/>
              <a:ea typeface="ＭＳ Ｐ明朝" panose="02020600040205080304" pitchFamily="18" charset="-128"/>
            </a:endParaRPr>
          </a:p>
          <a:p>
            <a:r>
              <a:rPr lang="ja-JP" altLang="en-US" sz="1400" dirty="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府内</a:t>
            </a:r>
            <a:r>
              <a:rPr lang="en-US" altLang="ja-JP" sz="1400" dirty="0" smtClean="0">
                <a:latin typeface="ＭＳ Ｐ明朝" panose="02020600040205080304" pitchFamily="18" charset="-128"/>
                <a:ea typeface="ＭＳ Ｐ明朝" panose="02020600040205080304" pitchFamily="18" charset="-128"/>
              </a:rPr>
              <a:t>4</a:t>
            </a:r>
            <a:r>
              <a:rPr lang="ja-JP" altLang="en-US" sz="1400" dirty="0" smtClean="0">
                <a:latin typeface="ＭＳ Ｐ明朝" panose="02020600040205080304" pitchFamily="18" charset="-128"/>
                <a:ea typeface="ＭＳ Ｐ明朝" panose="02020600040205080304" pitchFamily="18" charset="-128"/>
              </a:rPr>
              <a:t>地域に新たな支援学校を整備</a:t>
            </a:r>
            <a:endParaRPr lang="en-US" altLang="ja-JP" sz="1400" dirty="0" smtClean="0">
              <a:latin typeface="ＭＳ Ｐ明朝" panose="02020600040205080304" pitchFamily="18" charset="-128"/>
              <a:ea typeface="ＭＳ Ｐ明朝" panose="02020600040205080304" pitchFamily="18" charset="-128"/>
            </a:endParaRPr>
          </a:p>
          <a:p>
            <a:pPr marL="177800" indent="-177800"/>
            <a:r>
              <a:rPr kumimoji="1" lang="ja-JP" altLang="en-US" sz="1400" dirty="0">
                <a:latin typeface="ＭＳ Ｐ明朝" panose="02020600040205080304" pitchFamily="18" charset="-128"/>
                <a:ea typeface="ＭＳ Ｐ明朝" panose="02020600040205080304" pitchFamily="18" charset="-128"/>
              </a:rPr>
              <a:t>　</a:t>
            </a:r>
            <a:r>
              <a:rPr kumimoji="1" lang="en-US" altLang="ja-JP" sz="1400" dirty="0" smtClean="0">
                <a:latin typeface="ＭＳ Ｐ明朝" panose="02020600040205080304" pitchFamily="18" charset="-128"/>
                <a:ea typeface="ＭＳ Ｐ明朝" panose="02020600040205080304" pitchFamily="18" charset="-128"/>
              </a:rPr>
              <a:t>-</a:t>
            </a:r>
            <a:r>
              <a:rPr kumimoji="1" lang="ja-JP" altLang="en-US" sz="1400" dirty="0" smtClean="0">
                <a:latin typeface="ＭＳ Ｐ明朝" panose="02020600040205080304" pitchFamily="18" charset="-128"/>
                <a:ea typeface="ＭＳ Ｐ明朝" panose="02020600040205080304" pitchFamily="18" charset="-128"/>
              </a:rPr>
              <a:t>障がいのある生徒の高校生活をサポートするための環境整備</a:t>
            </a:r>
            <a:endParaRPr kumimoji="1" lang="en-US" altLang="ja-JP" sz="1400" dirty="0" smtClean="0">
              <a:latin typeface="ＭＳ Ｐ明朝" panose="02020600040205080304" pitchFamily="18" charset="-128"/>
              <a:ea typeface="ＭＳ Ｐ明朝" panose="02020600040205080304" pitchFamily="18" charset="-128"/>
            </a:endParaRPr>
          </a:p>
        </p:txBody>
      </p:sp>
      <p:sp>
        <p:nvSpPr>
          <p:cNvPr id="15" name="正方形/長方形 14"/>
          <p:cNvSpPr/>
          <p:nvPr/>
        </p:nvSpPr>
        <p:spPr>
          <a:xfrm>
            <a:off x="2144688" y="5445224"/>
            <a:ext cx="7560840" cy="1368152"/>
          </a:xfrm>
          <a:prstGeom prst="rect">
            <a:avLst/>
          </a:prstGeom>
        </p:spPr>
        <p:style>
          <a:lnRef idx="1">
            <a:schemeClr val="accent1"/>
          </a:lnRef>
          <a:fillRef idx="0">
            <a:schemeClr val="accent1"/>
          </a:fillRef>
          <a:effectRef idx="0">
            <a:schemeClr val="accent1"/>
          </a:effectRef>
          <a:fontRef idx="minor">
            <a:schemeClr val="tx1"/>
          </a:fontRef>
        </p:style>
        <p:txBody>
          <a:bodyPr lIns="72000" rIns="72000" rtlCol="0" anchor="ctr"/>
          <a:lstStyle/>
          <a:p>
            <a:pPr marL="1524000"/>
            <a:r>
              <a:rPr kumimoji="1" lang="en-US" altLang="ja-JP" sz="1400" dirty="0" smtClean="0"/>
              <a:t>&lt;</a:t>
            </a:r>
            <a:r>
              <a:rPr kumimoji="1" lang="ja-JP" altLang="en-US" sz="1400" dirty="0" smtClean="0"/>
              <a:t>府市</a:t>
            </a:r>
            <a:r>
              <a:rPr kumimoji="1" lang="en-US" altLang="ja-JP" sz="1400" dirty="0" smtClean="0"/>
              <a:t>&gt;</a:t>
            </a:r>
          </a:p>
          <a:p>
            <a:pPr marL="1524000"/>
            <a:r>
              <a:rPr kumimoji="1" lang="ja-JP" altLang="en-US" sz="1400" dirty="0" smtClean="0">
                <a:latin typeface="ＭＳ Ｐ明朝" panose="02020600040205080304" pitchFamily="18" charset="-128"/>
                <a:ea typeface="ＭＳ Ｐ明朝" panose="02020600040205080304" pitchFamily="18" charset="-128"/>
              </a:rPr>
              <a:t>・全国に先駆けて教育委員会の制度を改革</a:t>
            </a:r>
            <a:endParaRPr kumimoji="1" lang="en-US" altLang="ja-JP" sz="1400" dirty="0" smtClean="0">
              <a:latin typeface="ＭＳ Ｐ明朝" panose="02020600040205080304" pitchFamily="18" charset="-128"/>
              <a:ea typeface="ＭＳ Ｐ明朝" panose="02020600040205080304" pitchFamily="18" charset="-128"/>
            </a:endParaRPr>
          </a:p>
          <a:p>
            <a:pPr marL="1524000"/>
            <a:r>
              <a:rPr lang="en-US" altLang="ja-JP" sz="1400" dirty="0" smtClean="0"/>
              <a:t>&lt;</a:t>
            </a:r>
            <a:r>
              <a:rPr lang="ja-JP" altLang="en-US" sz="1400" dirty="0" smtClean="0"/>
              <a:t>府</a:t>
            </a:r>
            <a:r>
              <a:rPr lang="en-US" altLang="ja-JP" sz="1400" dirty="0" smtClean="0"/>
              <a:t>&gt;</a:t>
            </a:r>
            <a:endParaRPr lang="en-US" altLang="ja-JP" sz="1400" dirty="0"/>
          </a:p>
          <a:p>
            <a:pPr marL="1524000"/>
            <a:r>
              <a:rPr lang="ja-JP" altLang="en-US" sz="1400" dirty="0" smtClean="0">
                <a:latin typeface="ＭＳ Ｐ明朝" panose="02020600040205080304" pitchFamily="18" charset="-128"/>
                <a:ea typeface="ＭＳ Ｐ明朝" panose="02020600040205080304" pitchFamily="18" charset="-128"/>
              </a:rPr>
              <a:t>・学校運営体制を改革（豊能地区における市町村への権限移譲）</a:t>
            </a:r>
            <a:endParaRPr lang="en-US" altLang="ja-JP" sz="1400" dirty="0" smtClean="0">
              <a:latin typeface="ＭＳ Ｐ明朝" panose="02020600040205080304" pitchFamily="18" charset="-128"/>
              <a:ea typeface="ＭＳ Ｐ明朝" panose="02020600040205080304" pitchFamily="18" charset="-128"/>
            </a:endParaRPr>
          </a:p>
          <a:p>
            <a:pPr marL="1524000"/>
            <a:r>
              <a:rPr lang="en-US" altLang="ja-JP" sz="1400" dirty="0" smtClean="0"/>
              <a:t>&lt;</a:t>
            </a:r>
            <a:r>
              <a:rPr lang="ja-JP" altLang="en-US" sz="1400" dirty="0" smtClean="0"/>
              <a:t>市</a:t>
            </a:r>
            <a:r>
              <a:rPr lang="en-US" altLang="ja-JP" sz="1400" dirty="0" smtClean="0"/>
              <a:t>&gt;</a:t>
            </a:r>
          </a:p>
          <a:p>
            <a:pPr marL="1524000"/>
            <a:r>
              <a:rPr lang="ja-JP" altLang="en-US" sz="1400" dirty="0" smtClean="0">
                <a:latin typeface="ＭＳ Ｐ明朝" panose="02020600040205080304" pitchFamily="18" charset="-128"/>
                <a:ea typeface="ＭＳ Ｐ明朝" panose="02020600040205080304" pitchFamily="18" charset="-128"/>
              </a:rPr>
              <a:t>・総合教育会議に先駆けて、「市長と教育委員の協議」を実施</a:t>
            </a:r>
            <a:endParaRPr lang="en-US" altLang="ja-JP" sz="1400" dirty="0">
              <a:latin typeface="ＭＳ Ｐ明朝" panose="02020600040205080304" pitchFamily="18" charset="-128"/>
              <a:ea typeface="ＭＳ Ｐ明朝" panose="02020600040205080304" pitchFamily="18" charset="-128"/>
            </a:endParaRPr>
          </a:p>
        </p:txBody>
      </p:sp>
      <p:sp>
        <p:nvSpPr>
          <p:cNvPr id="18" name="Rectangle 2"/>
          <p:cNvSpPr txBox="1">
            <a:spLocks noChangeArrowheads="1"/>
          </p:cNvSpPr>
          <p:nvPr/>
        </p:nvSpPr>
        <p:spPr bwMode="auto">
          <a:xfrm>
            <a:off x="-12192" y="1921"/>
            <a:ext cx="9906000" cy="408111"/>
          </a:xfrm>
          <a:prstGeom prst="rect">
            <a:avLst/>
          </a:prstGeom>
          <a:no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dirty="0" smtClean="0">
                <a:latin typeface="ＭＳ Ｐゴシック" panose="020B0600070205080204" pitchFamily="50" charset="-128"/>
                <a:ea typeface="ＭＳ Ｐゴシック" panose="020B0600070205080204" pitchFamily="50" charset="-128"/>
              </a:rPr>
              <a:t>教育改革の取組み概要　　</a:t>
            </a:r>
            <a:r>
              <a:rPr lang="en-US" altLang="ja-JP" sz="1100" dirty="0" smtClean="0">
                <a:latin typeface="ＭＳ Ｐゴシック" panose="020B0600070205080204" pitchFamily="50" charset="-128"/>
                <a:ea typeface="ＭＳ Ｐゴシック" panose="020B0600070205080204" pitchFamily="50" charset="-128"/>
              </a:rPr>
              <a:t>※</a:t>
            </a:r>
            <a:r>
              <a:rPr lang="ja-JP" altLang="en-US" sz="1100" dirty="0" smtClean="0">
                <a:latin typeface="ＭＳ Ｐゴシック" panose="020B0600070205080204" pitchFamily="50" charset="-128"/>
                <a:ea typeface="ＭＳ Ｐゴシック" panose="020B0600070205080204" pitchFamily="50" charset="-128"/>
              </a:rPr>
              <a:t>主なものを抽出　</a:t>
            </a:r>
            <a:endParaRPr lang="en-US" altLang="ja-JP" sz="1600" dirty="0" smtClean="0">
              <a:latin typeface="ＭＳ Ｐゴシック" panose="020B0600070205080204" pitchFamily="50" charset="-128"/>
              <a:ea typeface="ＭＳ Ｐゴシック" panose="020B0600070205080204" pitchFamily="50" charset="-128"/>
            </a:endParaRPr>
          </a:p>
        </p:txBody>
      </p:sp>
      <p:sp>
        <p:nvSpPr>
          <p:cNvPr id="19" name="正方形/長方形 18"/>
          <p:cNvSpPr/>
          <p:nvPr/>
        </p:nvSpPr>
        <p:spPr>
          <a:xfrm>
            <a:off x="2144688" y="1844824"/>
            <a:ext cx="4032448" cy="1296144"/>
          </a:xfrm>
          <a:prstGeom prst="rect">
            <a:avLst/>
          </a:prstGeom>
        </p:spPr>
        <p:style>
          <a:lnRef idx="1">
            <a:schemeClr val="accent1"/>
          </a:lnRef>
          <a:fillRef idx="0">
            <a:schemeClr val="accent1"/>
          </a:fillRef>
          <a:effectRef idx="0">
            <a:schemeClr val="accent1"/>
          </a:effectRef>
          <a:fontRef idx="minor">
            <a:schemeClr val="tx1"/>
          </a:fontRef>
        </p:style>
        <p:txBody>
          <a:bodyPr lIns="72000" rIns="72000" rtlCol="0" anchor="ctr"/>
          <a:lstStyle/>
          <a:p>
            <a:pPr marL="85725" indent="-85725"/>
            <a:r>
              <a:rPr kumimoji="1" lang="en-US" altLang="ja-JP" sz="1400" dirty="0" smtClean="0"/>
              <a:t>&lt;</a:t>
            </a:r>
            <a:r>
              <a:rPr kumimoji="1" lang="ja-JP" altLang="en-US" sz="1400" dirty="0" smtClean="0"/>
              <a:t>市</a:t>
            </a:r>
            <a:r>
              <a:rPr kumimoji="1" lang="en-US" altLang="ja-JP" sz="1400" dirty="0" smtClean="0"/>
              <a:t>&gt;</a:t>
            </a:r>
          </a:p>
          <a:p>
            <a:pPr marL="85725" indent="-85725"/>
            <a:r>
              <a:rPr lang="ja-JP" altLang="en-US" sz="1400" dirty="0" smtClean="0">
                <a:latin typeface="ＭＳ Ｐ明朝" panose="02020600040205080304" pitchFamily="18" charset="-128"/>
                <a:ea typeface="ＭＳ Ｐ明朝" panose="02020600040205080304" pitchFamily="18" charset="-128"/>
              </a:rPr>
              <a:t>・学校教育ＩＣＴや英語イノベーションなどカリキュラムのイノベーションを実施</a:t>
            </a:r>
            <a:endParaRPr lang="en-US" altLang="ja-JP" sz="1400" dirty="0" smtClean="0">
              <a:latin typeface="ＭＳ Ｐ明朝" panose="02020600040205080304" pitchFamily="18" charset="-128"/>
              <a:ea typeface="ＭＳ Ｐ明朝" panose="02020600040205080304" pitchFamily="18" charset="-128"/>
            </a:endParaRPr>
          </a:p>
          <a:p>
            <a:pPr marL="85725" indent="-85725"/>
            <a:r>
              <a:rPr lang="ja-JP" altLang="en-US" sz="1400" dirty="0" smtClean="0">
                <a:latin typeface="ＭＳ Ｐ明朝" panose="02020600040205080304" pitchFamily="18" charset="-128"/>
                <a:ea typeface="ＭＳ Ｐ明朝" panose="02020600040205080304" pitchFamily="18" charset="-128"/>
              </a:rPr>
              <a:t>・中学校給食の全員喫食移行や、小・中学校の普通教室への空調機の設置、校務支援ＩＣＴなど教育環境を充実</a:t>
            </a:r>
            <a:endParaRPr kumimoji="1" lang="ja-JP" altLang="en-US" sz="1400" dirty="0">
              <a:latin typeface="ＭＳ Ｐ明朝" panose="02020600040205080304" pitchFamily="18" charset="-128"/>
              <a:ea typeface="ＭＳ Ｐ明朝" panose="02020600040205080304" pitchFamily="18" charset="-128"/>
            </a:endParaRPr>
          </a:p>
        </p:txBody>
      </p:sp>
      <p:sp>
        <p:nvSpPr>
          <p:cNvPr id="20" name="正方形/長方形 19"/>
          <p:cNvSpPr/>
          <p:nvPr/>
        </p:nvSpPr>
        <p:spPr>
          <a:xfrm>
            <a:off x="2144688" y="3212976"/>
            <a:ext cx="4032448" cy="2160240"/>
          </a:xfrm>
          <a:prstGeom prst="rect">
            <a:avLst/>
          </a:prstGeom>
        </p:spPr>
        <p:style>
          <a:lnRef idx="1">
            <a:schemeClr val="accent1"/>
          </a:lnRef>
          <a:fillRef idx="0">
            <a:schemeClr val="accent1"/>
          </a:fillRef>
          <a:effectRef idx="0">
            <a:schemeClr val="accent1"/>
          </a:effectRef>
          <a:fontRef idx="minor">
            <a:schemeClr val="tx1"/>
          </a:fontRef>
        </p:style>
        <p:txBody>
          <a:bodyPr lIns="36000" rIns="36000" rtlCol="0" anchor="ctr"/>
          <a:lstStyle/>
          <a:p>
            <a:r>
              <a:rPr lang="en-US" altLang="ja-JP" sz="1400" dirty="0" smtClean="0"/>
              <a:t>&lt;</a:t>
            </a:r>
            <a:r>
              <a:rPr lang="ja-JP" altLang="en-US" sz="1400" dirty="0" smtClean="0"/>
              <a:t>市</a:t>
            </a:r>
            <a:r>
              <a:rPr lang="en-US" altLang="ja-JP" sz="1400" dirty="0" smtClean="0"/>
              <a:t>&gt;</a:t>
            </a:r>
          </a:p>
          <a:p>
            <a:r>
              <a:rPr lang="ja-JP" altLang="en-US" sz="1400" dirty="0" smtClean="0">
                <a:latin typeface="ＭＳ Ｐ明朝" panose="02020600040205080304" pitchFamily="18" charset="-128"/>
                <a:ea typeface="ＭＳ Ｐ明朝" panose="02020600040205080304" pitchFamily="18" charset="-128"/>
              </a:rPr>
              <a:t>・子どもや保護者の選択機会の拡大や学校情報</a:t>
            </a:r>
            <a:endParaRPr lang="en-US" altLang="ja-JP" sz="1400" dirty="0" smtClean="0">
              <a:latin typeface="ＭＳ Ｐ明朝" panose="02020600040205080304" pitchFamily="18" charset="-128"/>
              <a:ea typeface="ＭＳ Ｐ明朝" panose="02020600040205080304" pitchFamily="18" charset="-128"/>
            </a:endParaRPr>
          </a:p>
          <a:p>
            <a:r>
              <a:rPr lang="ja-JP" altLang="en-US" sz="1400" dirty="0" smtClean="0">
                <a:latin typeface="ＭＳ Ｐ明朝" panose="02020600040205080304" pitchFamily="18" charset="-128"/>
                <a:ea typeface="ＭＳ Ｐ明朝" panose="02020600040205080304" pitchFamily="18" charset="-128"/>
              </a:rPr>
              <a:t>　の積極的な提供を実施</a:t>
            </a:r>
            <a:endParaRPr lang="en-US" altLang="ja-JP" sz="14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a:t>
            </a:r>
            <a:r>
              <a:rPr lang="en-US" altLang="ja-JP" sz="1200" dirty="0" smtClean="0">
                <a:latin typeface="ＭＳ Ｐ明朝" panose="02020600040205080304" pitchFamily="18" charset="-128"/>
                <a:ea typeface="ＭＳ Ｐ明朝" panose="02020600040205080304" pitchFamily="18" charset="-128"/>
              </a:rPr>
              <a:t>-</a:t>
            </a:r>
            <a:r>
              <a:rPr lang="ja-JP" altLang="en-US" sz="1200" dirty="0" smtClean="0">
                <a:latin typeface="ＭＳ Ｐ明朝" panose="02020600040205080304" pitchFamily="18" charset="-128"/>
                <a:ea typeface="ＭＳ Ｐ明朝" panose="02020600040205080304" pitchFamily="18" charset="-128"/>
              </a:rPr>
              <a:t> 全国学力・学習状況調査等の学校別結果の公表</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a:t>
            </a:r>
            <a:r>
              <a:rPr lang="en-US" altLang="ja-JP" sz="1200" dirty="0" smtClean="0">
                <a:latin typeface="ＭＳ Ｐ明朝" panose="02020600040205080304" pitchFamily="18" charset="-128"/>
                <a:ea typeface="ＭＳ Ｐ明朝" panose="02020600040205080304" pitchFamily="18" charset="-128"/>
              </a:rPr>
              <a:t>-</a:t>
            </a:r>
            <a:r>
              <a:rPr lang="ja-JP" altLang="en-US" sz="1200" dirty="0" smtClean="0">
                <a:latin typeface="ＭＳ Ｐ明朝" panose="02020600040205080304" pitchFamily="18" charset="-128"/>
                <a:ea typeface="ＭＳ Ｐ明朝" panose="02020600040205080304" pitchFamily="18" charset="-128"/>
              </a:rPr>
              <a:t> 学校選択制の導入</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a:t>
            </a:r>
            <a:r>
              <a:rPr lang="en-US" altLang="ja-JP" sz="1200" dirty="0" smtClean="0">
                <a:latin typeface="ＭＳ Ｐ明朝" panose="02020600040205080304" pitchFamily="18" charset="-128"/>
                <a:ea typeface="ＭＳ Ｐ明朝" panose="02020600040205080304" pitchFamily="18" charset="-128"/>
              </a:rPr>
              <a:t>-</a:t>
            </a:r>
            <a:r>
              <a:rPr lang="ja-JP" altLang="en-US" sz="1200" dirty="0" smtClean="0">
                <a:latin typeface="ＭＳ Ｐ明朝" panose="02020600040205080304" pitchFamily="18" charset="-128"/>
                <a:ea typeface="ＭＳ Ｐ明朝" panose="02020600040205080304" pitchFamily="18" charset="-128"/>
              </a:rPr>
              <a:t> 学校協議会の設置　　　など</a:t>
            </a:r>
          </a:p>
          <a:p>
            <a:r>
              <a:rPr lang="ja-JP" altLang="en-US" sz="1400" dirty="0" smtClean="0">
                <a:latin typeface="ＭＳ Ｐ明朝" panose="02020600040205080304" pitchFamily="18" charset="-128"/>
                <a:ea typeface="ＭＳ Ｐ明朝" panose="02020600040205080304" pitchFamily="18" charset="-128"/>
              </a:rPr>
              <a:t>・教員が切磋琢磨し、創意工夫をこらした学校運</a:t>
            </a:r>
            <a:endParaRPr lang="en-US" altLang="ja-JP" sz="1400" dirty="0" smtClean="0">
              <a:latin typeface="ＭＳ Ｐ明朝" panose="02020600040205080304" pitchFamily="18" charset="-128"/>
              <a:ea typeface="ＭＳ Ｐ明朝" panose="02020600040205080304" pitchFamily="18" charset="-128"/>
            </a:endParaRPr>
          </a:p>
          <a:p>
            <a:r>
              <a:rPr lang="ja-JP" altLang="en-US" sz="1400" dirty="0" smtClean="0">
                <a:latin typeface="ＭＳ Ｐ明朝" panose="02020600040205080304" pitchFamily="18" charset="-128"/>
                <a:ea typeface="ＭＳ Ｐ明朝" panose="02020600040205080304" pitchFamily="18" charset="-128"/>
              </a:rPr>
              <a:t>　営を進めるための仕組みづくり</a:t>
            </a:r>
            <a:endParaRPr lang="en-US" altLang="ja-JP" sz="14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a:t>
            </a:r>
            <a:r>
              <a:rPr lang="en-US" altLang="ja-JP" sz="1200" dirty="0" smtClean="0">
                <a:latin typeface="ＭＳ Ｐ明朝" panose="02020600040205080304" pitchFamily="18" charset="-128"/>
                <a:ea typeface="ＭＳ Ｐ明朝" panose="02020600040205080304" pitchFamily="18" charset="-128"/>
              </a:rPr>
              <a:t>-</a:t>
            </a:r>
            <a:r>
              <a:rPr lang="ja-JP" altLang="en-US" sz="1200" dirty="0" smtClean="0">
                <a:latin typeface="ＭＳ Ｐ明朝" panose="02020600040205080304" pitchFamily="18" charset="-128"/>
                <a:ea typeface="ＭＳ Ｐ明朝" panose="02020600040205080304" pitchFamily="18" charset="-128"/>
              </a:rPr>
              <a:t> 校長経営戦略予算の配付</a:t>
            </a:r>
          </a:p>
          <a:p>
            <a:r>
              <a:rPr lang="ja-JP" altLang="en-US" sz="1200" dirty="0" smtClean="0">
                <a:latin typeface="ＭＳ Ｐ明朝" panose="02020600040205080304" pitchFamily="18" charset="-128"/>
                <a:ea typeface="ＭＳ Ｐ明朝" panose="02020600040205080304" pitchFamily="18" charset="-128"/>
              </a:rPr>
              <a:t>　  </a:t>
            </a:r>
            <a:r>
              <a:rPr lang="en-US" altLang="ja-JP" sz="1200" dirty="0" smtClean="0">
                <a:latin typeface="ＭＳ Ｐ明朝" panose="02020600040205080304" pitchFamily="18" charset="-128"/>
                <a:ea typeface="ＭＳ Ｐ明朝" panose="02020600040205080304" pitchFamily="18" charset="-128"/>
              </a:rPr>
              <a:t>-</a:t>
            </a:r>
            <a:r>
              <a:rPr lang="ja-JP" altLang="en-US" sz="1200" dirty="0" smtClean="0">
                <a:latin typeface="ＭＳ Ｐ明朝" panose="02020600040205080304" pitchFamily="18" charset="-128"/>
                <a:ea typeface="ＭＳ Ｐ明朝" panose="02020600040205080304" pitchFamily="18" charset="-128"/>
              </a:rPr>
              <a:t> がんばる教員個人やグループの主体的な研究活</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動への支援     など</a:t>
            </a:r>
            <a:endParaRPr lang="ja-JP" altLang="en-US" sz="1200" dirty="0">
              <a:latin typeface="ＭＳ Ｐ明朝" panose="02020600040205080304" pitchFamily="18" charset="-128"/>
              <a:ea typeface="ＭＳ Ｐ明朝" panose="02020600040205080304" pitchFamily="18" charset="-128"/>
            </a:endParaRPr>
          </a:p>
        </p:txBody>
      </p:sp>
      <p:sp>
        <p:nvSpPr>
          <p:cNvPr id="17" name="スライド番号プレースホルダ 16"/>
          <p:cNvSpPr>
            <a:spLocks noGrp="1"/>
          </p:cNvSpPr>
          <p:nvPr>
            <p:ph type="sldNum" sz="quarter" idx="12"/>
          </p:nvPr>
        </p:nvSpPr>
        <p:spPr/>
        <p:txBody>
          <a:bodyPr/>
          <a:lstStyle/>
          <a:p>
            <a:fld id="{37EF5067-3AB7-4642-9103-42CBD40CC6D9}" type="slidenum">
              <a:rPr kumimoji="1" lang="ja-JP" altLang="en-US" smtClean="0"/>
              <a:pPr/>
              <a:t>48</a:t>
            </a:fld>
            <a:endParaRPr kumimoji="1" lang="ja-JP" altLang="en-US" dirty="0"/>
          </a:p>
        </p:txBody>
      </p:sp>
    </p:spTree>
    <p:extLst>
      <p:ext uri="{BB962C8B-B14F-4D97-AF65-F5344CB8AC3E}">
        <p14:creationId xmlns:p14="http://schemas.microsoft.com/office/powerpoint/2010/main" val="60106102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ext uri="{D42A27DB-BD31-4B8C-83A1-F6EECF244321}">
                <p14:modId xmlns:p14="http://schemas.microsoft.com/office/powerpoint/2010/main" val="2493813121"/>
              </p:ext>
            </p:extLst>
          </p:nvPr>
        </p:nvGraphicFramePr>
        <p:xfrm>
          <a:off x="171625" y="303628"/>
          <a:ext cx="9677919" cy="5690772"/>
        </p:xfrm>
        <a:graphic>
          <a:graphicData uri="http://schemas.openxmlformats.org/drawingml/2006/table">
            <a:tbl>
              <a:tblPr firstRow="1" bandRow="1">
                <a:tableStyleId>{5940675A-B579-460E-94D1-54222C63F5DA}</a:tableStyleId>
              </a:tblPr>
              <a:tblGrid>
                <a:gridCol w="390000"/>
                <a:gridCol w="989919"/>
                <a:gridCol w="1326000"/>
                <a:gridCol w="1326000"/>
                <a:gridCol w="1326000"/>
                <a:gridCol w="1440000"/>
                <a:gridCol w="1440000"/>
                <a:gridCol w="1440000"/>
              </a:tblGrid>
              <a:tr h="233401">
                <a:tc>
                  <a:txBody>
                    <a:bodyPr/>
                    <a:lstStyle/>
                    <a:p>
                      <a:endParaRPr kumimoji="1" lang="ja-JP" altLang="en-US" dirty="0"/>
                    </a:p>
                  </a:txBody>
                  <a:tcPr marL="99060" marR="99060"/>
                </a:tc>
                <a:tc>
                  <a:txBody>
                    <a:bodyPr/>
                    <a:lstStyle/>
                    <a:p>
                      <a:pPr algn="ctr"/>
                      <a:r>
                        <a:rPr kumimoji="1" lang="en-US" altLang="ja-JP" sz="1600" dirty="0" smtClean="0"/>
                        <a:t>2008</a:t>
                      </a:r>
                      <a:endParaRPr kumimoji="1" lang="ja-JP" altLang="en-US" sz="1600" dirty="0"/>
                    </a:p>
                  </a:txBody>
                  <a:tcPr marL="99060" marR="99060"/>
                </a:tc>
                <a:tc>
                  <a:txBody>
                    <a:bodyPr/>
                    <a:lstStyle/>
                    <a:p>
                      <a:pPr algn="ctr"/>
                      <a:r>
                        <a:rPr kumimoji="1" lang="en-US" altLang="ja-JP" sz="1600" dirty="0" smtClean="0"/>
                        <a:t>2009</a:t>
                      </a:r>
                      <a:endParaRPr kumimoji="1" lang="ja-JP" altLang="en-US" sz="1600" dirty="0"/>
                    </a:p>
                  </a:txBody>
                  <a:tcPr marL="99060" marR="99060"/>
                </a:tc>
                <a:tc>
                  <a:txBody>
                    <a:bodyPr/>
                    <a:lstStyle/>
                    <a:p>
                      <a:pPr algn="ctr"/>
                      <a:r>
                        <a:rPr kumimoji="1" lang="en-US" altLang="ja-JP" sz="1600" dirty="0" smtClean="0"/>
                        <a:t>2010</a:t>
                      </a:r>
                      <a:endParaRPr kumimoji="1" lang="ja-JP" altLang="en-US" sz="1600" dirty="0"/>
                    </a:p>
                  </a:txBody>
                  <a:tcPr marL="99060" marR="99060"/>
                </a:tc>
                <a:tc>
                  <a:txBody>
                    <a:bodyPr/>
                    <a:lstStyle/>
                    <a:p>
                      <a:pPr algn="ctr"/>
                      <a:r>
                        <a:rPr kumimoji="1" lang="en-US" altLang="ja-JP" sz="1600" dirty="0" smtClean="0"/>
                        <a:t>2011</a:t>
                      </a:r>
                      <a:endParaRPr kumimoji="1" lang="ja-JP" altLang="en-US" sz="1600" dirty="0"/>
                    </a:p>
                  </a:txBody>
                  <a:tcPr marL="99060" marR="99060"/>
                </a:tc>
                <a:tc>
                  <a:txBody>
                    <a:bodyPr/>
                    <a:lstStyle/>
                    <a:p>
                      <a:pPr algn="ctr"/>
                      <a:r>
                        <a:rPr kumimoji="1" lang="en-US" altLang="ja-JP" sz="1600" dirty="0" smtClean="0"/>
                        <a:t>2012</a:t>
                      </a:r>
                      <a:endParaRPr kumimoji="1" lang="ja-JP" altLang="en-US" sz="1600" dirty="0"/>
                    </a:p>
                  </a:txBody>
                  <a:tcPr marL="99060" marR="99060"/>
                </a:tc>
                <a:tc>
                  <a:txBody>
                    <a:bodyPr/>
                    <a:lstStyle/>
                    <a:p>
                      <a:pPr algn="ctr"/>
                      <a:r>
                        <a:rPr kumimoji="1" lang="en-US" altLang="ja-JP" sz="1600" dirty="0" smtClean="0"/>
                        <a:t>2013</a:t>
                      </a:r>
                      <a:endParaRPr kumimoji="1" lang="ja-JP" altLang="en-US" sz="1600" dirty="0"/>
                    </a:p>
                  </a:txBody>
                  <a:tcPr marL="99060" marR="99060"/>
                </a:tc>
                <a:tc>
                  <a:txBody>
                    <a:bodyPr/>
                    <a:lstStyle/>
                    <a:p>
                      <a:pPr algn="ctr"/>
                      <a:r>
                        <a:rPr kumimoji="1" lang="en-US" altLang="ja-JP" sz="1600" dirty="0" smtClean="0"/>
                        <a:t>2014</a:t>
                      </a:r>
                      <a:endParaRPr kumimoji="1" lang="ja-JP" altLang="en-US" sz="1600" dirty="0"/>
                    </a:p>
                  </a:txBody>
                  <a:tcPr marL="99060" marR="99060"/>
                </a:tc>
              </a:tr>
              <a:tr h="2406915">
                <a:tc>
                  <a:txBody>
                    <a:bodyPr/>
                    <a:lstStyle/>
                    <a:p>
                      <a:pPr algn="ctr"/>
                      <a:r>
                        <a:rPr kumimoji="1" lang="ja-JP" altLang="en-US" sz="1600" dirty="0" smtClean="0"/>
                        <a:t>小学校・中学校</a:t>
                      </a:r>
                      <a:endParaRPr kumimoji="1" lang="ja-JP" altLang="en-US" sz="1600" dirty="0"/>
                    </a:p>
                  </a:txBody>
                  <a:tcPr marL="99060" marR="99060" anchor="ctr"/>
                </a:tc>
                <a:tc>
                  <a:txBody>
                    <a:bodyPr/>
                    <a:lstStyle/>
                    <a:p>
                      <a:endParaRPr kumimoji="1" lang="ja-JP" altLang="en-US" sz="1600"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r>
              <a:tr h="1712686">
                <a:tc>
                  <a:txBody>
                    <a:bodyPr/>
                    <a:lstStyle/>
                    <a:p>
                      <a:pPr algn="ctr"/>
                      <a:r>
                        <a:rPr kumimoji="1" lang="ja-JP" altLang="en-US" sz="1400" dirty="0" smtClean="0"/>
                        <a:t>高校・支援教育</a:t>
                      </a:r>
                      <a:endParaRPr kumimoji="1" lang="ja-JP" altLang="en-US" sz="1400" dirty="0"/>
                    </a:p>
                  </a:txBody>
                  <a:tcPr marL="99060" marR="99060" anchor="ctr"/>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r>
              <a:tr h="1190171">
                <a:tc>
                  <a:txBody>
                    <a:bodyPr/>
                    <a:lstStyle/>
                    <a:p>
                      <a:r>
                        <a:rPr kumimoji="1" lang="ja-JP" altLang="en-US" sz="1600" dirty="0" smtClean="0"/>
                        <a:t>制度改革</a:t>
                      </a:r>
                      <a:endParaRPr kumimoji="1" lang="ja-JP" altLang="en-US" sz="1600" dirty="0"/>
                    </a:p>
                  </a:txBody>
                  <a:tcPr marL="99060" marR="99060" anchor="ctr"/>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c>
                  <a:txBody>
                    <a:bodyPr/>
                    <a:lstStyle/>
                    <a:p>
                      <a:endParaRPr kumimoji="1" lang="ja-JP" altLang="en-US" dirty="0"/>
                    </a:p>
                  </a:txBody>
                  <a:tcPr marL="99060" marR="99060"/>
                </a:tc>
              </a:tr>
            </a:tbl>
          </a:graphicData>
        </a:graphic>
      </p:graphicFrame>
      <p:sp>
        <p:nvSpPr>
          <p:cNvPr id="15" name="タイトル 1"/>
          <p:cNvSpPr txBox="1">
            <a:spLocks/>
          </p:cNvSpPr>
          <p:nvPr/>
        </p:nvSpPr>
        <p:spPr>
          <a:xfrm>
            <a:off x="0" y="-27384"/>
            <a:ext cx="2742305" cy="360040"/>
          </a:xfrm>
          <a:prstGeom prst="rect">
            <a:avLst/>
          </a:prstGeom>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2000" dirty="0" smtClean="0">
                <a:latin typeface="ＭＳ Ｐゴシック" panose="020B0600070205080204" pitchFamily="50" charset="-128"/>
                <a:ea typeface="ＭＳ Ｐゴシック" panose="020B0600070205080204" pitchFamily="50" charset="-128"/>
              </a:rPr>
              <a:t>■主な取組経過</a:t>
            </a:r>
            <a:endParaRPr lang="ja-JP" altLang="en-US" sz="2000" dirty="0">
              <a:latin typeface="ＭＳ Ｐゴシック" panose="020B0600070205080204" pitchFamily="50" charset="-128"/>
              <a:ea typeface="ＭＳ Ｐゴシック" panose="020B0600070205080204" pitchFamily="50" charset="-128"/>
            </a:endParaRPr>
          </a:p>
        </p:txBody>
      </p:sp>
      <p:sp>
        <p:nvSpPr>
          <p:cNvPr id="7" name="角丸四角形 6"/>
          <p:cNvSpPr/>
          <p:nvPr/>
        </p:nvSpPr>
        <p:spPr>
          <a:xfrm>
            <a:off x="618872" y="677621"/>
            <a:ext cx="864000" cy="360040"/>
          </a:xfrm>
          <a:prstGeom prst="roundRect">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t>教育非常事態宣言</a:t>
            </a:r>
            <a:endParaRPr kumimoji="1" lang="ja-JP" altLang="en-US" sz="1200" dirty="0"/>
          </a:p>
        </p:txBody>
      </p:sp>
      <p:sp>
        <p:nvSpPr>
          <p:cNvPr id="20" name="右矢印 19"/>
          <p:cNvSpPr/>
          <p:nvPr/>
        </p:nvSpPr>
        <p:spPr>
          <a:xfrm>
            <a:off x="1468462" y="680308"/>
            <a:ext cx="8323242" cy="287984"/>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solidFill>
                  <a:schemeClr val="tx1"/>
                </a:solidFill>
              </a:rPr>
              <a:t>学力向上に向けた市町村教委や学校への支援</a:t>
            </a:r>
            <a:endParaRPr kumimoji="1" lang="ja-JP" altLang="en-US" sz="1200" dirty="0">
              <a:solidFill>
                <a:schemeClr val="tx1"/>
              </a:solidFill>
            </a:endParaRPr>
          </a:p>
        </p:txBody>
      </p:sp>
      <p:sp>
        <p:nvSpPr>
          <p:cNvPr id="25" name="右矢印 24"/>
          <p:cNvSpPr/>
          <p:nvPr/>
        </p:nvSpPr>
        <p:spPr>
          <a:xfrm>
            <a:off x="4664968" y="922111"/>
            <a:ext cx="5151926" cy="288032"/>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t>中学校給食</a:t>
            </a:r>
            <a:r>
              <a:rPr kumimoji="1" lang="ja-JP" altLang="en-US" sz="1200" dirty="0" smtClean="0">
                <a:solidFill>
                  <a:schemeClr val="tx1"/>
                </a:solidFill>
              </a:rPr>
              <a:t>導入促進事業</a:t>
            </a:r>
            <a:endParaRPr kumimoji="1" lang="ja-JP" altLang="en-US" sz="1200" dirty="0">
              <a:solidFill>
                <a:schemeClr val="tx1"/>
              </a:solidFill>
            </a:endParaRPr>
          </a:p>
        </p:txBody>
      </p:sp>
      <p:sp>
        <p:nvSpPr>
          <p:cNvPr id="30" name="右矢印 29"/>
          <p:cNvSpPr/>
          <p:nvPr/>
        </p:nvSpPr>
        <p:spPr>
          <a:xfrm>
            <a:off x="2936776" y="3352497"/>
            <a:ext cx="1193506" cy="432742"/>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lIns="72000" rIns="72000" rtlCol="0" anchor="ctr"/>
          <a:lstStyle/>
          <a:p>
            <a:pPr algn="ctr"/>
            <a:r>
              <a:rPr kumimoji="1" lang="ja-JP" altLang="en-US" sz="1100" dirty="0" smtClean="0"/>
              <a:t>公私立高校生ｾｰﾌﾃｨﾈｯﾄ</a:t>
            </a:r>
            <a:endParaRPr kumimoji="1" lang="ja-JP" altLang="en-US" sz="1100" dirty="0"/>
          </a:p>
        </p:txBody>
      </p:sp>
      <p:sp>
        <p:nvSpPr>
          <p:cNvPr id="31" name="右矢印 30"/>
          <p:cNvSpPr/>
          <p:nvPr/>
        </p:nvSpPr>
        <p:spPr>
          <a:xfrm>
            <a:off x="4406927" y="3444829"/>
            <a:ext cx="5410351" cy="288000"/>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solidFill>
                  <a:schemeClr val="tx1"/>
                </a:solidFill>
              </a:rPr>
              <a:t>私立高校授業料無償化拡充</a:t>
            </a:r>
            <a:endParaRPr kumimoji="1" lang="ja-JP" altLang="en-US" sz="1200" dirty="0">
              <a:solidFill>
                <a:schemeClr val="tx1"/>
              </a:solidFill>
            </a:endParaRPr>
          </a:p>
        </p:txBody>
      </p:sp>
      <p:sp>
        <p:nvSpPr>
          <p:cNvPr id="34" name="右矢印 33"/>
          <p:cNvSpPr/>
          <p:nvPr/>
        </p:nvSpPr>
        <p:spPr>
          <a:xfrm>
            <a:off x="4418073" y="3209042"/>
            <a:ext cx="5412373" cy="288000"/>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solidFill>
                  <a:schemeClr val="tx1"/>
                </a:solidFill>
              </a:rPr>
              <a:t>府立高校の新たな特色づくりの</a:t>
            </a:r>
            <a:r>
              <a:rPr lang="ja-JP" altLang="en-US" sz="1200" dirty="0" smtClean="0">
                <a:solidFill>
                  <a:schemeClr val="tx1"/>
                </a:solidFill>
              </a:rPr>
              <a:t>推進（ｸﾞﾛｰﾊﾞﾙﾘｰﾀﾞｰｽﾞﾊｲｽｸｰﾙ設置等）</a:t>
            </a:r>
            <a:endParaRPr kumimoji="1" lang="ja-JP" altLang="en-US" sz="1200" dirty="0">
              <a:solidFill>
                <a:schemeClr val="tx1"/>
              </a:solidFill>
            </a:endParaRPr>
          </a:p>
        </p:txBody>
      </p:sp>
      <p:sp>
        <p:nvSpPr>
          <p:cNvPr id="35" name="右矢印 34"/>
          <p:cNvSpPr/>
          <p:nvPr/>
        </p:nvSpPr>
        <p:spPr>
          <a:xfrm>
            <a:off x="7063004" y="2964553"/>
            <a:ext cx="2771634" cy="288000"/>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solidFill>
                  <a:schemeClr val="tx1"/>
                </a:solidFill>
              </a:rPr>
              <a:t>英語教育改革</a:t>
            </a:r>
            <a:endParaRPr kumimoji="1" lang="ja-JP" altLang="en-US" sz="1200" dirty="0">
              <a:solidFill>
                <a:schemeClr val="tx1"/>
              </a:solidFill>
            </a:endParaRPr>
          </a:p>
        </p:txBody>
      </p:sp>
      <p:sp>
        <p:nvSpPr>
          <p:cNvPr id="24" name="右矢印 23"/>
          <p:cNvSpPr/>
          <p:nvPr/>
        </p:nvSpPr>
        <p:spPr>
          <a:xfrm>
            <a:off x="1094506" y="4514946"/>
            <a:ext cx="8727034" cy="288032"/>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t>支援教育の充実</a:t>
            </a:r>
            <a:endParaRPr kumimoji="1" lang="ja-JP" altLang="en-US" sz="1200" dirty="0"/>
          </a:p>
        </p:txBody>
      </p:sp>
      <p:sp>
        <p:nvSpPr>
          <p:cNvPr id="40" name="右矢印 39"/>
          <p:cNvSpPr/>
          <p:nvPr/>
        </p:nvSpPr>
        <p:spPr>
          <a:xfrm>
            <a:off x="7080696" y="4792319"/>
            <a:ext cx="2736304" cy="288032"/>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t>大阪府教育振興基本計画</a:t>
            </a:r>
            <a:endParaRPr kumimoji="1" lang="ja-JP" altLang="en-US" sz="1200" dirty="0"/>
          </a:p>
        </p:txBody>
      </p:sp>
      <p:sp>
        <p:nvSpPr>
          <p:cNvPr id="42" name="右矢印 41"/>
          <p:cNvSpPr/>
          <p:nvPr/>
        </p:nvSpPr>
        <p:spPr>
          <a:xfrm>
            <a:off x="5646659" y="5037148"/>
            <a:ext cx="4176464" cy="288032"/>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solidFill>
                  <a:schemeClr val="tx1"/>
                </a:solidFill>
              </a:rPr>
              <a:t>府</a:t>
            </a:r>
            <a:r>
              <a:rPr kumimoji="1" lang="ja-JP" altLang="en-US" sz="1200" dirty="0" smtClean="0"/>
              <a:t>費負担教職員の人事権の移譲</a:t>
            </a:r>
            <a:endParaRPr kumimoji="1" lang="ja-JP" altLang="en-US" sz="1200" dirty="0"/>
          </a:p>
        </p:txBody>
      </p:sp>
      <p:sp>
        <p:nvSpPr>
          <p:cNvPr id="19" name="角丸四角形 18"/>
          <p:cNvSpPr/>
          <p:nvPr/>
        </p:nvSpPr>
        <p:spPr>
          <a:xfrm>
            <a:off x="4232920" y="4893718"/>
            <a:ext cx="1267133" cy="360016"/>
          </a:xfrm>
          <a:prstGeom prst="roundRect">
            <a:avLst/>
          </a:prstGeom>
        </p:spPr>
        <p:style>
          <a:lnRef idx="1">
            <a:schemeClr val="accent2"/>
          </a:lnRef>
          <a:fillRef idx="2">
            <a:schemeClr val="accent2"/>
          </a:fillRef>
          <a:effectRef idx="1">
            <a:schemeClr val="accent2"/>
          </a:effectRef>
          <a:fontRef idx="minor">
            <a:schemeClr val="dk1"/>
          </a:fontRef>
        </p:style>
        <p:txBody>
          <a:bodyPr lIns="36000" tIns="0" rIns="36000" bIns="0" rtlCol="0" anchor="ctr"/>
          <a:lstStyle/>
          <a:p>
            <a:r>
              <a:rPr kumimoji="1" lang="ja-JP" altLang="en-US" sz="1100" dirty="0" smtClean="0"/>
              <a:t>教育行政基本条例</a:t>
            </a:r>
            <a:endParaRPr kumimoji="1" lang="en-US" altLang="ja-JP" sz="1100" dirty="0" smtClean="0"/>
          </a:p>
          <a:p>
            <a:r>
              <a:rPr kumimoji="1" lang="ja-JP" altLang="en-US" sz="1100" dirty="0" smtClean="0"/>
              <a:t>大阪府立学校条例</a:t>
            </a:r>
            <a:endParaRPr kumimoji="1" lang="ja-JP" altLang="en-US" sz="1100" dirty="0"/>
          </a:p>
        </p:txBody>
      </p:sp>
      <p:sp>
        <p:nvSpPr>
          <p:cNvPr id="22" name="右矢印 21"/>
          <p:cNvSpPr/>
          <p:nvPr/>
        </p:nvSpPr>
        <p:spPr>
          <a:xfrm>
            <a:off x="7041232" y="1454071"/>
            <a:ext cx="2775662" cy="288032"/>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dirty="0" smtClean="0">
                <a:solidFill>
                  <a:schemeClr val="bg1"/>
                </a:solidFill>
              </a:rPr>
              <a:t>小中学校への空調機設置</a:t>
            </a:r>
            <a:endParaRPr kumimoji="1" lang="ja-JP" altLang="en-US" sz="1200" dirty="0">
              <a:solidFill>
                <a:schemeClr val="bg1"/>
              </a:solidFill>
            </a:endParaRPr>
          </a:p>
        </p:txBody>
      </p:sp>
      <p:sp>
        <p:nvSpPr>
          <p:cNvPr id="23" name="右矢印 22"/>
          <p:cNvSpPr/>
          <p:nvPr/>
        </p:nvSpPr>
        <p:spPr>
          <a:xfrm>
            <a:off x="6969224" y="20841"/>
            <a:ext cx="1368152" cy="288000"/>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lang="ja-JP" altLang="en-US" sz="1200" dirty="0" smtClean="0"/>
              <a:t>大阪府の取組</a:t>
            </a:r>
            <a:endParaRPr kumimoji="1" lang="ja-JP" altLang="en-US" sz="1200" dirty="0"/>
          </a:p>
        </p:txBody>
      </p:sp>
      <p:sp>
        <p:nvSpPr>
          <p:cNvPr id="26" name="右矢印 25"/>
          <p:cNvSpPr/>
          <p:nvPr/>
        </p:nvSpPr>
        <p:spPr>
          <a:xfrm>
            <a:off x="8481392" y="20841"/>
            <a:ext cx="1368152" cy="288000"/>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dirty="0" smtClean="0"/>
              <a:t>大阪市の取組</a:t>
            </a:r>
            <a:endParaRPr kumimoji="1" lang="ja-JP" altLang="en-US" sz="1200" dirty="0"/>
          </a:p>
        </p:txBody>
      </p:sp>
      <p:sp>
        <p:nvSpPr>
          <p:cNvPr id="28" name="右矢印 27"/>
          <p:cNvSpPr/>
          <p:nvPr/>
        </p:nvSpPr>
        <p:spPr>
          <a:xfrm>
            <a:off x="5745088" y="1195067"/>
            <a:ext cx="4071806" cy="288032"/>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dirty="0" smtClean="0">
                <a:solidFill>
                  <a:schemeClr val="bg1"/>
                </a:solidFill>
              </a:rPr>
              <a:t>中学校給食の導入</a:t>
            </a:r>
            <a:endParaRPr kumimoji="1" lang="ja-JP" altLang="en-US" sz="1200" dirty="0">
              <a:solidFill>
                <a:schemeClr val="bg1"/>
              </a:solidFill>
            </a:endParaRPr>
          </a:p>
        </p:txBody>
      </p:sp>
      <p:sp>
        <p:nvSpPr>
          <p:cNvPr id="32" name="右矢印 31"/>
          <p:cNvSpPr/>
          <p:nvPr/>
        </p:nvSpPr>
        <p:spPr>
          <a:xfrm>
            <a:off x="7041232" y="1713075"/>
            <a:ext cx="2775662" cy="279648"/>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dirty="0" smtClean="0"/>
              <a:t>ＩＣＴ活用（学校教育、校務効率化）</a:t>
            </a:r>
            <a:endParaRPr kumimoji="1" lang="ja-JP" altLang="en-US" sz="1200" dirty="0">
              <a:solidFill>
                <a:schemeClr val="tx1"/>
              </a:solidFill>
            </a:endParaRPr>
          </a:p>
        </p:txBody>
      </p:sp>
      <p:sp>
        <p:nvSpPr>
          <p:cNvPr id="33" name="右矢印 32"/>
          <p:cNvSpPr/>
          <p:nvPr/>
        </p:nvSpPr>
        <p:spPr>
          <a:xfrm>
            <a:off x="7041232" y="1957565"/>
            <a:ext cx="2775662" cy="279648"/>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dirty="0" smtClean="0">
                <a:solidFill>
                  <a:schemeClr val="bg1"/>
                </a:solidFill>
              </a:rPr>
              <a:t>小学</a:t>
            </a:r>
            <a:r>
              <a:rPr kumimoji="1" lang="en-US" altLang="ja-JP" sz="1200" dirty="0" smtClean="0">
                <a:solidFill>
                  <a:schemeClr val="bg1"/>
                </a:solidFill>
              </a:rPr>
              <a:t>1</a:t>
            </a:r>
            <a:r>
              <a:rPr kumimoji="1" lang="ja-JP" altLang="en-US" sz="1200" dirty="0" smtClean="0">
                <a:solidFill>
                  <a:schemeClr val="bg1"/>
                </a:solidFill>
              </a:rPr>
              <a:t>年生からの英語指導</a:t>
            </a:r>
            <a:r>
              <a:rPr kumimoji="1" lang="ja-JP" altLang="en-US" sz="900" dirty="0" smtClean="0">
                <a:solidFill>
                  <a:schemeClr val="bg1"/>
                </a:solidFill>
              </a:rPr>
              <a:t>（モデル実施）</a:t>
            </a:r>
            <a:endParaRPr kumimoji="1" lang="ja-JP" altLang="en-US" sz="1200" dirty="0">
              <a:solidFill>
                <a:schemeClr val="bg1"/>
              </a:solidFill>
            </a:endParaRPr>
          </a:p>
        </p:txBody>
      </p:sp>
      <p:sp>
        <p:nvSpPr>
          <p:cNvPr id="36" name="右矢印 35"/>
          <p:cNvSpPr/>
          <p:nvPr/>
        </p:nvSpPr>
        <p:spPr>
          <a:xfrm>
            <a:off x="7041232" y="2210439"/>
            <a:ext cx="2775662" cy="279648"/>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ja-JP" altLang="en-US" sz="1200" dirty="0" smtClean="0">
                <a:solidFill>
                  <a:schemeClr val="bg1"/>
                </a:solidFill>
              </a:rPr>
              <a:t>校長の裁量強化（経営戦略予算等）</a:t>
            </a:r>
            <a:endParaRPr kumimoji="1" lang="ja-JP" altLang="en-US" sz="1200" dirty="0">
              <a:solidFill>
                <a:schemeClr val="bg1"/>
              </a:solidFill>
            </a:endParaRPr>
          </a:p>
        </p:txBody>
      </p:sp>
      <p:sp>
        <p:nvSpPr>
          <p:cNvPr id="37" name="右矢印 36"/>
          <p:cNvSpPr/>
          <p:nvPr/>
        </p:nvSpPr>
        <p:spPr>
          <a:xfrm>
            <a:off x="7041232" y="2469443"/>
            <a:ext cx="2775662" cy="279648"/>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dirty="0" smtClean="0">
                <a:solidFill>
                  <a:schemeClr val="bg1"/>
                </a:solidFill>
              </a:rPr>
              <a:t>学校協議会の設置</a:t>
            </a:r>
            <a:endParaRPr kumimoji="1" lang="ja-JP" altLang="en-US" sz="1200" dirty="0">
              <a:solidFill>
                <a:schemeClr val="bg1"/>
              </a:solidFill>
            </a:endParaRPr>
          </a:p>
        </p:txBody>
      </p:sp>
      <p:sp>
        <p:nvSpPr>
          <p:cNvPr id="38" name="右矢印 37"/>
          <p:cNvSpPr/>
          <p:nvPr/>
        </p:nvSpPr>
        <p:spPr>
          <a:xfrm>
            <a:off x="8481392" y="2720063"/>
            <a:ext cx="1335502" cy="288032"/>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dirty="0" smtClean="0">
                <a:solidFill>
                  <a:schemeClr val="bg1"/>
                </a:solidFill>
              </a:rPr>
              <a:t>学校選択制</a:t>
            </a:r>
            <a:endParaRPr kumimoji="1" lang="ja-JP" altLang="en-US" sz="1200" dirty="0">
              <a:solidFill>
                <a:schemeClr val="bg1"/>
              </a:solidFill>
            </a:endParaRPr>
          </a:p>
        </p:txBody>
      </p:sp>
      <p:sp>
        <p:nvSpPr>
          <p:cNvPr id="41" name="角丸四角形 40"/>
          <p:cNvSpPr/>
          <p:nvPr/>
        </p:nvSpPr>
        <p:spPr>
          <a:xfrm>
            <a:off x="5630083" y="5353668"/>
            <a:ext cx="1267133" cy="360016"/>
          </a:xfrm>
          <a:prstGeom prst="roundRect">
            <a:avLst/>
          </a:prstGeom>
        </p:spPr>
        <p:style>
          <a:lnRef idx="2">
            <a:schemeClr val="accent5">
              <a:shade val="50000"/>
            </a:schemeClr>
          </a:lnRef>
          <a:fillRef idx="1">
            <a:schemeClr val="accent5"/>
          </a:fillRef>
          <a:effectRef idx="0">
            <a:schemeClr val="accent5"/>
          </a:effectRef>
          <a:fontRef idx="minor">
            <a:schemeClr val="lt1"/>
          </a:fontRef>
        </p:style>
        <p:txBody>
          <a:bodyPr lIns="36000" tIns="0" rIns="36000" bIns="0" rtlCol="0" anchor="ctr"/>
          <a:lstStyle/>
          <a:p>
            <a:r>
              <a:rPr kumimoji="1" lang="ja-JP" altLang="en-US" sz="1100" dirty="0" smtClean="0"/>
              <a:t>教育行政基本条例</a:t>
            </a:r>
            <a:endParaRPr kumimoji="1" lang="en-US" altLang="ja-JP" sz="1100" dirty="0" smtClean="0"/>
          </a:p>
          <a:p>
            <a:r>
              <a:rPr lang="ja-JP" altLang="en-US" sz="1100" dirty="0" smtClean="0"/>
              <a:t>学校活性化</a:t>
            </a:r>
            <a:r>
              <a:rPr kumimoji="1" lang="ja-JP" altLang="en-US" sz="1100" dirty="0" smtClean="0"/>
              <a:t>条例</a:t>
            </a:r>
            <a:endParaRPr kumimoji="1" lang="ja-JP" altLang="en-US" sz="1100" dirty="0"/>
          </a:p>
        </p:txBody>
      </p:sp>
      <p:sp>
        <p:nvSpPr>
          <p:cNvPr id="43" name="右矢印 42"/>
          <p:cNvSpPr/>
          <p:nvPr/>
        </p:nvSpPr>
        <p:spPr>
          <a:xfrm>
            <a:off x="7080696" y="5300126"/>
            <a:ext cx="2736304" cy="288032"/>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dirty="0" smtClean="0">
                <a:solidFill>
                  <a:schemeClr val="bg1"/>
                </a:solidFill>
              </a:rPr>
              <a:t>大阪市教育振興基本計画</a:t>
            </a:r>
            <a:endParaRPr kumimoji="1" lang="ja-JP" altLang="en-US" sz="1200" dirty="0">
              <a:solidFill>
                <a:schemeClr val="bg1"/>
              </a:solidFill>
            </a:endParaRPr>
          </a:p>
        </p:txBody>
      </p:sp>
      <p:sp>
        <p:nvSpPr>
          <p:cNvPr id="44" name="右矢印 43"/>
          <p:cNvSpPr/>
          <p:nvPr/>
        </p:nvSpPr>
        <p:spPr>
          <a:xfrm>
            <a:off x="8624154" y="5525564"/>
            <a:ext cx="1191486" cy="504000"/>
          </a:xfrm>
          <a:prstGeom prst="rightArrow">
            <a:avLst>
              <a:gd name="adj1" fmla="val 70481"/>
              <a:gd name="adj2" fmla="val 24398"/>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kumimoji="1" lang="ja-JP" altLang="en-US" sz="1200" dirty="0" smtClean="0">
                <a:solidFill>
                  <a:schemeClr val="bg1"/>
                </a:solidFill>
              </a:rPr>
              <a:t>市長と教育</a:t>
            </a:r>
            <a:endParaRPr kumimoji="1" lang="en-US" altLang="ja-JP" sz="1200" dirty="0" smtClean="0">
              <a:solidFill>
                <a:schemeClr val="bg1"/>
              </a:solidFill>
            </a:endParaRPr>
          </a:p>
          <a:p>
            <a:pPr algn="ctr"/>
            <a:r>
              <a:rPr kumimoji="1" lang="ja-JP" altLang="en-US" sz="1200" dirty="0" smtClean="0">
                <a:solidFill>
                  <a:schemeClr val="bg1"/>
                </a:solidFill>
              </a:rPr>
              <a:t>委員の協議</a:t>
            </a:r>
            <a:endParaRPr kumimoji="1" lang="ja-JP" altLang="en-US" sz="1200" dirty="0">
              <a:solidFill>
                <a:schemeClr val="bg1"/>
              </a:solidFill>
            </a:endParaRPr>
          </a:p>
        </p:txBody>
      </p:sp>
      <p:sp>
        <p:nvSpPr>
          <p:cNvPr id="29" name="右矢印 28"/>
          <p:cNvSpPr/>
          <p:nvPr/>
        </p:nvSpPr>
        <p:spPr>
          <a:xfrm>
            <a:off x="8523468" y="3919290"/>
            <a:ext cx="1296144" cy="432000"/>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lIns="36000" rIns="36000" rtlCol="0" anchor="ctr"/>
          <a:lstStyle/>
          <a:p>
            <a:pPr algn="ctr"/>
            <a:r>
              <a:rPr kumimoji="1" lang="ja-JP" altLang="en-US" sz="1050" dirty="0" smtClean="0"/>
              <a:t>府立高校の通学区域を府内全域に</a:t>
            </a:r>
            <a:endParaRPr kumimoji="1" lang="ja-JP" altLang="en-US" sz="1050" dirty="0"/>
          </a:p>
        </p:txBody>
      </p:sp>
      <p:sp>
        <p:nvSpPr>
          <p:cNvPr id="45" name="右矢印 44"/>
          <p:cNvSpPr/>
          <p:nvPr/>
        </p:nvSpPr>
        <p:spPr>
          <a:xfrm>
            <a:off x="1095099" y="4277885"/>
            <a:ext cx="8727034" cy="288032"/>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t>私学助成　経常費補助金の削減（</a:t>
            </a:r>
            <a:r>
              <a:rPr kumimoji="1" lang="en-US" altLang="ja-JP" sz="1200" dirty="0" smtClean="0"/>
              <a:t>2014</a:t>
            </a:r>
            <a:r>
              <a:rPr kumimoji="1" lang="ja-JP" altLang="en-US" sz="1200" dirty="0" smtClean="0"/>
              <a:t>年度より一定緩和）</a:t>
            </a:r>
            <a:endParaRPr kumimoji="1" lang="ja-JP" altLang="en-US" sz="1200" dirty="0"/>
          </a:p>
        </p:txBody>
      </p:sp>
      <p:sp>
        <p:nvSpPr>
          <p:cNvPr id="46" name="右矢印 45"/>
          <p:cNvSpPr/>
          <p:nvPr/>
        </p:nvSpPr>
        <p:spPr>
          <a:xfrm>
            <a:off x="4387822" y="3684781"/>
            <a:ext cx="5443890" cy="288000"/>
          </a:xfrm>
          <a:prstGeom prst="rightArrow">
            <a:avLst>
              <a:gd name="adj1" fmla="val 70481"/>
              <a:gd name="adj2" fmla="val 24398"/>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dirty="0" smtClean="0">
                <a:solidFill>
                  <a:schemeClr val="tx1"/>
                </a:solidFill>
              </a:rPr>
              <a:t>学校マネジメントの強化（校長マネジメント経費等）</a:t>
            </a:r>
            <a:endParaRPr kumimoji="1" lang="ja-JP" altLang="en-US" sz="1200" dirty="0">
              <a:solidFill>
                <a:schemeClr val="tx1"/>
              </a:solidFill>
            </a:endParaRPr>
          </a:p>
        </p:txBody>
      </p:sp>
      <p:sp>
        <p:nvSpPr>
          <p:cNvPr id="47" name="スライド番号プレースホルダ 46"/>
          <p:cNvSpPr>
            <a:spLocks noGrp="1"/>
          </p:cNvSpPr>
          <p:nvPr>
            <p:ph type="sldNum" sz="quarter" idx="12"/>
          </p:nvPr>
        </p:nvSpPr>
        <p:spPr/>
        <p:txBody>
          <a:bodyPr/>
          <a:lstStyle/>
          <a:p>
            <a:fld id="{37EF5067-3AB7-4642-9103-42CBD40CC6D9}" type="slidenum">
              <a:rPr kumimoji="1" lang="ja-JP" altLang="en-US" smtClean="0"/>
              <a:pPr/>
              <a:t>49</a:t>
            </a:fld>
            <a:endParaRPr kumimoji="1" lang="ja-JP" altLang="en-US" dirty="0"/>
          </a:p>
        </p:txBody>
      </p:sp>
      <p:grpSp>
        <p:nvGrpSpPr>
          <p:cNvPr id="39" name="グループ化 23"/>
          <p:cNvGrpSpPr/>
          <p:nvPr/>
        </p:nvGrpSpPr>
        <p:grpSpPr>
          <a:xfrm>
            <a:off x="165016" y="6006771"/>
            <a:ext cx="9078460" cy="791376"/>
            <a:chOff x="76116" y="5932095"/>
            <a:chExt cx="9078460" cy="791376"/>
          </a:xfrm>
        </p:grpSpPr>
        <p:sp>
          <p:nvSpPr>
            <p:cNvPr id="48" name="角丸四角形 47"/>
            <p:cNvSpPr/>
            <p:nvPr/>
          </p:nvSpPr>
          <p:spPr>
            <a:xfrm>
              <a:off x="162619" y="6247983"/>
              <a:ext cx="8991957" cy="4754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r>
                <a:rPr lang="ja-JP" altLang="en-US" sz="1400" dirty="0">
                  <a:solidFill>
                    <a:schemeClr val="tx1"/>
                  </a:solidFill>
                  <a:latin typeface="ＭＳ Ｐ明朝" panose="02020600040205080304" pitchFamily="18" charset="-128"/>
                  <a:ea typeface="ＭＳ Ｐ明朝" panose="02020600040205080304" pitchFamily="18" charset="-128"/>
                </a:rPr>
                <a:t>・大阪府：教育委員会事務局、府民文化部</a:t>
              </a:r>
              <a:endParaRPr lang="en-US" altLang="ja-JP" sz="1400" dirty="0">
                <a:solidFill>
                  <a:schemeClr val="tx1"/>
                </a:solidFill>
                <a:latin typeface="ＭＳ Ｐ明朝" panose="02020600040205080304" pitchFamily="18" charset="-128"/>
                <a:ea typeface="ＭＳ Ｐ明朝" panose="02020600040205080304" pitchFamily="18" charset="-128"/>
              </a:endParaRPr>
            </a:p>
            <a:p>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a:solidFill>
                    <a:schemeClr val="tx1"/>
                  </a:solidFill>
                  <a:latin typeface="ＭＳ Ｐ明朝" panose="02020600040205080304" pitchFamily="18" charset="-128"/>
                  <a:ea typeface="ＭＳ Ｐ明朝" panose="02020600040205080304" pitchFamily="18" charset="-128"/>
                </a:rPr>
                <a:t>大阪市：教育委員会</a:t>
              </a:r>
              <a:r>
                <a:rPr lang="ja-JP" altLang="en-US" sz="1400" dirty="0" smtClean="0">
                  <a:solidFill>
                    <a:schemeClr val="tx1"/>
                  </a:solidFill>
                  <a:latin typeface="ＭＳ Ｐ明朝" panose="02020600040205080304" pitchFamily="18" charset="-128"/>
                  <a:ea typeface="ＭＳ Ｐ明朝" panose="02020600040205080304" pitchFamily="18" charset="-128"/>
                </a:rPr>
                <a:t>事務局</a:t>
              </a:r>
              <a:endParaRPr lang="en-US" altLang="ja-JP" sz="1400" dirty="0">
                <a:solidFill>
                  <a:schemeClr val="tx1"/>
                </a:solidFill>
                <a:latin typeface="ＭＳ Ｐ明朝" panose="02020600040205080304" pitchFamily="18" charset="-128"/>
                <a:ea typeface="ＭＳ Ｐ明朝" panose="02020600040205080304" pitchFamily="18" charset="-128"/>
              </a:endParaRPr>
            </a:p>
          </p:txBody>
        </p:sp>
        <p:sp>
          <p:nvSpPr>
            <p:cNvPr id="49" name="テキスト ボックス 48"/>
            <p:cNvSpPr txBox="1"/>
            <p:nvPr/>
          </p:nvSpPr>
          <p:spPr>
            <a:xfrm>
              <a:off x="76116" y="5932095"/>
              <a:ext cx="6351200" cy="338554"/>
            </a:xfrm>
            <a:prstGeom prst="rect">
              <a:avLst/>
            </a:prstGeom>
            <a:noFill/>
          </p:spPr>
          <p:txBody>
            <a:bodyPr wrap="square" rtlCol="0">
              <a:spAutoFit/>
            </a:bodyPr>
            <a:lstStyle/>
            <a:p>
              <a:r>
                <a:rPr lang="ja-JP" altLang="en-US" sz="1600" dirty="0" smtClean="0"/>
                <a:t>○</a:t>
              </a:r>
              <a:r>
                <a:rPr lang="en-US" altLang="ja-JP" sz="1600" dirty="0"/>
                <a:t> 『</a:t>
              </a:r>
              <a:r>
                <a:rPr lang="ja-JP" altLang="en-US" sz="1600" dirty="0"/>
                <a:t>教育改革</a:t>
              </a:r>
              <a:r>
                <a:rPr lang="en-US" altLang="ja-JP" sz="1600" dirty="0"/>
                <a:t>』</a:t>
              </a:r>
              <a:r>
                <a:rPr lang="ja-JP" altLang="en-US" sz="1600" dirty="0" smtClean="0"/>
                <a:t>テーマ</a:t>
              </a:r>
              <a:r>
                <a:rPr lang="ja-JP" altLang="en-US" sz="1600" dirty="0" smtClean="0">
                  <a:latin typeface="ＭＳ Ｐゴシック" panose="020B0600070205080204" pitchFamily="50" charset="-128"/>
                  <a:ea typeface="ＭＳ Ｐゴシック" panose="020B0600070205080204" pitchFamily="50" charset="-128"/>
                </a:rPr>
                <a:t>の</a:t>
              </a:r>
              <a:r>
                <a:rPr lang="ja-JP" altLang="en-US" sz="1600" dirty="0">
                  <a:latin typeface="ＭＳ Ｐゴシック" panose="020B0600070205080204" pitchFamily="50" charset="-128"/>
                  <a:ea typeface="ＭＳ Ｐゴシック" panose="020B0600070205080204" pitchFamily="50" charset="-128"/>
                </a:rPr>
                <a:t>担当</a:t>
              </a:r>
              <a:r>
                <a:rPr lang="ja-JP" altLang="en-US" sz="1600" dirty="0" smtClean="0">
                  <a:latin typeface="ＭＳ Ｐゴシック" panose="020B0600070205080204" pitchFamily="50" charset="-128"/>
                  <a:ea typeface="ＭＳ Ｐゴシック" panose="020B0600070205080204" pitchFamily="50" charset="-128"/>
                </a:rPr>
                <a:t>部局</a:t>
              </a:r>
              <a:r>
                <a:rPr lang="ja-JP" altLang="en-US" sz="1600" dirty="0" smtClean="0"/>
                <a:t>一覧</a:t>
              </a:r>
              <a:endParaRPr lang="en-US" altLang="ja-JP" sz="1600" dirty="0" smtClean="0"/>
            </a:p>
          </p:txBody>
        </p:sp>
      </p:grpSp>
    </p:spTree>
    <p:extLst>
      <p:ext uri="{BB962C8B-B14F-4D97-AF65-F5344CB8AC3E}">
        <p14:creationId xmlns:p14="http://schemas.microsoft.com/office/powerpoint/2010/main" val="261548320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51"/>
          <p:cNvGrpSpPr/>
          <p:nvPr/>
        </p:nvGrpSpPr>
        <p:grpSpPr>
          <a:xfrm>
            <a:off x="4449155" y="620667"/>
            <a:ext cx="4758529" cy="6237333"/>
            <a:chOff x="794273" y="561726"/>
            <a:chExt cx="4392488" cy="6237333"/>
          </a:xfrm>
        </p:grpSpPr>
        <p:grpSp>
          <p:nvGrpSpPr>
            <p:cNvPr id="3" name="グループ化 56"/>
            <p:cNvGrpSpPr/>
            <p:nvPr/>
          </p:nvGrpSpPr>
          <p:grpSpPr>
            <a:xfrm>
              <a:off x="794273" y="561726"/>
              <a:ext cx="4392488" cy="6237333"/>
              <a:chOff x="794273" y="561726"/>
              <a:chExt cx="4392488" cy="6237333"/>
            </a:xfrm>
          </p:grpSpPr>
          <p:grpSp>
            <p:nvGrpSpPr>
              <p:cNvPr id="5" name="グループ化 63"/>
              <p:cNvGrpSpPr/>
              <p:nvPr/>
            </p:nvGrpSpPr>
            <p:grpSpPr>
              <a:xfrm>
                <a:off x="794273" y="561726"/>
                <a:ext cx="4392488" cy="6237333"/>
                <a:chOff x="4137660" y="476672"/>
                <a:chExt cx="4392488" cy="6237333"/>
              </a:xfrm>
            </p:grpSpPr>
            <p:grpSp>
              <p:nvGrpSpPr>
                <p:cNvPr id="7" name="グループ化 89"/>
                <p:cNvGrpSpPr/>
                <p:nvPr/>
              </p:nvGrpSpPr>
              <p:grpSpPr>
                <a:xfrm>
                  <a:off x="4137660" y="476672"/>
                  <a:ext cx="4392488" cy="6237333"/>
                  <a:chOff x="4572000" y="476672"/>
                  <a:chExt cx="4392488" cy="6237333"/>
                </a:xfrm>
              </p:grpSpPr>
              <p:grpSp>
                <p:nvGrpSpPr>
                  <p:cNvPr id="8" name="グループ化 98"/>
                  <p:cNvGrpSpPr/>
                  <p:nvPr/>
                </p:nvGrpSpPr>
                <p:grpSpPr>
                  <a:xfrm>
                    <a:off x="4572000" y="476672"/>
                    <a:ext cx="4392488" cy="6237333"/>
                    <a:chOff x="323528" y="476672"/>
                    <a:chExt cx="4392488" cy="6237333"/>
                  </a:xfrm>
                </p:grpSpPr>
                <p:pic>
                  <p:nvPicPr>
                    <p:cNvPr id="114" name="Picture 4" descr="C:\Users\KondoMi\AppData\Local\Microsoft\Windows\Temporary Internet Files\Content.IE5\G69I4OJT\14139400956116[1].png"/>
                    <p:cNvPicPr>
                      <a:picLocks noChangeAspect="1" noChangeArrowheads="1"/>
                    </p:cNvPicPr>
                    <p:nvPr/>
                  </p:nvPicPr>
                  <p:blipFill rotWithShape="1">
                    <a:blip r:embed="rId2" cstate="email">
                      <a:extLst>
                        <a:ext uri="{28A0092B-C50C-407E-A947-70E740481C1C}">
                          <a14:useLocalDpi xmlns:a14="http://schemas.microsoft.com/office/drawing/2010/main" val="0"/>
                        </a:ext>
                      </a:extLst>
                    </a:blip>
                    <a:srcRect/>
                    <a:stretch/>
                  </p:blipFill>
                  <p:spPr bwMode="auto">
                    <a:xfrm>
                      <a:off x="323528" y="476672"/>
                      <a:ext cx="4392488" cy="6237333"/>
                    </a:xfrm>
                    <a:prstGeom prst="rect">
                      <a:avLst/>
                    </a:prstGeom>
                    <a:noFill/>
                    <a:ln w="22225">
                      <a:noFill/>
                    </a:ln>
                    <a:extLst>
                      <a:ext uri="{909E8E84-426E-40DD-AFC4-6F175D3DCCD1}">
                        <a14:hiddenFill xmlns:a14="http://schemas.microsoft.com/office/drawing/2010/main">
                          <a:solidFill>
                            <a:srgbClr val="FFFFFF"/>
                          </a:solidFill>
                        </a14:hiddenFill>
                      </a:ext>
                    </a:extLst>
                  </p:spPr>
                </p:pic>
                <p:sp>
                  <p:nvSpPr>
                    <p:cNvPr id="115" name="フリーフォーム 114"/>
                    <p:cNvSpPr/>
                    <p:nvPr/>
                  </p:nvSpPr>
                  <p:spPr>
                    <a:xfrm>
                      <a:off x="2363630" y="2750820"/>
                      <a:ext cx="1233011" cy="1411233"/>
                    </a:xfrm>
                    <a:custGeom>
                      <a:avLst/>
                      <a:gdLst>
                        <a:gd name="connsiteX0" fmla="*/ 213360 w 1463040"/>
                        <a:gd name="connsiteY0" fmla="*/ 541020 h 1402080"/>
                        <a:gd name="connsiteX1" fmla="*/ 472440 w 1463040"/>
                        <a:gd name="connsiteY1" fmla="*/ 381000 h 1402080"/>
                        <a:gd name="connsiteX2" fmla="*/ 480060 w 1463040"/>
                        <a:gd name="connsiteY2" fmla="*/ 266700 h 1402080"/>
                        <a:gd name="connsiteX3" fmla="*/ 571500 w 1463040"/>
                        <a:gd name="connsiteY3" fmla="*/ 259080 h 1402080"/>
                        <a:gd name="connsiteX4" fmla="*/ 601980 w 1463040"/>
                        <a:gd name="connsiteY4" fmla="*/ 266700 h 1402080"/>
                        <a:gd name="connsiteX5" fmla="*/ 662940 w 1463040"/>
                        <a:gd name="connsiteY5" fmla="*/ 266700 h 1402080"/>
                        <a:gd name="connsiteX6" fmla="*/ 746760 w 1463040"/>
                        <a:gd name="connsiteY6" fmla="*/ 144780 h 1402080"/>
                        <a:gd name="connsiteX7" fmla="*/ 868680 w 1463040"/>
                        <a:gd name="connsiteY7" fmla="*/ 167640 h 1402080"/>
                        <a:gd name="connsiteX8" fmla="*/ 1043940 w 1463040"/>
                        <a:gd name="connsiteY8" fmla="*/ 114300 h 1402080"/>
                        <a:gd name="connsiteX9" fmla="*/ 1036320 w 1463040"/>
                        <a:gd name="connsiteY9" fmla="*/ 45720 h 1402080"/>
                        <a:gd name="connsiteX10" fmla="*/ 1120140 w 1463040"/>
                        <a:gd name="connsiteY10" fmla="*/ 0 h 1402080"/>
                        <a:gd name="connsiteX11" fmla="*/ 1150620 w 1463040"/>
                        <a:gd name="connsiteY11" fmla="*/ 0 h 1402080"/>
                        <a:gd name="connsiteX12" fmla="*/ 1158240 w 1463040"/>
                        <a:gd name="connsiteY12" fmla="*/ 76200 h 1402080"/>
                        <a:gd name="connsiteX13" fmla="*/ 1226820 w 1463040"/>
                        <a:gd name="connsiteY13" fmla="*/ 99060 h 1402080"/>
                        <a:gd name="connsiteX14" fmla="*/ 1196340 w 1463040"/>
                        <a:gd name="connsiteY14" fmla="*/ 167640 h 1402080"/>
                        <a:gd name="connsiteX15" fmla="*/ 1219200 w 1463040"/>
                        <a:gd name="connsiteY15" fmla="*/ 190500 h 1402080"/>
                        <a:gd name="connsiteX16" fmla="*/ 1181100 w 1463040"/>
                        <a:gd name="connsiteY16" fmla="*/ 297180 h 1402080"/>
                        <a:gd name="connsiteX17" fmla="*/ 1188720 w 1463040"/>
                        <a:gd name="connsiteY17" fmla="*/ 320040 h 1402080"/>
                        <a:gd name="connsiteX18" fmla="*/ 1257300 w 1463040"/>
                        <a:gd name="connsiteY18" fmla="*/ 388620 h 1402080"/>
                        <a:gd name="connsiteX19" fmla="*/ 1379220 w 1463040"/>
                        <a:gd name="connsiteY19" fmla="*/ 403860 h 1402080"/>
                        <a:gd name="connsiteX20" fmla="*/ 1386840 w 1463040"/>
                        <a:gd name="connsiteY20" fmla="*/ 441960 h 1402080"/>
                        <a:gd name="connsiteX21" fmla="*/ 1463040 w 1463040"/>
                        <a:gd name="connsiteY21" fmla="*/ 419100 h 1402080"/>
                        <a:gd name="connsiteX22" fmla="*/ 1432560 w 1463040"/>
                        <a:gd name="connsiteY22" fmla="*/ 495300 h 1402080"/>
                        <a:gd name="connsiteX23" fmla="*/ 1348740 w 1463040"/>
                        <a:gd name="connsiteY23" fmla="*/ 586740 h 1402080"/>
                        <a:gd name="connsiteX24" fmla="*/ 1234440 w 1463040"/>
                        <a:gd name="connsiteY24" fmla="*/ 632460 h 1402080"/>
                        <a:gd name="connsiteX25" fmla="*/ 1226820 w 1463040"/>
                        <a:gd name="connsiteY25" fmla="*/ 723900 h 1402080"/>
                        <a:gd name="connsiteX26" fmla="*/ 1219200 w 1463040"/>
                        <a:gd name="connsiteY26" fmla="*/ 769620 h 1402080"/>
                        <a:gd name="connsiteX27" fmla="*/ 1188720 w 1463040"/>
                        <a:gd name="connsiteY27" fmla="*/ 807720 h 1402080"/>
                        <a:gd name="connsiteX28" fmla="*/ 1226820 w 1463040"/>
                        <a:gd name="connsiteY28" fmla="*/ 845820 h 1402080"/>
                        <a:gd name="connsiteX29" fmla="*/ 1211580 w 1463040"/>
                        <a:gd name="connsiteY29" fmla="*/ 906780 h 1402080"/>
                        <a:gd name="connsiteX30" fmla="*/ 1211580 w 1463040"/>
                        <a:gd name="connsiteY30" fmla="*/ 960120 h 1402080"/>
                        <a:gd name="connsiteX31" fmla="*/ 1310640 w 1463040"/>
                        <a:gd name="connsiteY31" fmla="*/ 1051560 h 1402080"/>
                        <a:gd name="connsiteX32" fmla="*/ 1303020 w 1463040"/>
                        <a:gd name="connsiteY32" fmla="*/ 1135380 h 1402080"/>
                        <a:gd name="connsiteX33" fmla="*/ 1226820 w 1463040"/>
                        <a:gd name="connsiteY33" fmla="*/ 1143000 h 1402080"/>
                        <a:gd name="connsiteX34" fmla="*/ 1379220 w 1463040"/>
                        <a:gd name="connsiteY34" fmla="*/ 1249680 h 1402080"/>
                        <a:gd name="connsiteX35" fmla="*/ 1280160 w 1463040"/>
                        <a:gd name="connsiteY35" fmla="*/ 1402080 h 1402080"/>
                        <a:gd name="connsiteX36" fmla="*/ 1211580 w 1463040"/>
                        <a:gd name="connsiteY36" fmla="*/ 1356360 h 1402080"/>
                        <a:gd name="connsiteX37" fmla="*/ 1097280 w 1463040"/>
                        <a:gd name="connsiteY37" fmla="*/ 1333500 h 1402080"/>
                        <a:gd name="connsiteX38" fmla="*/ 1089660 w 1463040"/>
                        <a:gd name="connsiteY38" fmla="*/ 1303020 h 1402080"/>
                        <a:gd name="connsiteX39" fmla="*/ 1036320 w 1463040"/>
                        <a:gd name="connsiteY39" fmla="*/ 1341120 h 1402080"/>
                        <a:gd name="connsiteX40" fmla="*/ 960120 w 1463040"/>
                        <a:gd name="connsiteY40" fmla="*/ 1356360 h 1402080"/>
                        <a:gd name="connsiteX41" fmla="*/ 853440 w 1463040"/>
                        <a:gd name="connsiteY41" fmla="*/ 1402080 h 1402080"/>
                        <a:gd name="connsiteX42" fmla="*/ 579120 w 1463040"/>
                        <a:gd name="connsiteY42" fmla="*/ 1264920 h 1402080"/>
                        <a:gd name="connsiteX43" fmla="*/ 441960 w 1463040"/>
                        <a:gd name="connsiteY43" fmla="*/ 1249680 h 1402080"/>
                        <a:gd name="connsiteX44" fmla="*/ 396240 w 1463040"/>
                        <a:gd name="connsiteY44" fmla="*/ 1242060 h 1402080"/>
                        <a:gd name="connsiteX45" fmla="*/ 175260 w 1463040"/>
                        <a:gd name="connsiteY45" fmla="*/ 1211580 h 1402080"/>
                        <a:gd name="connsiteX46" fmla="*/ 0 w 1463040"/>
                        <a:gd name="connsiteY46" fmla="*/ 914400 h 1402080"/>
                        <a:gd name="connsiteX47" fmla="*/ 121920 w 1463040"/>
                        <a:gd name="connsiteY47" fmla="*/ 754380 h 1402080"/>
                        <a:gd name="connsiteX48" fmla="*/ 312420 w 1463040"/>
                        <a:gd name="connsiteY48" fmla="*/ 685800 h 1402080"/>
                        <a:gd name="connsiteX49" fmla="*/ 213360 w 1463040"/>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98864 w 1686644"/>
                        <a:gd name="connsiteY45" fmla="*/ 1211580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36964 w 1686644"/>
                        <a:gd name="connsiteY0" fmla="*/ 541020 h 1402080"/>
                        <a:gd name="connsiteX1" fmla="*/ 696044 w 1686644"/>
                        <a:gd name="connsiteY1" fmla="*/ 381000 h 1402080"/>
                        <a:gd name="connsiteX2" fmla="*/ 703664 w 1686644"/>
                        <a:gd name="connsiteY2" fmla="*/ 266700 h 1402080"/>
                        <a:gd name="connsiteX3" fmla="*/ 795104 w 1686644"/>
                        <a:gd name="connsiteY3" fmla="*/ 259080 h 1402080"/>
                        <a:gd name="connsiteX4" fmla="*/ 825584 w 1686644"/>
                        <a:gd name="connsiteY4" fmla="*/ 266700 h 1402080"/>
                        <a:gd name="connsiteX5" fmla="*/ 886544 w 1686644"/>
                        <a:gd name="connsiteY5" fmla="*/ 266700 h 1402080"/>
                        <a:gd name="connsiteX6" fmla="*/ 970364 w 1686644"/>
                        <a:gd name="connsiteY6" fmla="*/ 144780 h 1402080"/>
                        <a:gd name="connsiteX7" fmla="*/ 1092284 w 1686644"/>
                        <a:gd name="connsiteY7" fmla="*/ 167640 h 1402080"/>
                        <a:gd name="connsiteX8" fmla="*/ 1267544 w 1686644"/>
                        <a:gd name="connsiteY8" fmla="*/ 114300 h 1402080"/>
                        <a:gd name="connsiteX9" fmla="*/ 1259924 w 1686644"/>
                        <a:gd name="connsiteY9" fmla="*/ 45720 h 1402080"/>
                        <a:gd name="connsiteX10" fmla="*/ 1343744 w 1686644"/>
                        <a:gd name="connsiteY10" fmla="*/ 0 h 1402080"/>
                        <a:gd name="connsiteX11" fmla="*/ 1374224 w 1686644"/>
                        <a:gd name="connsiteY11" fmla="*/ 0 h 1402080"/>
                        <a:gd name="connsiteX12" fmla="*/ 1381844 w 1686644"/>
                        <a:gd name="connsiteY12" fmla="*/ 76200 h 1402080"/>
                        <a:gd name="connsiteX13" fmla="*/ 1450424 w 1686644"/>
                        <a:gd name="connsiteY13" fmla="*/ 99060 h 1402080"/>
                        <a:gd name="connsiteX14" fmla="*/ 1419944 w 1686644"/>
                        <a:gd name="connsiteY14" fmla="*/ 167640 h 1402080"/>
                        <a:gd name="connsiteX15" fmla="*/ 1442804 w 1686644"/>
                        <a:gd name="connsiteY15" fmla="*/ 190500 h 1402080"/>
                        <a:gd name="connsiteX16" fmla="*/ 1404704 w 1686644"/>
                        <a:gd name="connsiteY16" fmla="*/ 297180 h 1402080"/>
                        <a:gd name="connsiteX17" fmla="*/ 1412324 w 1686644"/>
                        <a:gd name="connsiteY17" fmla="*/ 320040 h 1402080"/>
                        <a:gd name="connsiteX18" fmla="*/ 1480904 w 1686644"/>
                        <a:gd name="connsiteY18" fmla="*/ 388620 h 1402080"/>
                        <a:gd name="connsiteX19" fmla="*/ 1602824 w 1686644"/>
                        <a:gd name="connsiteY19" fmla="*/ 403860 h 1402080"/>
                        <a:gd name="connsiteX20" fmla="*/ 1610444 w 1686644"/>
                        <a:gd name="connsiteY20" fmla="*/ 441960 h 1402080"/>
                        <a:gd name="connsiteX21" fmla="*/ 1686644 w 1686644"/>
                        <a:gd name="connsiteY21" fmla="*/ 419100 h 1402080"/>
                        <a:gd name="connsiteX22" fmla="*/ 1656164 w 1686644"/>
                        <a:gd name="connsiteY22" fmla="*/ 495300 h 1402080"/>
                        <a:gd name="connsiteX23" fmla="*/ 1572344 w 1686644"/>
                        <a:gd name="connsiteY23" fmla="*/ 586740 h 1402080"/>
                        <a:gd name="connsiteX24" fmla="*/ 1458044 w 1686644"/>
                        <a:gd name="connsiteY24" fmla="*/ 632460 h 1402080"/>
                        <a:gd name="connsiteX25" fmla="*/ 1450424 w 1686644"/>
                        <a:gd name="connsiteY25" fmla="*/ 723900 h 1402080"/>
                        <a:gd name="connsiteX26" fmla="*/ 1442804 w 1686644"/>
                        <a:gd name="connsiteY26" fmla="*/ 769620 h 1402080"/>
                        <a:gd name="connsiteX27" fmla="*/ 1412324 w 1686644"/>
                        <a:gd name="connsiteY27" fmla="*/ 807720 h 1402080"/>
                        <a:gd name="connsiteX28" fmla="*/ 1450424 w 1686644"/>
                        <a:gd name="connsiteY28" fmla="*/ 845820 h 1402080"/>
                        <a:gd name="connsiteX29" fmla="*/ 1435184 w 1686644"/>
                        <a:gd name="connsiteY29" fmla="*/ 906780 h 1402080"/>
                        <a:gd name="connsiteX30" fmla="*/ 1435184 w 1686644"/>
                        <a:gd name="connsiteY30" fmla="*/ 960120 h 1402080"/>
                        <a:gd name="connsiteX31" fmla="*/ 1534244 w 1686644"/>
                        <a:gd name="connsiteY31" fmla="*/ 1051560 h 1402080"/>
                        <a:gd name="connsiteX32" fmla="*/ 1526624 w 1686644"/>
                        <a:gd name="connsiteY32" fmla="*/ 1135380 h 1402080"/>
                        <a:gd name="connsiteX33" fmla="*/ 1450424 w 1686644"/>
                        <a:gd name="connsiteY33" fmla="*/ 1143000 h 1402080"/>
                        <a:gd name="connsiteX34" fmla="*/ 1602824 w 1686644"/>
                        <a:gd name="connsiteY34" fmla="*/ 1249680 h 1402080"/>
                        <a:gd name="connsiteX35" fmla="*/ 1503764 w 1686644"/>
                        <a:gd name="connsiteY35" fmla="*/ 1402080 h 1402080"/>
                        <a:gd name="connsiteX36" fmla="*/ 1435184 w 1686644"/>
                        <a:gd name="connsiteY36" fmla="*/ 1356360 h 1402080"/>
                        <a:gd name="connsiteX37" fmla="*/ 1320884 w 1686644"/>
                        <a:gd name="connsiteY37" fmla="*/ 1333500 h 1402080"/>
                        <a:gd name="connsiteX38" fmla="*/ 1313264 w 1686644"/>
                        <a:gd name="connsiteY38" fmla="*/ 1303020 h 1402080"/>
                        <a:gd name="connsiteX39" fmla="*/ 1259924 w 1686644"/>
                        <a:gd name="connsiteY39" fmla="*/ 1341120 h 1402080"/>
                        <a:gd name="connsiteX40" fmla="*/ 1183724 w 1686644"/>
                        <a:gd name="connsiteY40" fmla="*/ 1356360 h 1402080"/>
                        <a:gd name="connsiteX41" fmla="*/ 1077044 w 1686644"/>
                        <a:gd name="connsiteY41" fmla="*/ 1402080 h 1402080"/>
                        <a:gd name="connsiteX42" fmla="*/ 802724 w 1686644"/>
                        <a:gd name="connsiteY42" fmla="*/ 1264920 h 1402080"/>
                        <a:gd name="connsiteX43" fmla="*/ 665564 w 1686644"/>
                        <a:gd name="connsiteY43" fmla="*/ 1249680 h 1402080"/>
                        <a:gd name="connsiteX44" fmla="*/ 619844 w 1686644"/>
                        <a:gd name="connsiteY44" fmla="*/ 1242060 h 1402080"/>
                        <a:gd name="connsiteX45" fmla="*/ 354563 w 1686644"/>
                        <a:gd name="connsiteY45" fmla="*/ 1237749 h 1402080"/>
                        <a:gd name="connsiteX46" fmla="*/ 223604 w 1686644"/>
                        <a:gd name="connsiteY46" fmla="*/ 914400 h 1402080"/>
                        <a:gd name="connsiteX47" fmla="*/ 345524 w 1686644"/>
                        <a:gd name="connsiteY47" fmla="*/ 754380 h 1402080"/>
                        <a:gd name="connsiteX48" fmla="*/ 0 w 1686644"/>
                        <a:gd name="connsiteY48" fmla="*/ 606172 h 1402080"/>
                        <a:gd name="connsiteX49" fmla="*/ 436964 w 1686644"/>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350520 w 1691640"/>
                        <a:gd name="connsiteY47" fmla="*/ 7543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996 w 1691640"/>
                        <a:gd name="connsiteY48" fmla="*/ 606172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17145 w 1691640"/>
                        <a:gd name="connsiteY47" fmla="*/ 741680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19589 w 1691640"/>
                        <a:gd name="connsiteY47" fmla="*/ 617855 h 1402080"/>
                        <a:gd name="connsiteX48" fmla="*/ 481643 w 1691640"/>
                        <a:gd name="connsiteY48" fmla="*/ 611505 h 1402080"/>
                        <a:gd name="connsiteX49" fmla="*/ 441960 w 1691640"/>
                        <a:gd name="connsiteY49"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293524 w 1691640"/>
                        <a:gd name="connsiteY47" fmla="*/ 90201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441960 w 1691640"/>
                        <a:gd name="connsiteY0" fmla="*/ 541020 h 1402080"/>
                        <a:gd name="connsiteX1" fmla="*/ 701040 w 1691640"/>
                        <a:gd name="connsiteY1" fmla="*/ 381000 h 1402080"/>
                        <a:gd name="connsiteX2" fmla="*/ 708660 w 1691640"/>
                        <a:gd name="connsiteY2" fmla="*/ 266700 h 1402080"/>
                        <a:gd name="connsiteX3" fmla="*/ 800100 w 1691640"/>
                        <a:gd name="connsiteY3" fmla="*/ 259080 h 1402080"/>
                        <a:gd name="connsiteX4" fmla="*/ 830580 w 1691640"/>
                        <a:gd name="connsiteY4" fmla="*/ 266700 h 1402080"/>
                        <a:gd name="connsiteX5" fmla="*/ 891540 w 1691640"/>
                        <a:gd name="connsiteY5" fmla="*/ 266700 h 1402080"/>
                        <a:gd name="connsiteX6" fmla="*/ 975360 w 1691640"/>
                        <a:gd name="connsiteY6" fmla="*/ 144780 h 1402080"/>
                        <a:gd name="connsiteX7" fmla="*/ 1097280 w 1691640"/>
                        <a:gd name="connsiteY7" fmla="*/ 167640 h 1402080"/>
                        <a:gd name="connsiteX8" fmla="*/ 1272540 w 1691640"/>
                        <a:gd name="connsiteY8" fmla="*/ 114300 h 1402080"/>
                        <a:gd name="connsiteX9" fmla="*/ 1264920 w 1691640"/>
                        <a:gd name="connsiteY9" fmla="*/ 45720 h 1402080"/>
                        <a:gd name="connsiteX10" fmla="*/ 1348740 w 1691640"/>
                        <a:gd name="connsiteY10" fmla="*/ 0 h 1402080"/>
                        <a:gd name="connsiteX11" fmla="*/ 1379220 w 1691640"/>
                        <a:gd name="connsiteY11" fmla="*/ 0 h 1402080"/>
                        <a:gd name="connsiteX12" fmla="*/ 1386840 w 1691640"/>
                        <a:gd name="connsiteY12" fmla="*/ 76200 h 1402080"/>
                        <a:gd name="connsiteX13" fmla="*/ 1455420 w 1691640"/>
                        <a:gd name="connsiteY13" fmla="*/ 99060 h 1402080"/>
                        <a:gd name="connsiteX14" fmla="*/ 1424940 w 1691640"/>
                        <a:gd name="connsiteY14" fmla="*/ 167640 h 1402080"/>
                        <a:gd name="connsiteX15" fmla="*/ 1447800 w 1691640"/>
                        <a:gd name="connsiteY15" fmla="*/ 190500 h 1402080"/>
                        <a:gd name="connsiteX16" fmla="*/ 1409700 w 1691640"/>
                        <a:gd name="connsiteY16" fmla="*/ 297180 h 1402080"/>
                        <a:gd name="connsiteX17" fmla="*/ 1417320 w 1691640"/>
                        <a:gd name="connsiteY17" fmla="*/ 320040 h 1402080"/>
                        <a:gd name="connsiteX18" fmla="*/ 1485900 w 1691640"/>
                        <a:gd name="connsiteY18" fmla="*/ 388620 h 1402080"/>
                        <a:gd name="connsiteX19" fmla="*/ 1607820 w 1691640"/>
                        <a:gd name="connsiteY19" fmla="*/ 403860 h 1402080"/>
                        <a:gd name="connsiteX20" fmla="*/ 1615440 w 1691640"/>
                        <a:gd name="connsiteY20" fmla="*/ 441960 h 1402080"/>
                        <a:gd name="connsiteX21" fmla="*/ 1691640 w 1691640"/>
                        <a:gd name="connsiteY21" fmla="*/ 419100 h 1402080"/>
                        <a:gd name="connsiteX22" fmla="*/ 1661160 w 1691640"/>
                        <a:gd name="connsiteY22" fmla="*/ 495300 h 1402080"/>
                        <a:gd name="connsiteX23" fmla="*/ 1577340 w 1691640"/>
                        <a:gd name="connsiteY23" fmla="*/ 586740 h 1402080"/>
                        <a:gd name="connsiteX24" fmla="*/ 1463040 w 1691640"/>
                        <a:gd name="connsiteY24" fmla="*/ 632460 h 1402080"/>
                        <a:gd name="connsiteX25" fmla="*/ 1455420 w 1691640"/>
                        <a:gd name="connsiteY25" fmla="*/ 723900 h 1402080"/>
                        <a:gd name="connsiteX26" fmla="*/ 1447800 w 1691640"/>
                        <a:gd name="connsiteY26" fmla="*/ 769620 h 1402080"/>
                        <a:gd name="connsiteX27" fmla="*/ 1417320 w 1691640"/>
                        <a:gd name="connsiteY27" fmla="*/ 807720 h 1402080"/>
                        <a:gd name="connsiteX28" fmla="*/ 1455420 w 1691640"/>
                        <a:gd name="connsiteY28" fmla="*/ 845820 h 1402080"/>
                        <a:gd name="connsiteX29" fmla="*/ 1440180 w 1691640"/>
                        <a:gd name="connsiteY29" fmla="*/ 906780 h 1402080"/>
                        <a:gd name="connsiteX30" fmla="*/ 1440180 w 1691640"/>
                        <a:gd name="connsiteY30" fmla="*/ 960120 h 1402080"/>
                        <a:gd name="connsiteX31" fmla="*/ 1539240 w 1691640"/>
                        <a:gd name="connsiteY31" fmla="*/ 1051560 h 1402080"/>
                        <a:gd name="connsiteX32" fmla="*/ 1531620 w 1691640"/>
                        <a:gd name="connsiteY32" fmla="*/ 1135380 h 1402080"/>
                        <a:gd name="connsiteX33" fmla="*/ 1455420 w 1691640"/>
                        <a:gd name="connsiteY33" fmla="*/ 1143000 h 1402080"/>
                        <a:gd name="connsiteX34" fmla="*/ 1607820 w 1691640"/>
                        <a:gd name="connsiteY34" fmla="*/ 1249680 h 1402080"/>
                        <a:gd name="connsiteX35" fmla="*/ 1508760 w 1691640"/>
                        <a:gd name="connsiteY35" fmla="*/ 1402080 h 1402080"/>
                        <a:gd name="connsiteX36" fmla="*/ 1440180 w 1691640"/>
                        <a:gd name="connsiteY36" fmla="*/ 1356360 h 1402080"/>
                        <a:gd name="connsiteX37" fmla="*/ 1325880 w 1691640"/>
                        <a:gd name="connsiteY37" fmla="*/ 1333500 h 1402080"/>
                        <a:gd name="connsiteX38" fmla="*/ 1318260 w 1691640"/>
                        <a:gd name="connsiteY38" fmla="*/ 1303020 h 1402080"/>
                        <a:gd name="connsiteX39" fmla="*/ 1264920 w 1691640"/>
                        <a:gd name="connsiteY39" fmla="*/ 1341120 h 1402080"/>
                        <a:gd name="connsiteX40" fmla="*/ 1188720 w 1691640"/>
                        <a:gd name="connsiteY40" fmla="*/ 1356360 h 1402080"/>
                        <a:gd name="connsiteX41" fmla="*/ 1082040 w 1691640"/>
                        <a:gd name="connsiteY41" fmla="*/ 1402080 h 1402080"/>
                        <a:gd name="connsiteX42" fmla="*/ 807720 w 1691640"/>
                        <a:gd name="connsiteY42" fmla="*/ 1264920 h 1402080"/>
                        <a:gd name="connsiteX43" fmla="*/ 670560 w 1691640"/>
                        <a:gd name="connsiteY43" fmla="*/ 1249680 h 1402080"/>
                        <a:gd name="connsiteX44" fmla="*/ 624840 w 1691640"/>
                        <a:gd name="connsiteY44" fmla="*/ 1242060 h 1402080"/>
                        <a:gd name="connsiteX45" fmla="*/ 359559 w 1691640"/>
                        <a:gd name="connsiteY45" fmla="*/ 1237749 h 1402080"/>
                        <a:gd name="connsiteX46" fmla="*/ 0 w 1691640"/>
                        <a:gd name="connsiteY46" fmla="*/ 1254125 h 1402080"/>
                        <a:gd name="connsiteX47" fmla="*/ 546433 w 1691640"/>
                        <a:gd name="connsiteY47" fmla="*/ 693138 h 1402080"/>
                        <a:gd name="connsiteX48" fmla="*/ 519589 w 1691640"/>
                        <a:gd name="connsiteY48" fmla="*/ 617855 h 1402080"/>
                        <a:gd name="connsiteX49" fmla="*/ 481643 w 1691640"/>
                        <a:gd name="connsiteY49" fmla="*/ 611505 h 1402080"/>
                        <a:gd name="connsiteX50" fmla="*/ 441960 w 1691640"/>
                        <a:gd name="connsiteY50" fmla="*/ 541020 h 1402080"/>
                        <a:gd name="connsiteX0" fmla="*/ 82401 w 1332081"/>
                        <a:gd name="connsiteY0" fmla="*/ 541020 h 1402080"/>
                        <a:gd name="connsiteX1" fmla="*/ 341481 w 1332081"/>
                        <a:gd name="connsiteY1" fmla="*/ 381000 h 1402080"/>
                        <a:gd name="connsiteX2" fmla="*/ 349101 w 1332081"/>
                        <a:gd name="connsiteY2" fmla="*/ 266700 h 1402080"/>
                        <a:gd name="connsiteX3" fmla="*/ 440541 w 1332081"/>
                        <a:gd name="connsiteY3" fmla="*/ 259080 h 1402080"/>
                        <a:gd name="connsiteX4" fmla="*/ 471021 w 1332081"/>
                        <a:gd name="connsiteY4" fmla="*/ 266700 h 1402080"/>
                        <a:gd name="connsiteX5" fmla="*/ 531981 w 1332081"/>
                        <a:gd name="connsiteY5" fmla="*/ 266700 h 1402080"/>
                        <a:gd name="connsiteX6" fmla="*/ 615801 w 1332081"/>
                        <a:gd name="connsiteY6" fmla="*/ 144780 h 1402080"/>
                        <a:gd name="connsiteX7" fmla="*/ 737721 w 1332081"/>
                        <a:gd name="connsiteY7" fmla="*/ 167640 h 1402080"/>
                        <a:gd name="connsiteX8" fmla="*/ 912981 w 1332081"/>
                        <a:gd name="connsiteY8" fmla="*/ 114300 h 1402080"/>
                        <a:gd name="connsiteX9" fmla="*/ 905361 w 1332081"/>
                        <a:gd name="connsiteY9" fmla="*/ 45720 h 1402080"/>
                        <a:gd name="connsiteX10" fmla="*/ 989181 w 1332081"/>
                        <a:gd name="connsiteY10" fmla="*/ 0 h 1402080"/>
                        <a:gd name="connsiteX11" fmla="*/ 1019661 w 1332081"/>
                        <a:gd name="connsiteY11" fmla="*/ 0 h 1402080"/>
                        <a:gd name="connsiteX12" fmla="*/ 1027281 w 1332081"/>
                        <a:gd name="connsiteY12" fmla="*/ 76200 h 1402080"/>
                        <a:gd name="connsiteX13" fmla="*/ 1095861 w 1332081"/>
                        <a:gd name="connsiteY13" fmla="*/ 99060 h 1402080"/>
                        <a:gd name="connsiteX14" fmla="*/ 1065381 w 1332081"/>
                        <a:gd name="connsiteY14" fmla="*/ 167640 h 1402080"/>
                        <a:gd name="connsiteX15" fmla="*/ 1088241 w 1332081"/>
                        <a:gd name="connsiteY15" fmla="*/ 190500 h 1402080"/>
                        <a:gd name="connsiteX16" fmla="*/ 1050141 w 1332081"/>
                        <a:gd name="connsiteY16" fmla="*/ 297180 h 1402080"/>
                        <a:gd name="connsiteX17" fmla="*/ 1057761 w 1332081"/>
                        <a:gd name="connsiteY17" fmla="*/ 320040 h 1402080"/>
                        <a:gd name="connsiteX18" fmla="*/ 1126341 w 1332081"/>
                        <a:gd name="connsiteY18" fmla="*/ 388620 h 1402080"/>
                        <a:gd name="connsiteX19" fmla="*/ 1248261 w 1332081"/>
                        <a:gd name="connsiteY19" fmla="*/ 403860 h 1402080"/>
                        <a:gd name="connsiteX20" fmla="*/ 1255881 w 1332081"/>
                        <a:gd name="connsiteY20" fmla="*/ 441960 h 1402080"/>
                        <a:gd name="connsiteX21" fmla="*/ 1332081 w 1332081"/>
                        <a:gd name="connsiteY21" fmla="*/ 419100 h 1402080"/>
                        <a:gd name="connsiteX22" fmla="*/ 1301601 w 1332081"/>
                        <a:gd name="connsiteY22" fmla="*/ 495300 h 1402080"/>
                        <a:gd name="connsiteX23" fmla="*/ 1217781 w 1332081"/>
                        <a:gd name="connsiteY23" fmla="*/ 586740 h 1402080"/>
                        <a:gd name="connsiteX24" fmla="*/ 1103481 w 1332081"/>
                        <a:gd name="connsiteY24" fmla="*/ 632460 h 1402080"/>
                        <a:gd name="connsiteX25" fmla="*/ 1095861 w 1332081"/>
                        <a:gd name="connsiteY25" fmla="*/ 723900 h 1402080"/>
                        <a:gd name="connsiteX26" fmla="*/ 1088241 w 1332081"/>
                        <a:gd name="connsiteY26" fmla="*/ 769620 h 1402080"/>
                        <a:gd name="connsiteX27" fmla="*/ 1057761 w 1332081"/>
                        <a:gd name="connsiteY27" fmla="*/ 807720 h 1402080"/>
                        <a:gd name="connsiteX28" fmla="*/ 1095861 w 1332081"/>
                        <a:gd name="connsiteY28" fmla="*/ 845820 h 1402080"/>
                        <a:gd name="connsiteX29" fmla="*/ 1080621 w 1332081"/>
                        <a:gd name="connsiteY29" fmla="*/ 906780 h 1402080"/>
                        <a:gd name="connsiteX30" fmla="*/ 1080621 w 1332081"/>
                        <a:gd name="connsiteY30" fmla="*/ 960120 h 1402080"/>
                        <a:gd name="connsiteX31" fmla="*/ 1179681 w 1332081"/>
                        <a:gd name="connsiteY31" fmla="*/ 1051560 h 1402080"/>
                        <a:gd name="connsiteX32" fmla="*/ 1172061 w 1332081"/>
                        <a:gd name="connsiteY32" fmla="*/ 1135380 h 1402080"/>
                        <a:gd name="connsiteX33" fmla="*/ 1095861 w 1332081"/>
                        <a:gd name="connsiteY33" fmla="*/ 1143000 h 1402080"/>
                        <a:gd name="connsiteX34" fmla="*/ 1248261 w 1332081"/>
                        <a:gd name="connsiteY34" fmla="*/ 1249680 h 1402080"/>
                        <a:gd name="connsiteX35" fmla="*/ 1149201 w 1332081"/>
                        <a:gd name="connsiteY35" fmla="*/ 1402080 h 1402080"/>
                        <a:gd name="connsiteX36" fmla="*/ 1080621 w 1332081"/>
                        <a:gd name="connsiteY36" fmla="*/ 1356360 h 1402080"/>
                        <a:gd name="connsiteX37" fmla="*/ 966321 w 1332081"/>
                        <a:gd name="connsiteY37" fmla="*/ 1333500 h 1402080"/>
                        <a:gd name="connsiteX38" fmla="*/ 958701 w 1332081"/>
                        <a:gd name="connsiteY38" fmla="*/ 1303020 h 1402080"/>
                        <a:gd name="connsiteX39" fmla="*/ 905361 w 1332081"/>
                        <a:gd name="connsiteY39" fmla="*/ 1341120 h 1402080"/>
                        <a:gd name="connsiteX40" fmla="*/ 829161 w 1332081"/>
                        <a:gd name="connsiteY40" fmla="*/ 1356360 h 1402080"/>
                        <a:gd name="connsiteX41" fmla="*/ 722481 w 1332081"/>
                        <a:gd name="connsiteY41" fmla="*/ 1402080 h 1402080"/>
                        <a:gd name="connsiteX42" fmla="*/ 448161 w 1332081"/>
                        <a:gd name="connsiteY42" fmla="*/ 1264920 h 1402080"/>
                        <a:gd name="connsiteX43" fmla="*/ 311001 w 1332081"/>
                        <a:gd name="connsiteY43" fmla="*/ 1249680 h 1402080"/>
                        <a:gd name="connsiteX44" fmla="*/ 265281 w 1332081"/>
                        <a:gd name="connsiteY44" fmla="*/ 1242060 h 1402080"/>
                        <a:gd name="connsiteX45" fmla="*/ 0 w 1332081"/>
                        <a:gd name="connsiteY45" fmla="*/ 1237749 h 1402080"/>
                        <a:gd name="connsiteX46" fmla="*/ 111928 w 1332081"/>
                        <a:gd name="connsiteY46" fmla="*/ 718344 h 1402080"/>
                        <a:gd name="connsiteX47" fmla="*/ 186874 w 1332081"/>
                        <a:gd name="connsiteY47" fmla="*/ 693138 h 1402080"/>
                        <a:gd name="connsiteX48" fmla="*/ 160030 w 1332081"/>
                        <a:gd name="connsiteY48" fmla="*/ 617855 h 1402080"/>
                        <a:gd name="connsiteX49" fmla="*/ 122084 w 1332081"/>
                        <a:gd name="connsiteY49" fmla="*/ 611505 h 1402080"/>
                        <a:gd name="connsiteX50" fmla="*/ 82401 w 1332081"/>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48568 w 1249680"/>
                        <a:gd name="connsiteY45" fmla="*/ 756737 h 1402080"/>
                        <a:gd name="connsiteX46" fmla="*/ 29527 w 1249680"/>
                        <a:gd name="connsiteY46" fmla="*/ 718344 h 1402080"/>
                        <a:gd name="connsiteX47" fmla="*/ 104473 w 1249680"/>
                        <a:gd name="connsiteY47" fmla="*/ 693138 h 1402080"/>
                        <a:gd name="connsiteX48" fmla="*/ 77629 w 1249680"/>
                        <a:gd name="connsiteY48" fmla="*/ 617855 h 1402080"/>
                        <a:gd name="connsiteX49" fmla="*/ 39683 w 1249680"/>
                        <a:gd name="connsiteY49" fmla="*/ 611505 h 1402080"/>
                        <a:gd name="connsiteX50" fmla="*/ 0 w 1249680"/>
                        <a:gd name="connsiteY5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15882 w 1249680"/>
                        <a:gd name="connsiteY45" fmla="*/ 990124 h 1402080"/>
                        <a:gd name="connsiteX46" fmla="*/ 48568 w 1249680"/>
                        <a:gd name="connsiteY46" fmla="*/ 756737 h 1402080"/>
                        <a:gd name="connsiteX47" fmla="*/ 29527 w 1249680"/>
                        <a:gd name="connsiteY47" fmla="*/ 718344 h 1402080"/>
                        <a:gd name="connsiteX48" fmla="*/ 104473 w 1249680"/>
                        <a:gd name="connsiteY48" fmla="*/ 693138 h 1402080"/>
                        <a:gd name="connsiteX49" fmla="*/ 77629 w 1249680"/>
                        <a:gd name="connsiteY49" fmla="*/ 617855 h 1402080"/>
                        <a:gd name="connsiteX50" fmla="*/ 39683 w 1249680"/>
                        <a:gd name="connsiteY50" fmla="*/ 611505 h 1402080"/>
                        <a:gd name="connsiteX51" fmla="*/ 0 w 1249680"/>
                        <a:gd name="connsiteY5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228600 w 1249680"/>
                        <a:gd name="connsiteY43" fmla="*/ 1249680 h 1402080"/>
                        <a:gd name="connsiteX44" fmla="*/ 182880 w 1249680"/>
                        <a:gd name="connsiteY44" fmla="*/ 1242060 h 1402080"/>
                        <a:gd name="connsiteX45" fmla="*/ 151601 w 1249680"/>
                        <a:gd name="connsiteY45" fmla="*/ 1137761 h 1402080"/>
                        <a:gd name="connsiteX46" fmla="*/ 115882 w 1249680"/>
                        <a:gd name="connsiteY46" fmla="*/ 990124 h 1402080"/>
                        <a:gd name="connsiteX47" fmla="*/ 48568 w 1249680"/>
                        <a:gd name="connsiteY47" fmla="*/ 756737 h 1402080"/>
                        <a:gd name="connsiteX48" fmla="*/ 29527 w 1249680"/>
                        <a:gd name="connsiteY48" fmla="*/ 718344 h 1402080"/>
                        <a:gd name="connsiteX49" fmla="*/ 104473 w 1249680"/>
                        <a:gd name="connsiteY49" fmla="*/ 693138 h 1402080"/>
                        <a:gd name="connsiteX50" fmla="*/ 77629 w 1249680"/>
                        <a:gd name="connsiteY50" fmla="*/ 617855 h 1402080"/>
                        <a:gd name="connsiteX51" fmla="*/ 39683 w 1249680"/>
                        <a:gd name="connsiteY51" fmla="*/ 611505 h 1402080"/>
                        <a:gd name="connsiteX52" fmla="*/ 0 w 1249680"/>
                        <a:gd name="connsiteY5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365760 w 1249680"/>
                        <a:gd name="connsiteY42" fmla="*/ 1264920 h 1402080"/>
                        <a:gd name="connsiteX43" fmla="*/ 313526 w 1249680"/>
                        <a:gd name="connsiteY43" fmla="*/ 1261586 h 1402080"/>
                        <a:gd name="connsiteX44" fmla="*/ 228600 w 1249680"/>
                        <a:gd name="connsiteY44" fmla="*/ 1249680 h 1402080"/>
                        <a:gd name="connsiteX45" fmla="*/ 182880 w 1249680"/>
                        <a:gd name="connsiteY45" fmla="*/ 1242060 h 1402080"/>
                        <a:gd name="connsiteX46" fmla="*/ 151601 w 1249680"/>
                        <a:gd name="connsiteY46" fmla="*/ 1137761 h 1402080"/>
                        <a:gd name="connsiteX47" fmla="*/ 115882 w 1249680"/>
                        <a:gd name="connsiteY47" fmla="*/ 990124 h 1402080"/>
                        <a:gd name="connsiteX48" fmla="*/ 48568 w 1249680"/>
                        <a:gd name="connsiteY48" fmla="*/ 756737 h 1402080"/>
                        <a:gd name="connsiteX49" fmla="*/ 29527 w 1249680"/>
                        <a:gd name="connsiteY49" fmla="*/ 718344 h 1402080"/>
                        <a:gd name="connsiteX50" fmla="*/ 104473 w 1249680"/>
                        <a:gd name="connsiteY50" fmla="*/ 693138 h 1402080"/>
                        <a:gd name="connsiteX51" fmla="*/ 77629 w 1249680"/>
                        <a:gd name="connsiteY51" fmla="*/ 617855 h 1402080"/>
                        <a:gd name="connsiteX52" fmla="*/ 39683 w 1249680"/>
                        <a:gd name="connsiteY52" fmla="*/ 611505 h 1402080"/>
                        <a:gd name="connsiteX53" fmla="*/ 0 w 1249680"/>
                        <a:gd name="connsiteY5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427826 w 1249680"/>
                        <a:gd name="connsiteY42" fmla="*/ 1297305 h 1402080"/>
                        <a:gd name="connsiteX43" fmla="*/ 365760 w 1249680"/>
                        <a:gd name="connsiteY43" fmla="*/ 1264920 h 1402080"/>
                        <a:gd name="connsiteX44" fmla="*/ 313526 w 1249680"/>
                        <a:gd name="connsiteY44" fmla="*/ 1261586 h 1402080"/>
                        <a:gd name="connsiteX45" fmla="*/ 228600 w 1249680"/>
                        <a:gd name="connsiteY45" fmla="*/ 1249680 h 1402080"/>
                        <a:gd name="connsiteX46" fmla="*/ 182880 w 1249680"/>
                        <a:gd name="connsiteY46" fmla="*/ 1242060 h 1402080"/>
                        <a:gd name="connsiteX47" fmla="*/ 151601 w 1249680"/>
                        <a:gd name="connsiteY47" fmla="*/ 1137761 h 1402080"/>
                        <a:gd name="connsiteX48" fmla="*/ 115882 w 1249680"/>
                        <a:gd name="connsiteY48" fmla="*/ 990124 h 1402080"/>
                        <a:gd name="connsiteX49" fmla="*/ 48568 w 1249680"/>
                        <a:gd name="connsiteY49" fmla="*/ 756737 h 1402080"/>
                        <a:gd name="connsiteX50" fmla="*/ 29527 w 1249680"/>
                        <a:gd name="connsiteY50" fmla="*/ 718344 h 1402080"/>
                        <a:gd name="connsiteX51" fmla="*/ 104473 w 1249680"/>
                        <a:gd name="connsiteY51" fmla="*/ 693138 h 1402080"/>
                        <a:gd name="connsiteX52" fmla="*/ 77629 w 1249680"/>
                        <a:gd name="connsiteY52" fmla="*/ 617855 h 1402080"/>
                        <a:gd name="connsiteX53" fmla="*/ 39683 w 1249680"/>
                        <a:gd name="connsiteY53" fmla="*/ 611505 h 1402080"/>
                        <a:gd name="connsiteX54" fmla="*/ 0 w 1249680"/>
                        <a:gd name="connsiteY5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15882 w 1249680"/>
                        <a:gd name="connsiteY49" fmla="*/ 990124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51601 w 1249680"/>
                        <a:gd name="connsiteY48" fmla="*/ 1137761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182880 w 1249680"/>
                        <a:gd name="connsiteY47" fmla="*/ 1242060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228600 w 1249680"/>
                        <a:gd name="connsiteY46" fmla="*/ 1249680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313526 w 1249680"/>
                        <a:gd name="connsiteY45" fmla="*/ 1261586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365760 w 1249680"/>
                        <a:gd name="connsiteY44" fmla="*/ 1264920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27826 w 1249680"/>
                        <a:gd name="connsiteY43" fmla="*/ 1297305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70639 w 1249680"/>
                        <a:gd name="connsiteY43" fmla="*/ 825817 h 1402080"/>
                        <a:gd name="connsiteX44" fmla="*/ 122872 w 1249680"/>
                        <a:gd name="connsiteY44" fmla="*/ 819626 h 1402080"/>
                        <a:gd name="connsiteX45" fmla="*/ 125407 w 1249680"/>
                        <a:gd name="connsiteY45" fmla="*/ 799623 h 1402080"/>
                        <a:gd name="connsiteX46" fmla="*/ 78581 w 1249680"/>
                        <a:gd name="connsiteY46" fmla="*/ 799624 h 1402080"/>
                        <a:gd name="connsiteX47" fmla="*/ 82867 w 1249680"/>
                        <a:gd name="connsiteY47" fmla="*/ 761047 h 1402080"/>
                        <a:gd name="connsiteX48" fmla="*/ 142076 w 1249680"/>
                        <a:gd name="connsiteY48" fmla="*/ 742474 h 1402080"/>
                        <a:gd name="connsiteX49" fmla="*/ 130169 w 1249680"/>
                        <a:gd name="connsiteY49" fmla="*/ 716280 h 1402080"/>
                        <a:gd name="connsiteX50" fmla="*/ 48568 w 1249680"/>
                        <a:gd name="connsiteY50" fmla="*/ 756737 h 1402080"/>
                        <a:gd name="connsiteX51" fmla="*/ 29527 w 1249680"/>
                        <a:gd name="connsiteY51" fmla="*/ 718344 h 1402080"/>
                        <a:gd name="connsiteX52" fmla="*/ 104473 w 1249680"/>
                        <a:gd name="connsiteY52" fmla="*/ 693138 h 1402080"/>
                        <a:gd name="connsiteX53" fmla="*/ 77629 w 1249680"/>
                        <a:gd name="connsiteY53" fmla="*/ 617855 h 1402080"/>
                        <a:gd name="connsiteX54" fmla="*/ 39683 w 1249680"/>
                        <a:gd name="connsiteY54" fmla="*/ 611505 h 1402080"/>
                        <a:gd name="connsiteX55" fmla="*/ 0 w 1249680"/>
                        <a:gd name="connsiteY5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275426 w 1249680"/>
                        <a:gd name="connsiteY43" fmla="*/ 1049655 h 1402080"/>
                        <a:gd name="connsiteX44" fmla="*/ 70639 w 1249680"/>
                        <a:gd name="connsiteY44" fmla="*/ 825817 h 1402080"/>
                        <a:gd name="connsiteX45" fmla="*/ 122872 w 1249680"/>
                        <a:gd name="connsiteY45" fmla="*/ 819626 h 1402080"/>
                        <a:gd name="connsiteX46" fmla="*/ 125407 w 1249680"/>
                        <a:gd name="connsiteY46" fmla="*/ 799623 h 1402080"/>
                        <a:gd name="connsiteX47" fmla="*/ 78581 w 1249680"/>
                        <a:gd name="connsiteY47" fmla="*/ 799624 h 1402080"/>
                        <a:gd name="connsiteX48" fmla="*/ 82867 w 1249680"/>
                        <a:gd name="connsiteY48" fmla="*/ 761047 h 1402080"/>
                        <a:gd name="connsiteX49" fmla="*/ 142076 w 1249680"/>
                        <a:gd name="connsiteY49" fmla="*/ 742474 h 1402080"/>
                        <a:gd name="connsiteX50" fmla="*/ 130169 w 1249680"/>
                        <a:gd name="connsiteY50" fmla="*/ 716280 h 1402080"/>
                        <a:gd name="connsiteX51" fmla="*/ 48568 w 1249680"/>
                        <a:gd name="connsiteY51" fmla="*/ 756737 h 1402080"/>
                        <a:gd name="connsiteX52" fmla="*/ 29527 w 1249680"/>
                        <a:gd name="connsiteY52" fmla="*/ 718344 h 1402080"/>
                        <a:gd name="connsiteX53" fmla="*/ 104473 w 1249680"/>
                        <a:gd name="connsiteY53" fmla="*/ 693138 h 1402080"/>
                        <a:gd name="connsiteX54" fmla="*/ 77629 w 1249680"/>
                        <a:gd name="connsiteY54" fmla="*/ 617855 h 1402080"/>
                        <a:gd name="connsiteX55" fmla="*/ 39683 w 1249680"/>
                        <a:gd name="connsiteY55" fmla="*/ 611505 h 1402080"/>
                        <a:gd name="connsiteX56" fmla="*/ 0 w 1249680"/>
                        <a:gd name="connsiteY5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384963 w 1249680"/>
                        <a:gd name="connsiteY43" fmla="*/ 1168718 h 1402080"/>
                        <a:gd name="connsiteX44" fmla="*/ 275426 w 1249680"/>
                        <a:gd name="connsiteY44" fmla="*/ 1049655 h 1402080"/>
                        <a:gd name="connsiteX45" fmla="*/ 70639 w 1249680"/>
                        <a:gd name="connsiteY45" fmla="*/ 825817 h 1402080"/>
                        <a:gd name="connsiteX46" fmla="*/ 122872 w 1249680"/>
                        <a:gd name="connsiteY46" fmla="*/ 819626 h 1402080"/>
                        <a:gd name="connsiteX47" fmla="*/ 125407 w 1249680"/>
                        <a:gd name="connsiteY47" fmla="*/ 799623 h 1402080"/>
                        <a:gd name="connsiteX48" fmla="*/ 78581 w 1249680"/>
                        <a:gd name="connsiteY48" fmla="*/ 799624 h 1402080"/>
                        <a:gd name="connsiteX49" fmla="*/ 82867 w 1249680"/>
                        <a:gd name="connsiteY49" fmla="*/ 761047 h 1402080"/>
                        <a:gd name="connsiteX50" fmla="*/ 142076 w 1249680"/>
                        <a:gd name="connsiteY50" fmla="*/ 742474 h 1402080"/>
                        <a:gd name="connsiteX51" fmla="*/ 130169 w 1249680"/>
                        <a:gd name="connsiteY51" fmla="*/ 716280 h 1402080"/>
                        <a:gd name="connsiteX52" fmla="*/ 48568 w 1249680"/>
                        <a:gd name="connsiteY52" fmla="*/ 756737 h 1402080"/>
                        <a:gd name="connsiteX53" fmla="*/ 29527 w 1249680"/>
                        <a:gd name="connsiteY53" fmla="*/ 718344 h 1402080"/>
                        <a:gd name="connsiteX54" fmla="*/ 104473 w 1249680"/>
                        <a:gd name="connsiteY54" fmla="*/ 693138 h 1402080"/>
                        <a:gd name="connsiteX55" fmla="*/ 77629 w 1249680"/>
                        <a:gd name="connsiteY55" fmla="*/ 617855 h 1402080"/>
                        <a:gd name="connsiteX56" fmla="*/ 39683 w 1249680"/>
                        <a:gd name="connsiteY56" fmla="*/ 611505 h 1402080"/>
                        <a:gd name="connsiteX57" fmla="*/ 0 w 1249680"/>
                        <a:gd name="connsiteY5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275426 w 1249680"/>
                        <a:gd name="connsiteY45" fmla="*/ 1049655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84963 w 1249680"/>
                        <a:gd name="connsiteY44" fmla="*/ 1168718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80163 w 1249680"/>
                        <a:gd name="connsiteY44" fmla="*/ 906780 h 1402080"/>
                        <a:gd name="connsiteX45" fmla="*/ 58732 w 1249680"/>
                        <a:gd name="connsiteY45" fmla="*/ 911543 h 1402080"/>
                        <a:gd name="connsiteX46" fmla="*/ 70639 w 1249680"/>
                        <a:gd name="connsiteY46" fmla="*/ 825817 h 1402080"/>
                        <a:gd name="connsiteX47" fmla="*/ 122872 w 1249680"/>
                        <a:gd name="connsiteY47" fmla="*/ 819626 h 1402080"/>
                        <a:gd name="connsiteX48" fmla="*/ 125407 w 1249680"/>
                        <a:gd name="connsiteY48" fmla="*/ 799623 h 1402080"/>
                        <a:gd name="connsiteX49" fmla="*/ 78581 w 1249680"/>
                        <a:gd name="connsiteY49" fmla="*/ 799624 h 1402080"/>
                        <a:gd name="connsiteX50" fmla="*/ 82867 w 1249680"/>
                        <a:gd name="connsiteY50" fmla="*/ 761047 h 1402080"/>
                        <a:gd name="connsiteX51" fmla="*/ 142076 w 1249680"/>
                        <a:gd name="connsiteY51" fmla="*/ 742474 h 1402080"/>
                        <a:gd name="connsiteX52" fmla="*/ 130169 w 1249680"/>
                        <a:gd name="connsiteY52" fmla="*/ 716280 h 1402080"/>
                        <a:gd name="connsiteX53" fmla="*/ 48568 w 1249680"/>
                        <a:gd name="connsiteY53" fmla="*/ 756737 h 1402080"/>
                        <a:gd name="connsiteX54" fmla="*/ 29527 w 1249680"/>
                        <a:gd name="connsiteY54" fmla="*/ 718344 h 1402080"/>
                        <a:gd name="connsiteX55" fmla="*/ 104473 w 1249680"/>
                        <a:gd name="connsiteY55" fmla="*/ 693138 h 1402080"/>
                        <a:gd name="connsiteX56" fmla="*/ 77629 w 1249680"/>
                        <a:gd name="connsiteY56" fmla="*/ 617855 h 1402080"/>
                        <a:gd name="connsiteX57" fmla="*/ 39683 w 1249680"/>
                        <a:gd name="connsiteY57" fmla="*/ 611505 h 1402080"/>
                        <a:gd name="connsiteX58" fmla="*/ 0 w 1249680"/>
                        <a:gd name="connsiteY5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268282 w 1249680"/>
                        <a:gd name="connsiteY44" fmla="*/ 1078230 h 1402080"/>
                        <a:gd name="connsiteX45" fmla="*/ 80163 w 1249680"/>
                        <a:gd name="connsiteY45" fmla="*/ 906780 h 1402080"/>
                        <a:gd name="connsiteX46" fmla="*/ 58732 w 1249680"/>
                        <a:gd name="connsiteY46" fmla="*/ 911543 h 1402080"/>
                        <a:gd name="connsiteX47" fmla="*/ 70639 w 1249680"/>
                        <a:gd name="connsiteY47" fmla="*/ 825817 h 1402080"/>
                        <a:gd name="connsiteX48" fmla="*/ 122872 w 1249680"/>
                        <a:gd name="connsiteY48" fmla="*/ 819626 h 1402080"/>
                        <a:gd name="connsiteX49" fmla="*/ 125407 w 1249680"/>
                        <a:gd name="connsiteY49" fmla="*/ 799623 h 1402080"/>
                        <a:gd name="connsiteX50" fmla="*/ 78581 w 1249680"/>
                        <a:gd name="connsiteY50" fmla="*/ 799624 h 1402080"/>
                        <a:gd name="connsiteX51" fmla="*/ 82867 w 1249680"/>
                        <a:gd name="connsiteY51" fmla="*/ 761047 h 1402080"/>
                        <a:gd name="connsiteX52" fmla="*/ 142076 w 1249680"/>
                        <a:gd name="connsiteY52" fmla="*/ 742474 h 1402080"/>
                        <a:gd name="connsiteX53" fmla="*/ 130169 w 1249680"/>
                        <a:gd name="connsiteY53" fmla="*/ 716280 h 1402080"/>
                        <a:gd name="connsiteX54" fmla="*/ 48568 w 1249680"/>
                        <a:gd name="connsiteY54" fmla="*/ 756737 h 1402080"/>
                        <a:gd name="connsiteX55" fmla="*/ 29527 w 1249680"/>
                        <a:gd name="connsiteY55" fmla="*/ 718344 h 1402080"/>
                        <a:gd name="connsiteX56" fmla="*/ 104473 w 1249680"/>
                        <a:gd name="connsiteY56" fmla="*/ 693138 h 1402080"/>
                        <a:gd name="connsiteX57" fmla="*/ 77629 w 1249680"/>
                        <a:gd name="connsiteY57" fmla="*/ 617855 h 1402080"/>
                        <a:gd name="connsiteX58" fmla="*/ 39683 w 1249680"/>
                        <a:gd name="connsiteY58" fmla="*/ 611505 h 1402080"/>
                        <a:gd name="connsiteX59" fmla="*/ 0 w 1249680"/>
                        <a:gd name="connsiteY5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484976 w 1249680"/>
                        <a:gd name="connsiteY43" fmla="*/ 1278255 h 1402080"/>
                        <a:gd name="connsiteX44" fmla="*/ 399251 w 1249680"/>
                        <a:gd name="connsiteY44" fmla="*/ 1194911 h 1402080"/>
                        <a:gd name="connsiteX45" fmla="*/ 268282 w 1249680"/>
                        <a:gd name="connsiteY45" fmla="*/ 1078230 h 1402080"/>
                        <a:gd name="connsiteX46" fmla="*/ 80163 w 1249680"/>
                        <a:gd name="connsiteY46" fmla="*/ 906780 h 1402080"/>
                        <a:gd name="connsiteX47" fmla="*/ 58732 w 1249680"/>
                        <a:gd name="connsiteY47" fmla="*/ 911543 h 1402080"/>
                        <a:gd name="connsiteX48" fmla="*/ 70639 w 1249680"/>
                        <a:gd name="connsiteY48" fmla="*/ 825817 h 1402080"/>
                        <a:gd name="connsiteX49" fmla="*/ 122872 w 1249680"/>
                        <a:gd name="connsiteY49" fmla="*/ 819626 h 1402080"/>
                        <a:gd name="connsiteX50" fmla="*/ 125407 w 1249680"/>
                        <a:gd name="connsiteY50" fmla="*/ 799623 h 1402080"/>
                        <a:gd name="connsiteX51" fmla="*/ 78581 w 1249680"/>
                        <a:gd name="connsiteY51" fmla="*/ 799624 h 1402080"/>
                        <a:gd name="connsiteX52" fmla="*/ 82867 w 1249680"/>
                        <a:gd name="connsiteY52" fmla="*/ 761047 h 1402080"/>
                        <a:gd name="connsiteX53" fmla="*/ 142076 w 1249680"/>
                        <a:gd name="connsiteY53" fmla="*/ 742474 h 1402080"/>
                        <a:gd name="connsiteX54" fmla="*/ 130169 w 1249680"/>
                        <a:gd name="connsiteY54" fmla="*/ 716280 h 1402080"/>
                        <a:gd name="connsiteX55" fmla="*/ 48568 w 1249680"/>
                        <a:gd name="connsiteY55" fmla="*/ 756737 h 1402080"/>
                        <a:gd name="connsiteX56" fmla="*/ 29527 w 1249680"/>
                        <a:gd name="connsiteY56" fmla="*/ 718344 h 1402080"/>
                        <a:gd name="connsiteX57" fmla="*/ 104473 w 1249680"/>
                        <a:gd name="connsiteY57" fmla="*/ 693138 h 1402080"/>
                        <a:gd name="connsiteX58" fmla="*/ 77629 w 1249680"/>
                        <a:gd name="connsiteY58" fmla="*/ 617855 h 1402080"/>
                        <a:gd name="connsiteX59" fmla="*/ 39683 w 1249680"/>
                        <a:gd name="connsiteY59" fmla="*/ 611505 h 1402080"/>
                        <a:gd name="connsiteX60" fmla="*/ 0 w 1249680"/>
                        <a:gd name="connsiteY6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640080 w 1249680"/>
                        <a:gd name="connsiteY41" fmla="*/ 1402080 h 1402080"/>
                        <a:gd name="connsiteX42" fmla="*/ 556413 w 1249680"/>
                        <a:gd name="connsiteY42" fmla="*/ 1359218 h 1402080"/>
                        <a:gd name="connsiteX43" fmla="*/ 513551 w 1249680"/>
                        <a:gd name="connsiteY43" fmla="*/ 1311593 h 1402080"/>
                        <a:gd name="connsiteX44" fmla="*/ 484976 w 1249680"/>
                        <a:gd name="connsiteY44" fmla="*/ 1278255 h 1402080"/>
                        <a:gd name="connsiteX45" fmla="*/ 399251 w 1249680"/>
                        <a:gd name="connsiteY45" fmla="*/ 1194911 h 1402080"/>
                        <a:gd name="connsiteX46" fmla="*/ 268282 w 1249680"/>
                        <a:gd name="connsiteY46" fmla="*/ 1078230 h 1402080"/>
                        <a:gd name="connsiteX47" fmla="*/ 80163 w 1249680"/>
                        <a:gd name="connsiteY47" fmla="*/ 906780 h 1402080"/>
                        <a:gd name="connsiteX48" fmla="*/ 58732 w 1249680"/>
                        <a:gd name="connsiteY48" fmla="*/ 911543 h 1402080"/>
                        <a:gd name="connsiteX49" fmla="*/ 70639 w 1249680"/>
                        <a:gd name="connsiteY49" fmla="*/ 825817 h 1402080"/>
                        <a:gd name="connsiteX50" fmla="*/ 122872 w 1249680"/>
                        <a:gd name="connsiteY50" fmla="*/ 819626 h 1402080"/>
                        <a:gd name="connsiteX51" fmla="*/ 125407 w 1249680"/>
                        <a:gd name="connsiteY51" fmla="*/ 799623 h 1402080"/>
                        <a:gd name="connsiteX52" fmla="*/ 78581 w 1249680"/>
                        <a:gd name="connsiteY52" fmla="*/ 799624 h 1402080"/>
                        <a:gd name="connsiteX53" fmla="*/ 82867 w 1249680"/>
                        <a:gd name="connsiteY53" fmla="*/ 761047 h 1402080"/>
                        <a:gd name="connsiteX54" fmla="*/ 142076 w 1249680"/>
                        <a:gd name="connsiteY54" fmla="*/ 742474 h 1402080"/>
                        <a:gd name="connsiteX55" fmla="*/ 130169 w 1249680"/>
                        <a:gd name="connsiteY55" fmla="*/ 716280 h 1402080"/>
                        <a:gd name="connsiteX56" fmla="*/ 48568 w 1249680"/>
                        <a:gd name="connsiteY56" fmla="*/ 756737 h 1402080"/>
                        <a:gd name="connsiteX57" fmla="*/ 29527 w 1249680"/>
                        <a:gd name="connsiteY57" fmla="*/ 718344 h 1402080"/>
                        <a:gd name="connsiteX58" fmla="*/ 104473 w 1249680"/>
                        <a:gd name="connsiteY58" fmla="*/ 693138 h 1402080"/>
                        <a:gd name="connsiteX59" fmla="*/ 77629 w 1249680"/>
                        <a:gd name="connsiteY59" fmla="*/ 617855 h 1402080"/>
                        <a:gd name="connsiteX60" fmla="*/ 39683 w 1249680"/>
                        <a:gd name="connsiteY60" fmla="*/ 611505 h 1402080"/>
                        <a:gd name="connsiteX61" fmla="*/ 0 w 1249680"/>
                        <a:gd name="connsiteY6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268282 w 1249680"/>
                        <a:gd name="connsiteY47" fmla="*/ 1078230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399251 w 1249680"/>
                        <a:gd name="connsiteY46" fmla="*/ 1194911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84976 w 1249680"/>
                        <a:gd name="connsiteY45" fmla="*/ 1278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08738 w 1249680"/>
                        <a:gd name="connsiteY45" fmla="*/ 897255 h 1402080"/>
                        <a:gd name="connsiteX46" fmla="*/ 111120 w 1249680"/>
                        <a:gd name="connsiteY46" fmla="*/ 840105 h 1402080"/>
                        <a:gd name="connsiteX47" fmla="*/ 92070 w 1249680"/>
                        <a:gd name="connsiteY47" fmla="*/ 835343 h 1402080"/>
                        <a:gd name="connsiteX48" fmla="*/ 80163 w 1249680"/>
                        <a:gd name="connsiteY48" fmla="*/ 906780 h 1402080"/>
                        <a:gd name="connsiteX49" fmla="*/ 58732 w 1249680"/>
                        <a:gd name="connsiteY49" fmla="*/ 911543 h 1402080"/>
                        <a:gd name="connsiteX50" fmla="*/ 70639 w 1249680"/>
                        <a:gd name="connsiteY50" fmla="*/ 825817 h 1402080"/>
                        <a:gd name="connsiteX51" fmla="*/ 122872 w 1249680"/>
                        <a:gd name="connsiteY51" fmla="*/ 819626 h 1402080"/>
                        <a:gd name="connsiteX52" fmla="*/ 125407 w 1249680"/>
                        <a:gd name="connsiteY52" fmla="*/ 799623 h 1402080"/>
                        <a:gd name="connsiteX53" fmla="*/ 78581 w 1249680"/>
                        <a:gd name="connsiteY53" fmla="*/ 799624 h 1402080"/>
                        <a:gd name="connsiteX54" fmla="*/ 82867 w 1249680"/>
                        <a:gd name="connsiteY54" fmla="*/ 761047 h 1402080"/>
                        <a:gd name="connsiteX55" fmla="*/ 142076 w 1249680"/>
                        <a:gd name="connsiteY55" fmla="*/ 742474 h 1402080"/>
                        <a:gd name="connsiteX56" fmla="*/ 130169 w 1249680"/>
                        <a:gd name="connsiteY56" fmla="*/ 716280 h 1402080"/>
                        <a:gd name="connsiteX57" fmla="*/ 48568 w 1249680"/>
                        <a:gd name="connsiteY57" fmla="*/ 756737 h 1402080"/>
                        <a:gd name="connsiteX58" fmla="*/ 29527 w 1249680"/>
                        <a:gd name="connsiteY58" fmla="*/ 718344 h 1402080"/>
                        <a:gd name="connsiteX59" fmla="*/ 104473 w 1249680"/>
                        <a:gd name="connsiteY59" fmla="*/ 693138 h 1402080"/>
                        <a:gd name="connsiteX60" fmla="*/ 77629 w 1249680"/>
                        <a:gd name="connsiteY60" fmla="*/ 617855 h 1402080"/>
                        <a:gd name="connsiteX61" fmla="*/ 39683 w 1249680"/>
                        <a:gd name="connsiteY61" fmla="*/ 611505 h 1402080"/>
                        <a:gd name="connsiteX62" fmla="*/ 0 w 1249680"/>
                        <a:gd name="connsiteY6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134932 w 1249680"/>
                        <a:gd name="connsiteY45" fmla="*/ 928211 h 1402080"/>
                        <a:gd name="connsiteX46" fmla="*/ 108738 w 1249680"/>
                        <a:gd name="connsiteY46" fmla="*/ 897255 h 1402080"/>
                        <a:gd name="connsiteX47" fmla="*/ 111120 w 1249680"/>
                        <a:gd name="connsiteY47" fmla="*/ 840105 h 1402080"/>
                        <a:gd name="connsiteX48" fmla="*/ 92070 w 1249680"/>
                        <a:gd name="connsiteY48" fmla="*/ 835343 h 1402080"/>
                        <a:gd name="connsiteX49" fmla="*/ 80163 w 1249680"/>
                        <a:gd name="connsiteY49" fmla="*/ 906780 h 1402080"/>
                        <a:gd name="connsiteX50" fmla="*/ 58732 w 1249680"/>
                        <a:gd name="connsiteY50" fmla="*/ 911543 h 1402080"/>
                        <a:gd name="connsiteX51" fmla="*/ 70639 w 1249680"/>
                        <a:gd name="connsiteY51" fmla="*/ 825817 h 1402080"/>
                        <a:gd name="connsiteX52" fmla="*/ 122872 w 1249680"/>
                        <a:gd name="connsiteY52" fmla="*/ 819626 h 1402080"/>
                        <a:gd name="connsiteX53" fmla="*/ 125407 w 1249680"/>
                        <a:gd name="connsiteY53" fmla="*/ 799623 h 1402080"/>
                        <a:gd name="connsiteX54" fmla="*/ 78581 w 1249680"/>
                        <a:gd name="connsiteY54" fmla="*/ 799624 h 1402080"/>
                        <a:gd name="connsiteX55" fmla="*/ 82867 w 1249680"/>
                        <a:gd name="connsiteY55" fmla="*/ 761047 h 1402080"/>
                        <a:gd name="connsiteX56" fmla="*/ 142076 w 1249680"/>
                        <a:gd name="connsiteY56" fmla="*/ 742474 h 1402080"/>
                        <a:gd name="connsiteX57" fmla="*/ 130169 w 1249680"/>
                        <a:gd name="connsiteY57" fmla="*/ 716280 h 1402080"/>
                        <a:gd name="connsiteX58" fmla="*/ 48568 w 1249680"/>
                        <a:gd name="connsiteY58" fmla="*/ 756737 h 1402080"/>
                        <a:gd name="connsiteX59" fmla="*/ 29527 w 1249680"/>
                        <a:gd name="connsiteY59" fmla="*/ 718344 h 1402080"/>
                        <a:gd name="connsiteX60" fmla="*/ 104473 w 1249680"/>
                        <a:gd name="connsiteY60" fmla="*/ 693138 h 1402080"/>
                        <a:gd name="connsiteX61" fmla="*/ 77629 w 1249680"/>
                        <a:gd name="connsiteY61" fmla="*/ 617855 h 1402080"/>
                        <a:gd name="connsiteX62" fmla="*/ 39683 w 1249680"/>
                        <a:gd name="connsiteY62" fmla="*/ 611505 h 1402080"/>
                        <a:gd name="connsiteX63" fmla="*/ 0 w 1249680"/>
                        <a:gd name="connsiteY6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315907 w 1249680"/>
                        <a:gd name="connsiteY45" fmla="*/ 1109186 h 1402080"/>
                        <a:gd name="connsiteX46" fmla="*/ 134932 w 1249680"/>
                        <a:gd name="connsiteY46" fmla="*/ 928211 h 1402080"/>
                        <a:gd name="connsiteX47" fmla="*/ 108738 w 1249680"/>
                        <a:gd name="connsiteY47" fmla="*/ 897255 h 1402080"/>
                        <a:gd name="connsiteX48" fmla="*/ 111120 w 1249680"/>
                        <a:gd name="connsiteY48" fmla="*/ 840105 h 1402080"/>
                        <a:gd name="connsiteX49" fmla="*/ 92070 w 1249680"/>
                        <a:gd name="connsiteY49" fmla="*/ 835343 h 1402080"/>
                        <a:gd name="connsiteX50" fmla="*/ 80163 w 1249680"/>
                        <a:gd name="connsiteY50" fmla="*/ 906780 h 1402080"/>
                        <a:gd name="connsiteX51" fmla="*/ 58732 w 1249680"/>
                        <a:gd name="connsiteY51" fmla="*/ 911543 h 1402080"/>
                        <a:gd name="connsiteX52" fmla="*/ 70639 w 1249680"/>
                        <a:gd name="connsiteY52" fmla="*/ 825817 h 1402080"/>
                        <a:gd name="connsiteX53" fmla="*/ 122872 w 1249680"/>
                        <a:gd name="connsiteY53" fmla="*/ 819626 h 1402080"/>
                        <a:gd name="connsiteX54" fmla="*/ 125407 w 1249680"/>
                        <a:gd name="connsiteY54" fmla="*/ 799623 h 1402080"/>
                        <a:gd name="connsiteX55" fmla="*/ 78581 w 1249680"/>
                        <a:gd name="connsiteY55" fmla="*/ 799624 h 1402080"/>
                        <a:gd name="connsiteX56" fmla="*/ 82867 w 1249680"/>
                        <a:gd name="connsiteY56" fmla="*/ 761047 h 1402080"/>
                        <a:gd name="connsiteX57" fmla="*/ 142076 w 1249680"/>
                        <a:gd name="connsiteY57" fmla="*/ 742474 h 1402080"/>
                        <a:gd name="connsiteX58" fmla="*/ 130169 w 1249680"/>
                        <a:gd name="connsiteY58" fmla="*/ 716280 h 1402080"/>
                        <a:gd name="connsiteX59" fmla="*/ 48568 w 1249680"/>
                        <a:gd name="connsiteY59" fmla="*/ 756737 h 1402080"/>
                        <a:gd name="connsiteX60" fmla="*/ 29527 w 1249680"/>
                        <a:gd name="connsiteY60" fmla="*/ 718344 h 1402080"/>
                        <a:gd name="connsiteX61" fmla="*/ 104473 w 1249680"/>
                        <a:gd name="connsiteY61" fmla="*/ 693138 h 1402080"/>
                        <a:gd name="connsiteX62" fmla="*/ 77629 w 1249680"/>
                        <a:gd name="connsiteY62" fmla="*/ 617855 h 1402080"/>
                        <a:gd name="connsiteX63" fmla="*/ 39683 w 1249680"/>
                        <a:gd name="connsiteY63" fmla="*/ 611505 h 1402080"/>
                        <a:gd name="connsiteX64" fmla="*/ 0 w 1249680"/>
                        <a:gd name="connsiteY6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40080 w 1249680"/>
                        <a:gd name="connsiteY42" fmla="*/ 1402080 h 1402080"/>
                        <a:gd name="connsiteX43" fmla="*/ 556413 w 1249680"/>
                        <a:gd name="connsiteY43" fmla="*/ 1359218 h 1402080"/>
                        <a:gd name="connsiteX44" fmla="*/ 513551 w 1249680"/>
                        <a:gd name="connsiteY44" fmla="*/ 1311593 h 1402080"/>
                        <a:gd name="connsiteX45" fmla="*/ 449257 w 1249680"/>
                        <a:gd name="connsiteY45" fmla="*/ 1244918 h 1402080"/>
                        <a:gd name="connsiteX46" fmla="*/ 315907 w 1249680"/>
                        <a:gd name="connsiteY46" fmla="*/ 1109186 h 1402080"/>
                        <a:gd name="connsiteX47" fmla="*/ 134932 w 1249680"/>
                        <a:gd name="connsiteY47" fmla="*/ 928211 h 1402080"/>
                        <a:gd name="connsiteX48" fmla="*/ 108738 w 1249680"/>
                        <a:gd name="connsiteY48" fmla="*/ 897255 h 1402080"/>
                        <a:gd name="connsiteX49" fmla="*/ 111120 w 1249680"/>
                        <a:gd name="connsiteY49" fmla="*/ 840105 h 1402080"/>
                        <a:gd name="connsiteX50" fmla="*/ 92070 w 1249680"/>
                        <a:gd name="connsiteY50" fmla="*/ 835343 h 1402080"/>
                        <a:gd name="connsiteX51" fmla="*/ 80163 w 1249680"/>
                        <a:gd name="connsiteY51" fmla="*/ 906780 h 1402080"/>
                        <a:gd name="connsiteX52" fmla="*/ 58732 w 1249680"/>
                        <a:gd name="connsiteY52" fmla="*/ 911543 h 1402080"/>
                        <a:gd name="connsiteX53" fmla="*/ 70639 w 1249680"/>
                        <a:gd name="connsiteY53" fmla="*/ 825817 h 1402080"/>
                        <a:gd name="connsiteX54" fmla="*/ 122872 w 1249680"/>
                        <a:gd name="connsiteY54" fmla="*/ 819626 h 1402080"/>
                        <a:gd name="connsiteX55" fmla="*/ 125407 w 1249680"/>
                        <a:gd name="connsiteY55" fmla="*/ 799623 h 1402080"/>
                        <a:gd name="connsiteX56" fmla="*/ 78581 w 1249680"/>
                        <a:gd name="connsiteY56" fmla="*/ 799624 h 1402080"/>
                        <a:gd name="connsiteX57" fmla="*/ 82867 w 1249680"/>
                        <a:gd name="connsiteY57" fmla="*/ 761047 h 1402080"/>
                        <a:gd name="connsiteX58" fmla="*/ 142076 w 1249680"/>
                        <a:gd name="connsiteY58" fmla="*/ 742474 h 1402080"/>
                        <a:gd name="connsiteX59" fmla="*/ 130169 w 1249680"/>
                        <a:gd name="connsiteY59" fmla="*/ 716280 h 1402080"/>
                        <a:gd name="connsiteX60" fmla="*/ 48568 w 1249680"/>
                        <a:gd name="connsiteY60" fmla="*/ 756737 h 1402080"/>
                        <a:gd name="connsiteX61" fmla="*/ 29527 w 1249680"/>
                        <a:gd name="connsiteY61" fmla="*/ 718344 h 1402080"/>
                        <a:gd name="connsiteX62" fmla="*/ 104473 w 1249680"/>
                        <a:gd name="connsiteY62" fmla="*/ 693138 h 1402080"/>
                        <a:gd name="connsiteX63" fmla="*/ 77629 w 1249680"/>
                        <a:gd name="connsiteY63" fmla="*/ 617855 h 1402080"/>
                        <a:gd name="connsiteX64" fmla="*/ 39683 w 1249680"/>
                        <a:gd name="connsiteY64" fmla="*/ 611505 h 1402080"/>
                        <a:gd name="connsiteX65" fmla="*/ 0 w 1249680"/>
                        <a:gd name="connsiteY6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56413 w 1249680"/>
                        <a:gd name="connsiteY44" fmla="*/ 1359218 h 1402080"/>
                        <a:gd name="connsiteX45" fmla="*/ 513551 w 1249680"/>
                        <a:gd name="connsiteY45" fmla="*/ 1311593 h 1402080"/>
                        <a:gd name="connsiteX46" fmla="*/ 449257 w 1249680"/>
                        <a:gd name="connsiteY46" fmla="*/ 1244918 h 1402080"/>
                        <a:gd name="connsiteX47" fmla="*/ 315907 w 1249680"/>
                        <a:gd name="connsiteY47" fmla="*/ 1109186 h 1402080"/>
                        <a:gd name="connsiteX48" fmla="*/ 134932 w 1249680"/>
                        <a:gd name="connsiteY48" fmla="*/ 928211 h 1402080"/>
                        <a:gd name="connsiteX49" fmla="*/ 108738 w 1249680"/>
                        <a:gd name="connsiteY49" fmla="*/ 897255 h 1402080"/>
                        <a:gd name="connsiteX50" fmla="*/ 111120 w 1249680"/>
                        <a:gd name="connsiteY50" fmla="*/ 840105 h 1402080"/>
                        <a:gd name="connsiteX51" fmla="*/ 92070 w 1249680"/>
                        <a:gd name="connsiteY51" fmla="*/ 835343 h 1402080"/>
                        <a:gd name="connsiteX52" fmla="*/ 80163 w 1249680"/>
                        <a:gd name="connsiteY52" fmla="*/ 906780 h 1402080"/>
                        <a:gd name="connsiteX53" fmla="*/ 58732 w 1249680"/>
                        <a:gd name="connsiteY53" fmla="*/ 911543 h 1402080"/>
                        <a:gd name="connsiteX54" fmla="*/ 70639 w 1249680"/>
                        <a:gd name="connsiteY54" fmla="*/ 825817 h 1402080"/>
                        <a:gd name="connsiteX55" fmla="*/ 122872 w 1249680"/>
                        <a:gd name="connsiteY55" fmla="*/ 819626 h 1402080"/>
                        <a:gd name="connsiteX56" fmla="*/ 125407 w 1249680"/>
                        <a:gd name="connsiteY56" fmla="*/ 799623 h 1402080"/>
                        <a:gd name="connsiteX57" fmla="*/ 78581 w 1249680"/>
                        <a:gd name="connsiteY57" fmla="*/ 799624 h 1402080"/>
                        <a:gd name="connsiteX58" fmla="*/ 82867 w 1249680"/>
                        <a:gd name="connsiteY58" fmla="*/ 761047 h 1402080"/>
                        <a:gd name="connsiteX59" fmla="*/ 142076 w 1249680"/>
                        <a:gd name="connsiteY59" fmla="*/ 742474 h 1402080"/>
                        <a:gd name="connsiteX60" fmla="*/ 130169 w 1249680"/>
                        <a:gd name="connsiteY60" fmla="*/ 716280 h 1402080"/>
                        <a:gd name="connsiteX61" fmla="*/ 48568 w 1249680"/>
                        <a:gd name="connsiteY61" fmla="*/ 756737 h 1402080"/>
                        <a:gd name="connsiteX62" fmla="*/ 29527 w 1249680"/>
                        <a:gd name="connsiteY62" fmla="*/ 718344 h 1402080"/>
                        <a:gd name="connsiteX63" fmla="*/ 104473 w 1249680"/>
                        <a:gd name="connsiteY63" fmla="*/ 693138 h 1402080"/>
                        <a:gd name="connsiteX64" fmla="*/ 77629 w 1249680"/>
                        <a:gd name="connsiteY64" fmla="*/ 617855 h 1402080"/>
                        <a:gd name="connsiteX65" fmla="*/ 39683 w 1249680"/>
                        <a:gd name="connsiteY65" fmla="*/ 611505 h 1402080"/>
                        <a:gd name="connsiteX66" fmla="*/ 0 w 1249680"/>
                        <a:gd name="connsiteY6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066800 w 1249680"/>
                        <a:gd name="connsiteY35" fmla="*/ 1402080 h 1402080"/>
                        <a:gd name="connsiteX36" fmla="*/ 998220 w 1249680"/>
                        <a:gd name="connsiteY36" fmla="*/ 1356360 h 1402080"/>
                        <a:gd name="connsiteX37" fmla="*/ 883920 w 1249680"/>
                        <a:gd name="connsiteY37" fmla="*/ 1333500 h 1402080"/>
                        <a:gd name="connsiteX38" fmla="*/ 876300 w 1249680"/>
                        <a:gd name="connsiteY38" fmla="*/ 1303020 h 1402080"/>
                        <a:gd name="connsiteX39" fmla="*/ 822960 w 1249680"/>
                        <a:gd name="connsiteY39" fmla="*/ 1341120 h 1402080"/>
                        <a:gd name="connsiteX40" fmla="*/ 746760 w 1249680"/>
                        <a:gd name="connsiteY40" fmla="*/ 1356360 h 1402080"/>
                        <a:gd name="connsiteX41" fmla="*/ 715957 w 1249680"/>
                        <a:gd name="connsiteY41" fmla="*/ 1366361 h 1402080"/>
                        <a:gd name="connsiteX42" fmla="*/ 675476 w 1249680"/>
                        <a:gd name="connsiteY42" fmla="*/ 1383030 h 1402080"/>
                        <a:gd name="connsiteX43" fmla="*/ 640080 w 1249680"/>
                        <a:gd name="connsiteY43" fmla="*/ 1402080 h 1402080"/>
                        <a:gd name="connsiteX44" fmla="*/ 599276 w 1249680"/>
                        <a:gd name="connsiteY44" fmla="*/ 1385411 h 1402080"/>
                        <a:gd name="connsiteX45" fmla="*/ 556413 w 1249680"/>
                        <a:gd name="connsiteY45" fmla="*/ 1359218 h 1402080"/>
                        <a:gd name="connsiteX46" fmla="*/ 513551 w 1249680"/>
                        <a:gd name="connsiteY46" fmla="*/ 1311593 h 1402080"/>
                        <a:gd name="connsiteX47" fmla="*/ 449257 w 1249680"/>
                        <a:gd name="connsiteY47" fmla="*/ 1244918 h 1402080"/>
                        <a:gd name="connsiteX48" fmla="*/ 315907 w 1249680"/>
                        <a:gd name="connsiteY48" fmla="*/ 1109186 h 1402080"/>
                        <a:gd name="connsiteX49" fmla="*/ 134932 w 1249680"/>
                        <a:gd name="connsiteY49" fmla="*/ 928211 h 1402080"/>
                        <a:gd name="connsiteX50" fmla="*/ 108738 w 1249680"/>
                        <a:gd name="connsiteY50" fmla="*/ 897255 h 1402080"/>
                        <a:gd name="connsiteX51" fmla="*/ 111120 w 1249680"/>
                        <a:gd name="connsiteY51" fmla="*/ 840105 h 1402080"/>
                        <a:gd name="connsiteX52" fmla="*/ 92070 w 1249680"/>
                        <a:gd name="connsiteY52" fmla="*/ 835343 h 1402080"/>
                        <a:gd name="connsiteX53" fmla="*/ 80163 w 1249680"/>
                        <a:gd name="connsiteY53" fmla="*/ 906780 h 1402080"/>
                        <a:gd name="connsiteX54" fmla="*/ 58732 w 1249680"/>
                        <a:gd name="connsiteY54" fmla="*/ 911543 h 1402080"/>
                        <a:gd name="connsiteX55" fmla="*/ 70639 w 1249680"/>
                        <a:gd name="connsiteY55" fmla="*/ 825817 h 1402080"/>
                        <a:gd name="connsiteX56" fmla="*/ 122872 w 1249680"/>
                        <a:gd name="connsiteY56" fmla="*/ 819626 h 1402080"/>
                        <a:gd name="connsiteX57" fmla="*/ 125407 w 1249680"/>
                        <a:gd name="connsiteY57" fmla="*/ 799623 h 1402080"/>
                        <a:gd name="connsiteX58" fmla="*/ 78581 w 1249680"/>
                        <a:gd name="connsiteY58" fmla="*/ 799624 h 1402080"/>
                        <a:gd name="connsiteX59" fmla="*/ 82867 w 1249680"/>
                        <a:gd name="connsiteY59" fmla="*/ 761047 h 1402080"/>
                        <a:gd name="connsiteX60" fmla="*/ 142076 w 1249680"/>
                        <a:gd name="connsiteY60" fmla="*/ 742474 h 1402080"/>
                        <a:gd name="connsiteX61" fmla="*/ 130169 w 1249680"/>
                        <a:gd name="connsiteY61" fmla="*/ 716280 h 1402080"/>
                        <a:gd name="connsiteX62" fmla="*/ 48568 w 1249680"/>
                        <a:gd name="connsiteY62" fmla="*/ 756737 h 1402080"/>
                        <a:gd name="connsiteX63" fmla="*/ 29527 w 1249680"/>
                        <a:gd name="connsiteY63" fmla="*/ 718344 h 1402080"/>
                        <a:gd name="connsiteX64" fmla="*/ 104473 w 1249680"/>
                        <a:gd name="connsiteY64" fmla="*/ 693138 h 1402080"/>
                        <a:gd name="connsiteX65" fmla="*/ 77629 w 1249680"/>
                        <a:gd name="connsiteY65" fmla="*/ 617855 h 1402080"/>
                        <a:gd name="connsiteX66" fmla="*/ 39683 w 1249680"/>
                        <a:gd name="connsiteY66" fmla="*/ 611505 h 1402080"/>
                        <a:gd name="connsiteX67" fmla="*/ 0 w 1249680"/>
                        <a:gd name="connsiteY6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83920 w 1249680"/>
                        <a:gd name="connsiteY38" fmla="*/ 1333500 h 1402080"/>
                        <a:gd name="connsiteX39" fmla="*/ 876300 w 1249680"/>
                        <a:gd name="connsiteY39" fmla="*/ 1303020 h 1402080"/>
                        <a:gd name="connsiteX40" fmla="*/ 822960 w 1249680"/>
                        <a:gd name="connsiteY40" fmla="*/ 1341120 h 1402080"/>
                        <a:gd name="connsiteX41" fmla="*/ 746760 w 1249680"/>
                        <a:gd name="connsiteY41" fmla="*/ 1356360 h 1402080"/>
                        <a:gd name="connsiteX42" fmla="*/ 715957 w 1249680"/>
                        <a:gd name="connsiteY42" fmla="*/ 1366361 h 1402080"/>
                        <a:gd name="connsiteX43" fmla="*/ 675476 w 1249680"/>
                        <a:gd name="connsiteY43" fmla="*/ 1383030 h 1402080"/>
                        <a:gd name="connsiteX44" fmla="*/ 640080 w 1249680"/>
                        <a:gd name="connsiteY44" fmla="*/ 1402080 h 1402080"/>
                        <a:gd name="connsiteX45" fmla="*/ 599276 w 1249680"/>
                        <a:gd name="connsiteY45" fmla="*/ 1385411 h 1402080"/>
                        <a:gd name="connsiteX46" fmla="*/ 556413 w 1249680"/>
                        <a:gd name="connsiteY46" fmla="*/ 1359218 h 1402080"/>
                        <a:gd name="connsiteX47" fmla="*/ 513551 w 1249680"/>
                        <a:gd name="connsiteY47" fmla="*/ 1311593 h 1402080"/>
                        <a:gd name="connsiteX48" fmla="*/ 449257 w 1249680"/>
                        <a:gd name="connsiteY48" fmla="*/ 1244918 h 1402080"/>
                        <a:gd name="connsiteX49" fmla="*/ 315907 w 1249680"/>
                        <a:gd name="connsiteY49" fmla="*/ 1109186 h 1402080"/>
                        <a:gd name="connsiteX50" fmla="*/ 134932 w 1249680"/>
                        <a:gd name="connsiteY50" fmla="*/ 928211 h 1402080"/>
                        <a:gd name="connsiteX51" fmla="*/ 108738 w 1249680"/>
                        <a:gd name="connsiteY51" fmla="*/ 897255 h 1402080"/>
                        <a:gd name="connsiteX52" fmla="*/ 111120 w 1249680"/>
                        <a:gd name="connsiteY52" fmla="*/ 840105 h 1402080"/>
                        <a:gd name="connsiteX53" fmla="*/ 92070 w 1249680"/>
                        <a:gd name="connsiteY53" fmla="*/ 835343 h 1402080"/>
                        <a:gd name="connsiteX54" fmla="*/ 80163 w 1249680"/>
                        <a:gd name="connsiteY54" fmla="*/ 906780 h 1402080"/>
                        <a:gd name="connsiteX55" fmla="*/ 58732 w 1249680"/>
                        <a:gd name="connsiteY55" fmla="*/ 911543 h 1402080"/>
                        <a:gd name="connsiteX56" fmla="*/ 70639 w 1249680"/>
                        <a:gd name="connsiteY56" fmla="*/ 825817 h 1402080"/>
                        <a:gd name="connsiteX57" fmla="*/ 122872 w 1249680"/>
                        <a:gd name="connsiteY57" fmla="*/ 819626 h 1402080"/>
                        <a:gd name="connsiteX58" fmla="*/ 125407 w 1249680"/>
                        <a:gd name="connsiteY58" fmla="*/ 799623 h 1402080"/>
                        <a:gd name="connsiteX59" fmla="*/ 78581 w 1249680"/>
                        <a:gd name="connsiteY59" fmla="*/ 799624 h 1402080"/>
                        <a:gd name="connsiteX60" fmla="*/ 82867 w 1249680"/>
                        <a:gd name="connsiteY60" fmla="*/ 761047 h 1402080"/>
                        <a:gd name="connsiteX61" fmla="*/ 142076 w 1249680"/>
                        <a:gd name="connsiteY61" fmla="*/ 742474 h 1402080"/>
                        <a:gd name="connsiteX62" fmla="*/ 130169 w 1249680"/>
                        <a:gd name="connsiteY62" fmla="*/ 716280 h 1402080"/>
                        <a:gd name="connsiteX63" fmla="*/ 48568 w 1249680"/>
                        <a:gd name="connsiteY63" fmla="*/ 756737 h 1402080"/>
                        <a:gd name="connsiteX64" fmla="*/ 29527 w 1249680"/>
                        <a:gd name="connsiteY64" fmla="*/ 718344 h 1402080"/>
                        <a:gd name="connsiteX65" fmla="*/ 104473 w 1249680"/>
                        <a:gd name="connsiteY65" fmla="*/ 693138 h 1402080"/>
                        <a:gd name="connsiteX66" fmla="*/ 77629 w 1249680"/>
                        <a:gd name="connsiteY66" fmla="*/ 617855 h 1402080"/>
                        <a:gd name="connsiteX67" fmla="*/ 39683 w 1249680"/>
                        <a:gd name="connsiteY67" fmla="*/ 611505 h 1402080"/>
                        <a:gd name="connsiteX68" fmla="*/ 0 w 1249680"/>
                        <a:gd name="connsiteY68"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4932 w 1249680"/>
                        <a:gd name="connsiteY51" fmla="*/ 928211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315907 w 1249680"/>
                        <a:gd name="connsiteY50" fmla="*/ 1109186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449257 w 1249680"/>
                        <a:gd name="connsiteY49" fmla="*/ 1244918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513551 w 1249680"/>
                        <a:gd name="connsiteY48" fmla="*/ 1311593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556413 w 1249680"/>
                        <a:gd name="connsiteY47" fmla="*/ 1359218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599276 w 1249680"/>
                        <a:gd name="connsiteY46" fmla="*/ 1385411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640080 w 1249680"/>
                        <a:gd name="connsiteY45" fmla="*/ 1402080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675476 w 1249680"/>
                        <a:gd name="connsiteY44" fmla="*/ 1383030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715957 w 1249680"/>
                        <a:gd name="connsiteY43" fmla="*/ 1366361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746760 w 1249680"/>
                        <a:gd name="connsiteY42" fmla="*/ 1356360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822960 w 1249680"/>
                        <a:gd name="connsiteY41" fmla="*/ 1341120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876300 w 1249680"/>
                        <a:gd name="connsiteY40" fmla="*/ 1303020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883920 w 1249680"/>
                        <a:gd name="connsiteY39" fmla="*/ 1333500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939795 w 1249680"/>
                        <a:gd name="connsiteY38" fmla="*/ 1344930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134932 w 1249680"/>
                        <a:gd name="connsiteY38" fmla="*/ 1171098 h 1402080"/>
                        <a:gd name="connsiteX39" fmla="*/ 143351 w 1249680"/>
                        <a:gd name="connsiteY39" fmla="*/ 1202532 h 1402080"/>
                        <a:gd name="connsiteX40" fmla="*/ 180975 w 1249680"/>
                        <a:gd name="connsiteY40" fmla="*/ 1200626 h 1402080"/>
                        <a:gd name="connsiteX41" fmla="*/ 163354 w 1249680"/>
                        <a:gd name="connsiteY41" fmla="*/ 1141095 h 1402080"/>
                        <a:gd name="connsiteX42" fmla="*/ 234791 w 1249680"/>
                        <a:gd name="connsiteY42" fmla="*/ 1096804 h 1402080"/>
                        <a:gd name="connsiteX43" fmla="*/ 249232 w 1249680"/>
                        <a:gd name="connsiteY43" fmla="*/ 1180623 h 1402080"/>
                        <a:gd name="connsiteX44" fmla="*/ 277807 w 1249680"/>
                        <a:gd name="connsiteY44" fmla="*/ 1190149 h 1402080"/>
                        <a:gd name="connsiteX45" fmla="*/ 292417 w 1249680"/>
                        <a:gd name="connsiteY45" fmla="*/ 1068705 h 1402080"/>
                        <a:gd name="connsiteX46" fmla="*/ 323051 w 1249680"/>
                        <a:gd name="connsiteY46" fmla="*/ 1078230 h 1402080"/>
                        <a:gd name="connsiteX47" fmla="*/ 294476 w 1249680"/>
                        <a:gd name="connsiteY47" fmla="*/ 944880 h 1402080"/>
                        <a:gd name="connsiteX48" fmla="*/ 258758 w 1249680"/>
                        <a:gd name="connsiteY48" fmla="*/ 961549 h 1402080"/>
                        <a:gd name="connsiteX49" fmla="*/ 149220 w 1249680"/>
                        <a:gd name="connsiteY49" fmla="*/ 909162 h 1402080"/>
                        <a:gd name="connsiteX50" fmla="*/ 158745 w 1249680"/>
                        <a:gd name="connsiteY50" fmla="*/ 882967 h 1402080"/>
                        <a:gd name="connsiteX51" fmla="*/ 130765 w 1249680"/>
                        <a:gd name="connsiteY51" fmla="*/ 864017 h 1402080"/>
                        <a:gd name="connsiteX52" fmla="*/ 108738 w 1249680"/>
                        <a:gd name="connsiteY52" fmla="*/ 897255 h 1402080"/>
                        <a:gd name="connsiteX53" fmla="*/ 111120 w 1249680"/>
                        <a:gd name="connsiteY53" fmla="*/ 840105 h 1402080"/>
                        <a:gd name="connsiteX54" fmla="*/ 92070 w 1249680"/>
                        <a:gd name="connsiteY54" fmla="*/ 835343 h 1402080"/>
                        <a:gd name="connsiteX55" fmla="*/ 80163 w 1249680"/>
                        <a:gd name="connsiteY55" fmla="*/ 906780 h 1402080"/>
                        <a:gd name="connsiteX56" fmla="*/ 58732 w 1249680"/>
                        <a:gd name="connsiteY56" fmla="*/ 911543 h 1402080"/>
                        <a:gd name="connsiteX57" fmla="*/ 70639 w 1249680"/>
                        <a:gd name="connsiteY57" fmla="*/ 825817 h 1402080"/>
                        <a:gd name="connsiteX58" fmla="*/ 122872 w 1249680"/>
                        <a:gd name="connsiteY58" fmla="*/ 819626 h 1402080"/>
                        <a:gd name="connsiteX59" fmla="*/ 125407 w 1249680"/>
                        <a:gd name="connsiteY59" fmla="*/ 799623 h 1402080"/>
                        <a:gd name="connsiteX60" fmla="*/ 78581 w 1249680"/>
                        <a:gd name="connsiteY60" fmla="*/ 799624 h 1402080"/>
                        <a:gd name="connsiteX61" fmla="*/ 82867 w 1249680"/>
                        <a:gd name="connsiteY61" fmla="*/ 761047 h 1402080"/>
                        <a:gd name="connsiteX62" fmla="*/ 142076 w 1249680"/>
                        <a:gd name="connsiteY62" fmla="*/ 742474 h 1402080"/>
                        <a:gd name="connsiteX63" fmla="*/ 130169 w 1249680"/>
                        <a:gd name="connsiteY63" fmla="*/ 716280 h 1402080"/>
                        <a:gd name="connsiteX64" fmla="*/ 48568 w 1249680"/>
                        <a:gd name="connsiteY64" fmla="*/ 756737 h 1402080"/>
                        <a:gd name="connsiteX65" fmla="*/ 29527 w 1249680"/>
                        <a:gd name="connsiteY65" fmla="*/ 718344 h 1402080"/>
                        <a:gd name="connsiteX66" fmla="*/ 104473 w 1249680"/>
                        <a:gd name="connsiteY66" fmla="*/ 693138 h 1402080"/>
                        <a:gd name="connsiteX67" fmla="*/ 77629 w 1249680"/>
                        <a:gd name="connsiteY67" fmla="*/ 617855 h 1402080"/>
                        <a:gd name="connsiteX68" fmla="*/ 39683 w 1249680"/>
                        <a:gd name="connsiteY68" fmla="*/ 611505 h 1402080"/>
                        <a:gd name="connsiteX69" fmla="*/ 0 w 1249680"/>
                        <a:gd name="connsiteY69"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504026 w 1249680"/>
                        <a:gd name="connsiteY38" fmla="*/ 1252061 h 1402080"/>
                        <a:gd name="connsiteX39" fmla="*/ 134932 w 1249680"/>
                        <a:gd name="connsiteY39" fmla="*/ 1171098 h 1402080"/>
                        <a:gd name="connsiteX40" fmla="*/ 143351 w 1249680"/>
                        <a:gd name="connsiteY40" fmla="*/ 1202532 h 1402080"/>
                        <a:gd name="connsiteX41" fmla="*/ 180975 w 1249680"/>
                        <a:gd name="connsiteY41" fmla="*/ 1200626 h 1402080"/>
                        <a:gd name="connsiteX42" fmla="*/ 163354 w 1249680"/>
                        <a:gd name="connsiteY42" fmla="*/ 1141095 h 1402080"/>
                        <a:gd name="connsiteX43" fmla="*/ 234791 w 1249680"/>
                        <a:gd name="connsiteY43" fmla="*/ 1096804 h 1402080"/>
                        <a:gd name="connsiteX44" fmla="*/ 249232 w 1249680"/>
                        <a:gd name="connsiteY44" fmla="*/ 1180623 h 1402080"/>
                        <a:gd name="connsiteX45" fmla="*/ 277807 w 1249680"/>
                        <a:gd name="connsiteY45" fmla="*/ 1190149 h 1402080"/>
                        <a:gd name="connsiteX46" fmla="*/ 292417 w 1249680"/>
                        <a:gd name="connsiteY46" fmla="*/ 1068705 h 1402080"/>
                        <a:gd name="connsiteX47" fmla="*/ 323051 w 1249680"/>
                        <a:gd name="connsiteY47" fmla="*/ 1078230 h 1402080"/>
                        <a:gd name="connsiteX48" fmla="*/ 294476 w 1249680"/>
                        <a:gd name="connsiteY48" fmla="*/ 944880 h 1402080"/>
                        <a:gd name="connsiteX49" fmla="*/ 258758 w 1249680"/>
                        <a:gd name="connsiteY49" fmla="*/ 961549 h 1402080"/>
                        <a:gd name="connsiteX50" fmla="*/ 149220 w 1249680"/>
                        <a:gd name="connsiteY50" fmla="*/ 909162 h 1402080"/>
                        <a:gd name="connsiteX51" fmla="*/ 158745 w 1249680"/>
                        <a:gd name="connsiteY51" fmla="*/ 882967 h 1402080"/>
                        <a:gd name="connsiteX52" fmla="*/ 130765 w 1249680"/>
                        <a:gd name="connsiteY52" fmla="*/ 864017 h 1402080"/>
                        <a:gd name="connsiteX53" fmla="*/ 108738 w 1249680"/>
                        <a:gd name="connsiteY53" fmla="*/ 897255 h 1402080"/>
                        <a:gd name="connsiteX54" fmla="*/ 111120 w 1249680"/>
                        <a:gd name="connsiteY54" fmla="*/ 840105 h 1402080"/>
                        <a:gd name="connsiteX55" fmla="*/ 92070 w 1249680"/>
                        <a:gd name="connsiteY55" fmla="*/ 835343 h 1402080"/>
                        <a:gd name="connsiteX56" fmla="*/ 80163 w 1249680"/>
                        <a:gd name="connsiteY56" fmla="*/ 906780 h 1402080"/>
                        <a:gd name="connsiteX57" fmla="*/ 58732 w 1249680"/>
                        <a:gd name="connsiteY57" fmla="*/ 911543 h 1402080"/>
                        <a:gd name="connsiteX58" fmla="*/ 70639 w 1249680"/>
                        <a:gd name="connsiteY58" fmla="*/ 825817 h 1402080"/>
                        <a:gd name="connsiteX59" fmla="*/ 122872 w 1249680"/>
                        <a:gd name="connsiteY59" fmla="*/ 819626 h 1402080"/>
                        <a:gd name="connsiteX60" fmla="*/ 125407 w 1249680"/>
                        <a:gd name="connsiteY60" fmla="*/ 799623 h 1402080"/>
                        <a:gd name="connsiteX61" fmla="*/ 78581 w 1249680"/>
                        <a:gd name="connsiteY61" fmla="*/ 799624 h 1402080"/>
                        <a:gd name="connsiteX62" fmla="*/ 82867 w 1249680"/>
                        <a:gd name="connsiteY62" fmla="*/ 761047 h 1402080"/>
                        <a:gd name="connsiteX63" fmla="*/ 142076 w 1249680"/>
                        <a:gd name="connsiteY63" fmla="*/ 742474 h 1402080"/>
                        <a:gd name="connsiteX64" fmla="*/ 130169 w 1249680"/>
                        <a:gd name="connsiteY64" fmla="*/ 716280 h 1402080"/>
                        <a:gd name="connsiteX65" fmla="*/ 48568 w 1249680"/>
                        <a:gd name="connsiteY65" fmla="*/ 756737 h 1402080"/>
                        <a:gd name="connsiteX66" fmla="*/ 29527 w 1249680"/>
                        <a:gd name="connsiteY66" fmla="*/ 718344 h 1402080"/>
                        <a:gd name="connsiteX67" fmla="*/ 104473 w 1249680"/>
                        <a:gd name="connsiteY67" fmla="*/ 693138 h 1402080"/>
                        <a:gd name="connsiteX68" fmla="*/ 77629 w 1249680"/>
                        <a:gd name="connsiteY68" fmla="*/ 617855 h 1402080"/>
                        <a:gd name="connsiteX69" fmla="*/ 39683 w 1249680"/>
                        <a:gd name="connsiteY69" fmla="*/ 611505 h 1402080"/>
                        <a:gd name="connsiteX70" fmla="*/ 0 w 1249680"/>
                        <a:gd name="connsiteY70"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735007 w 1249680"/>
                        <a:gd name="connsiteY38" fmla="*/ 1299686 h 1402080"/>
                        <a:gd name="connsiteX39" fmla="*/ 504026 w 1249680"/>
                        <a:gd name="connsiteY39" fmla="*/ 1252061 h 1402080"/>
                        <a:gd name="connsiteX40" fmla="*/ 134932 w 1249680"/>
                        <a:gd name="connsiteY40" fmla="*/ 1171098 h 1402080"/>
                        <a:gd name="connsiteX41" fmla="*/ 143351 w 1249680"/>
                        <a:gd name="connsiteY41" fmla="*/ 1202532 h 1402080"/>
                        <a:gd name="connsiteX42" fmla="*/ 180975 w 1249680"/>
                        <a:gd name="connsiteY42" fmla="*/ 1200626 h 1402080"/>
                        <a:gd name="connsiteX43" fmla="*/ 163354 w 1249680"/>
                        <a:gd name="connsiteY43" fmla="*/ 1141095 h 1402080"/>
                        <a:gd name="connsiteX44" fmla="*/ 234791 w 1249680"/>
                        <a:gd name="connsiteY44" fmla="*/ 1096804 h 1402080"/>
                        <a:gd name="connsiteX45" fmla="*/ 249232 w 1249680"/>
                        <a:gd name="connsiteY45" fmla="*/ 1180623 h 1402080"/>
                        <a:gd name="connsiteX46" fmla="*/ 277807 w 1249680"/>
                        <a:gd name="connsiteY46" fmla="*/ 1190149 h 1402080"/>
                        <a:gd name="connsiteX47" fmla="*/ 292417 w 1249680"/>
                        <a:gd name="connsiteY47" fmla="*/ 1068705 h 1402080"/>
                        <a:gd name="connsiteX48" fmla="*/ 323051 w 1249680"/>
                        <a:gd name="connsiteY48" fmla="*/ 1078230 h 1402080"/>
                        <a:gd name="connsiteX49" fmla="*/ 294476 w 1249680"/>
                        <a:gd name="connsiteY49" fmla="*/ 944880 h 1402080"/>
                        <a:gd name="connsiteX50" fmla="*/ 258758 w 1249680"/>
                        <a:gd name="connsiteY50" fmla="*/ 961549 h 1402080"/>
                        <a:gd name="connsiteX51" fmla="*/ 149220 w 1249680"/>
                        <a:gd name="connsiteY51" fmla="*/ 909162 h 1402080"/>
                        <a:gd name="connsiteX52" fmla="*/ 158745 w 1249680"/>
                        <a:gd name="connsiteY52" fmla="*/ 882967 h 1402080"/>
                        <a:gd name="connsiteX53" fmla="*/ 130765 w 1249680"/>
                        <a:gd name="connsiteY53" fmla="*/ 864017 h 1402080"/>
                        <a:gd name="connsiteX54" fmla="*/ 108738 w 1249680"/>
                        <a:gd name="connsiteY54" fmla="*/ 897255 h 1402080"/>
                        <a:gd name="connsiteX55" fmla="*/ 111120 w 1249680"/>
                        <a:gd name="connsiteY55" fmla="*/ 840105 h 1402080"/>
                        <a:gd name="connsiteX56" fmla="*/ 92070 w 1249680"/>
                        <a:gd name="connsiteY56" fmla="*/ 835343 h 1402080"/>
                        <a:gd name="connsiteX57" fmla="*/ 80163 w 1249680"/>
                        <a:gd name="connsiteY57" fmla="*/ 906780 h 1402080"/>
                        <a:gd name="connsiteX58" fmla="*/ 58732 w 1249680"/>
                        <a:gd name="connsiteY58" fmla="*/ 911543 h 1402080"/>
                        <a:gd name="connsiteX59" fmla="*/ 70639 w 1249680"/>
                        <a:gd name="connsiteY59" fmla="*/ 825817 h 1402080"/>
                        <a:gd name="connsiteX60" fmla="*/ 122872 w 1249680"/>
                        <a:gd name="connsiteY60" fmla="*/ 819626 h 1402080"/>
                        <a:gd name="connsiteX61" fmla="*/ 125407 w 1249680"/>
                        <a:gd name="connsiteY61" fmla="*/ 799623 h 1402080"/>
                        <a:gd name="connsiteX62" fmla="*/ 78581 w 1249680"/>
                        <a:gd name="connsiteY62" fmla="*/ 799624 h 1402080"/>
                        <a:gd name="connsiteX63" fmla="*/ 82867 w 1249680"/>
                        <a:gd name="connsiteY63" fmla="*/ 761047 h 1402080"/>
                        <a:gd name="connsiteX64" fmla="*/ 142076 w 1249680"/>
                        <a:gd name="connsiteY64" fmla="*/ 742474 h 1402080"/>
                        <a:gd name="connsiteX65" fmla="*/ 130169 w 1249680"/>
                        <a:gd name="connsiteY65" fmla="*/ 716280 h 1402080"/>
                        <a:gd name="connsiteX66" fmla="*/ 48568 w 1249680"/>
                        <a:gd name="connsiteY66" fmla="*/ 756737 h 1402080"/>
                        <a:gd name="connsiteX67" fmla="*/ 29527 w 1249680"/>
                        <a:gd name="connsiteY67" fmla="*/ 718344 h 1402080"/>
                        <a:gd name="connsiteX68" fmla="*/ 104473 w 1249680"/>
                        <a:gd name="connsiteY68" fmla="*/ 693138 h 1402080"/>
                        <a:gd name="connsiteX69" fmla="*/ 77629 w 1249680"/>
                        <a:gd name="connsiteY69" fmla="*/ 617855 h 1402080"/>
                        <a:gd name="connsiteX70" fmla="*/ 39683 w 1249680"/>
                        <a:gd name="connsiteY70" fmla="*/ 611505 h 1402080"/>
                        <a:gd name="connsiteX71" fmla="*/ 0 w 1249680"/>
                        <a:gd name="connsiteY71"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998220 w 1249680"/>
                        <a:gd name="connsiteY37" fmla="*/ 1356360 h 1402080"/>
                        <a:gd name="connsiteX38" fmla="*/ 877882 w 1249680"/>
                        <a:gd name="connsiteY38" fmla="*/ 1330643 h 1402080"/>
                        <a:gd name="connsiteX39" fmla="*/ 735007 w 1249680"/>
                        <a:gd name="connsiteY39" fmla="*/ 1299686 h 1402080"/>
                        <a:gd name="connsiteX40" fmla="*/ 504026 w 1249680"/>
                        <a:gd name="connsiteY40" fmla="*/ 1252061 h 1402080"/>
                        <a:gd name="connsiteX41" fmla="*/ 134932 w 1249680"/>
                        <a:gd name="connsiteY41" fmla="*/ 1171098 h 1402080"/>
                        <a:gd name="connsiteX42" fmla="*/ 143351 w 1249680"/>
                        <a:gd name="connsiteY42" fmla="*/ 1202532 h 1402080"/>
                        <a:gd name="connsiteX43" fmla="*/ 180975 w 1249680"/>
                        <a:gd name="connsiteY43" fmla="*/ 1200626 h 1402080"/>
                        <a:gd name="connsiteX44" fmla="*/ 163354 w 1249680"/>
                        <a:gd name="connsiteY44" fmla="*/ 1141095 h 1402080"/>
                        <a:gd name="connsiteX45" fmla="*/ 234791 w 1249680"/>
                        <a:gd name="connsiteY45" fmla="*/ 1096804 h 1402080"/>
                        <a:gd name="connsiteX46" fmla="*/ 249232 w 1249680"/>
                        <a:gd name="connsiteY46" fmla="*/ 1180623 h 1402080"/>
                        <a:gd name="connsiteX47" fmla="*/ 277807 w 1249680"/>
                        <a:gd name="connsiteY47" fmla="*/ 1190149 h 1402080"/>
                        <a:gd name="connsiteX48" fmla="*/ 292417 w 1249680"/>
                        <a:gd name="connsiteY48" fmla="*/ 1068705 h 1402080"/>
                        <a:gd name="connsiteX49" fmla="*/ 323051 w 1249680"/>
                        <a:gd name="connsiteY49" fmla="*/ 1078230 h 1402080"/>
                        <a:gd name="connsiteX50" fmla="*/ 294476 w 1249680"/>
                        <a:gd name="connsiteY50" fmla="*/ 944880 h 1402080"/>
                        <a:gd name="connsiteX51" fmla="*/ 258758 w 1249680"/>
                        <a:gd name="connsiteY51" fmla="*/ 961549 h 1402080"/>
                        <a:gd name="connsiteX52" fmla="*/ 149220 w 1249680"/>
                        <a:gd name="connsiteY52" fmla="*/ 909162 h 1402080"/>
                        <a:gd name="connsiteX53" fmla="*/ 158745 w 1249680"/>
                        <a:gd name="connsiteY53" fmla="*/ 882967 h 1402080"/>
                        <a:gd name="connsiteX54" fmla="*/ 130765 w 1249680"/>
                        <a:gd name="connsiteY54" fmla="*/ 864017 h 1402080"/>
                        <a:gd name="connsiteX55" fmla="*/ 108738 w 1249680"/>
                        <a:gd name="connsiteY55" fmla="*/ 897255 h 1402080"/>
                        <a:gd name="connsiteX56" fmla="*/ 111120 w 1249680"/>
                        <a:gd name="connsiteY56" fmla="*/ 840105 h 1402080"/>
                        <a:gd name="connsiteX57" fmla="*/ 92070 w 1249680"/>
                        <a:gd name="connsiteY57" fmla="*/ 835343 h 1402080"/>
                        <a:gd name="connsiteX58" fmla="*/ 80163 w 1249680"/>
                        <a:gd name="connsiteY58" fmla="*/ 906780 h 1402080"/>
                        <a:gd name="connsiteX59" fmla="*/ 58732 w 1249680"/>
                        <a:gd name="connsiteY59" fmla="*/ 911543 h 1402080"/>
                        <a:gd name="connsiteX60" fmla="*/ 70639 w 1249680"/>
                        <a:gd name="connsiteY60" fmla="*/ 825817 h 1402080"/>
                        <a:gd name="connsiteX61" fmla="*/ 122872 w 1249680"/>
                        <a:gd name="connsiteY61" fmla="*/ 819626 h 1402080"/>
                        <a:gd name="connsiteX62" fmla="*/ 125407 w 1249680"/>
                        <a:gd name="connsiteY62" fmla="*/ 799623 h 1402080"/>
                        <a:gd name="connsiteX63" fmla="*/ 78581 w 1249680"/>
                        <a:gd name="connsiteY63" fmla="*/ 799624 h 1402080"/>
                        <a:gd name="connsiteX64" fmla="*/ 82867 w 1249680"/>
                        <a:gd name="connsiteY64" fmla="*/ 761047 h 1402080"/>
                        <a:gd name="connsiteX65" fmla="*/ 142076 w 1249680"/>
                        <a:gd name="connsiteY65" fmla="*/ 742474 h 1402080"/>
                        <a:gd name="connsiteX66" fmla="*/ 130169 w 1249680"/>
                        <a:gd name="connsiteY66" fmla="*/ 716280 h 1402080"/>
                        <a:gd name="connsiteX67" fmla="*/ 48568 w 1249680"/>
                        <a:gd name="connsiteY67" fmla="*/ 756737 h 1402080"/>
                        <a:gd name="connsiteX68" fmla="*/ 29527 w 1249680"/>
                        <a:gd name="connsiteY68" fmla="*/ 718344 h 1402080"/>
                        <a:gd name="connsiteX69" fmla="*/ 104473 w 1249680"/>
                        <a:gd name="connsiteY69" fmla="*/ 693138 h 1402080"/>
                        <a:gd name="connsiteX70" fmla="*/ 77629 w 1249680"/>
                        <a:gd name="connsiteY70" fmla="*/ 617855 h 1402080"/>
                        <a:gd name="connsiteX71" fmla="*/ 39683 w 1249680"/>
                        <a:gd name="connsiteY71" fmla="*/ 611505 h 1402080"/>
                        <a:gd name="connsiteX72" fmla="*/ 0 w 1249680"/>
                        <a:gd name="connsiteY72"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66800 w 1249680"/>
                        <a:gd name="connsiteY36" fmla="*/ 1402080 h 1402080"/>
                        <a:gd name="connsiteX37" fmla="*/ 1025520 w 1249680"/>
                        <a:gd name="connsiteY37" fmla="*/ 1375886 h 1402080"/>
                        <a:gd name="connsiteX38" fmla="*/ 998220 w 1249680"/>
                        <a:gd name="connsiteY38" fmla="*/ 1356360 h 1402080"/>
                        <a:gd name="connsiteX39" fmla="*/ 877882 w 1249680"/>
                        <a:gd name="connsiteY39" fmla="*/ 1330643 h 1402080"/>
                        <a:gd name="connsiteX40" fmla="*/ 735007 w 1249680"/>
                        <a:gd name="connsiteY40" fmla="*/ 1299686 h 1402080"/>
                        <a:gd name="connsiteX41" fmla="*/ 504026 w 1249680"/>
                        <a:gd name="connsiteY41" fmla="*/ 1252061 h 1402080"/>
                        <a:gd name="connsiteX42" fmla="*/ 134932 w 1249680"/>
                        <a:gd name="connsiteY42" fmla="*/ 1171098 h 1402080"/>
                        <a:gd name="connsiteX43" fmla="*/ 143351 w 1249680"/>
                        <a:gd name="connsiteY43" fmla="*/ 1202532 h 1402080"/>
                        <a:gd name="connsiteX44" fmla="*/ 180975 w 1249680"/>
                        <a:gd name="connsiteY44" fmla="*/ 1200626 h 1402080"/>
                        <a:gd name="connsiteX45" fmla="*/ 163354 w 1249680"/>
                        <a:gd name="connsiteY45" fmla="*/ 1141095 h 1402080"/>
                        <a:gd name="connsiteX46" fmla="*/ 234791 w 1249680"/>
                        <a:gd name="connsiteY46" fmla="*/ 1096804 h 1402080"/>
                        <a:gd name="connsiteX47" fmla="*/ 249232 w 1249680"/>
                        <a:gd name="connsiteY47" fmla="*/ 1180623 h 1402080"/>
                        <a:gd name="connsiteX48" fmla="*/ 277807 w 1249680"/>
                        <a:gd name="connsiteY48" fmla="*/ 1190149 h 1402080"/>
                        <a:gd name="connsiteX49" fmla="*/ 292417 w 1249680"/>
                        <a:gd name="connsiteY49" fmla="*/ 1068705 h 1402080"/>
                        <a:gd name="connsiteX50" fmla="*/ 323051 w 1249680"/>
                        <a:gd name="connsiteY50" fmla="*/ 1078230 h 1402080"/>
                        <a:gd name="connsiteX51" fmla="*/ 294476 w 1249680"/>
                        <a:gd name="connsiteY51" fmla="*/ 944880 h 1402080"/>
                        <a:gd name="connsiteX52" fmla="*/ 258758 w 1249680"/>
                        <a:gd name="connsiteY52" fmla="*/ 961549 h 1402080"/>
                        <a:gd name="connsiteX53" fmla="*/ 149220 w 1249680"/>
                        <a:gd name="connsiteY53" fmla="*/ 909162 h 1402080"/>
                        <a:gd name="connsiteX54" fmla="*/ 158745 w 1249680"/>
                        <a:gd name="connsiteY54" fmla="*/ 882967 h 1402080"/>
                        <a:gd name="connsiteX55" fmla="*/ 130765 w 1249680"/>
                        <a:gd name="connsiteY55" fmla="*/ 864017 h 1402080"/>
                        <a:gd name="connsiteX56" fmla="*/ 108738 w 1249680"/>
                        <a:gd name="connsiteY56" fmla="*/ 897255 h 1402080"/>
                        <a:gd name="connsiteX57" fmla="*/ 111120 w 1249680"/>
                        <a:gd name="connsiteY57" fmla="*/ 840105 h 1402080"/>
                        <a:gd name="connsiteX58" fmla="*/ 92070 w 1249680"/>
                        <a:gd name="connsiteY58" fmla="*/ 835343 h 1402080"/>
                        <a:gd name="connsiteX59" fmla="*/ 80163 w 1249680"/>
                        <a:gd name="connsiteY59" fmla="*/ 906780 h 1402080"/>
                        <a:gd name="connsiteX60" fmla="*/ 58732 w 1249680"/>
                        <a:gd name="connsiteY60" fmla="*/ 911543 h 1402080"/>
                        <a:gd name="connsiteX61" fmla="*/ 70639 w 1249680"/>
                        <a:gd name="connsiteY61" fmla="*/ 825817 h 1402080"/>
                        <a:gd name="connsiteX62" fmla="*/ 122872 w 1249680"/>
                        <a:gd name="connsiteY62" fmla="*/ 819626 h 1402080"/>
                        <a:gd name="connsiteX63" fmla="*/ 125407 w 1249680"/>
                        <a:gd name="connsiteY63" fmla="*/ 799623 h 1402080"/>
                        <a:gd name="connsiteX64" fmla="*/ 78581 w 1249680"/>
                        <a:gd name="connsiteY64" fmla="*/ 799624 h 1402080"/>
                        <a:gd name="connsiteX65" fmla="*/ 82867 w 1249680"/>
                        <a:gd name="connsiteY65" fmla="*/ 761047 h 1402080"/>
                        <a:gd name="connsiteX66" fmla="*/ 142076 w 1249680"/>
                        <a:gd name="connsiteY66" fmla="*/ 742474 h 1402080"/>
                        <a:gd name="connsiteX67" fmla="*/ 130169 w 1249680"/>
                        <a:gd name="connsiteY67" fmla="*/ 716280 h 1402080"/>
                        <a:gd name="connsiteX68" fmla="*/ 48568 w 1249680"/>
                        <a:gd name="connsiteY68" fmla="*/ 756737 h 1402080"/>
                        <a:gd name="connsiteX69" fmla="*/ 29527 w 1249680"/>
                        <a:gd name="connsiteY69" fmla="*/ 718344 h 1402080"/>
                        <a:gd name="connsiteX70" fmla="*/ 104473 w 1249680"/>
                        <a:gd name="connsiteY70" fmla="*/ 693138 h 1402080"/>
                        <a:gd name="connsiteX71" fmla="*/ 77629 w 1249680"/>
                        <a:gd name="connsiteY71" fmla="*/ 617855 h 1402080"/>
                        <a:gd name="connsiteX72" fmla="*/ 39683 w 1249680"/>
                        <a:gd name="connsiteY72" fmla="*/ 611505 h 1402080"/>
                        <a:gd name="connsiteX73" fmla="*/ 0 w 1249680"/>
                        <a:gd name="connsiteY73"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18388 w 1249680"/>
                        <a:gd name="connsiteY35" fmla="*/ 1328261 h 1402080"/>
                        <a:gd name="connsiteX36" fmla="*/ 1089813 w 1249680"/>
                        <a:gd name="connsiteY36" fmla="*/ 1366361 h 1402080"/>
                        <a:gd name="connsiteX37" fmla="*/ 1066800 w 1249680"/>
                        <a:gd name="connsiteY37" fmla="*/ 1402080 h 1402080"/>
                        <a:gd name="connsiteX38" fmla="*/ 1025520 w 1249680"/>
                        <a:gd name="connsiteY38" fmla="*/ 1375886 h 1402080"/>
                        <a:gd name="connsiteX39" fmla="*/ 998220 w 1249680"/>
                        <a:gd name="connsiteY39" fmla="*/ 1356360 h 1402080"/>
                        <a:gd name="connsiteX40" fmla="*/ 877882 w 1249680"/>
                        <a:gd name="connsiteY40" fmla="*/ 1330643 h 1402080"/>
                        <a:gd name="connsiteX41" fmla="*/ 735007 w 1249680"/>
                        <a:gd name="connsiteY41" fmla="*/ 1299686 h 1402080"/>
                        <a:gd name="connsiteX42" fmla="*/ 504026 w 1249680"/>
                        <a:gd name="connsiteY42" fmla="*/ 1252061 h 1402080"/>
                        <a:gd name="connsiteX43" fmla="*/ 134932 w 1249680"/>
                        <a:gd name="connsiteY43" fmla="*/ 1171098 h 1402080"/>
                        <a:gd name="connsiteX44" fmla="*/ 143351 w 1249680"/>
                        <a:gd name="connsiteY44" fmla="*/ 1202532 h 1402080"/>
                        <a:gd name="connsiteX45" fmla="*/ 180975 w 1249680"/>
                        <a:gd name="connsiteY45" fmla="*/ 1200626 h 1402080"/>
                        <a:gd name="connsiteX46" fmla="*/ 163354 w 1249680"/>
                        <a:gd name="connsiteY46" fmla="*/ 1141095 h 1402080"/>
                        <a:gd name="connsiteX47" fmla="*/ 234791 w 1249680"/>
                        <a:gd name="connsiteY47" fmla="*/ 1096804 h 1402080"/>
                        <a:gd name="connsiteX48" fmla="*/ 249232 w 1249680"/>
                        <a:gd name="connsiteY48" fmla="*/ 1180623 h 1402080"/>
                        <a:gd name="connsiteX49" fmla="*/ 277807 w 1249680"/>
                        <a:gd name="connsiteY49" fmla="*/ 1190149 h 1402080"/>
                        <a:gd name="connsiteX50" fmla="*/ 292417 w 1249680"/>
                        <a:gd name="connsiteY50" fmla="*/ 1068705 h 1402080"/>
                        <a:gd name="connsiteX51" fmla="*/ 323051 w 1249680"/>
                        <a:gd name="connsiteY51" fmla="*/ 1078230 h 1402080"/>
                        <a:gd name="connsiteX52" fmla="*/ 294476 w 1249680"/>
                        <a:gd name="connsiteY52" fmla="*/ 944880 h 1402080"/>
                        <a:gd name="connsiteX53" fmla="*/ 258758 w 1249680"/>
                        <a:gd name="connsiteY53" fmla="*/ 961549 h 1402080"/>
                        <a:gd name="connsiteX54" fmla="*/ 149220 w 1249680"/>
                        <a:gd name="connsiteY54" fmla="*/ 909162 h 1402080"/>
                        <a:gd name="connsiteX55" fmla="*/ 158745 w 1249680"/>
                        <a:gd name="connsiteY55" fmla="*/ 882967 h 1402080"/>
                        <a:gd name="connsiteX56" fmla="*/ 130765 w 1249680"/>
                        <a:gd name="connsiteY56" fmla="*/ 864017 h 1402080"/>
                        <a:gd name="connsiteX57" fmla="*/ 108738 w 1249680"/>
                        <a:gd name="connsiteY57" fmla="*/ 897255 h 1402080"/>
                        <a:gd name="connsiteX58" fmla="*/ 111120 w 1249680"/>
                        <a:gd name="connsiteY58" fmla="*/ 840105 h 1402080"/>
                        <a:gd name="connsiteX59" fmla="*/ 92070 w 1249680"/>
                        <a:gd name="connsiteY59" fmla="*/ 835343 h 1402080"/>
                        <a:gd name="connsiteX60" fmla="*/ 80163 w 1249680"/>
                        <a:gd name="connsiteY60" fmla="*/ 906780 h 1402080"/>
                        <a:gd name="connsiteX61" fmla="*/ 58732 w 1249680"/>
                        <a:gd name="connsiteY61" fmla="*/ 911543 h 1402080"/>
                        <a:gd name="connsiteX62" fmla="*/ 70639 w 1249680"/>
                        <a:gd name="connsiteY62" fmla="*/ 825817 h 1402080"/>
                        <a:gd name="connsiteX63" fmla="*/ 122872 w 1249680"/>
                        <a:gd name="connsiteY63" fmla="*/ 819626 h 1402080"/>
                        <a:gd name="connsiteX64" fmla="*/ 125407 w 1249680"/>
                        <a:gd name="connsiteY64" fmla="*/ 799623 h 1402080"/>
                        <a:gd name="connsiteX65" fmla="*/ 78581 w 1249680"/>
                        <a:gd name="connsiteY65" fmla="*/ 799624 h 1402080"/>
                        <a:gd name="connsiteX66" fmla="*/ 82867 w 1249680"/>
                        <a:gd name="connsiteY66" fmla="*/ 761047 h 1402080"/>
                        <a:gd name="connsiteX67" fmla="*/ 142076 w 1249680"/>
                        <a:gd name="connsiteY67" fmla="*/ 742474 h 1402080"/>
                        <a:gd name="connsiteX68" fmla="*/ 130169 w 1249680"/>
                        <a:gd name="connsiteY68" fmla="*/ 716280 h 1402080"/>
                        <a:gd name="connsiteX69" fmla="*/ 48568 w 1249680"/>
                        <a:gd name="connsiteY69" fmla="*/ 756737 h 1402080"/>
                        <a:gd name="connsiteX70" fmla="*/ 29527 w 1249680"/>
                        <a:gd name="connsiteY70" fmla="*/ 718344 h 1402080"/>
                        <a:gd name="connsiteX71" fmla="*/ 104473 w 1249680"/>
                        <a:gd name="connsiteY71" fmla="*/ 693138 h 1402080"/>
                        <a:gd name="connsiteX72" fmla="*/ 77629 w 1249680"/>
                        <a:gd name="connsiteY72" fmla="*/ 617855 h 1402080"/>
                        <a:gd name="connsiteX73" fmla="*/ 39683 w 1249680"/>
                        <a:gd name="connsiteY73" fmla="*/ 611505 h 1402080"/>
                        <a:gd name="connsiteX74" fmla="*/ 0 w 1249680"/>
                        <a:gd name="connsiteY74"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165860 w 1249680"/>
                        <a:gd name="connsiteY34" fmla="*/ 1249680 h 1402080"/>
                        <a:gd name="connsiteX35" fmla="*/ 1144582 w 1249680"/>
                        <a:gd name="connsiteY35" fmla="*/ 1287780 h 1402080"/>
                        <a:gd name="connsiteX36" fmla="*/ 1118388 w 1249680"/>
                        <a:gd name="connsiteY36" fmla="*/ 1328261 h 1402080"/>
                        <a:gd name="connsiteX37" fmla="*/ 1089813 w 1249680"/>
                        <a:gd name="connsiteY37" fmla="*/ 1366361 h 1402080"/>
                        <a:gd name="connsiteX38" fmla="*/ 1066800 w 1249680"/>
                        <a:gd name="connsiteY38" fmla="*/ 1402080 h 1402080"/>
                        <a:gd name="connsiteX39" fmla="*/ 1025520 w 1249680"/>
                        <a:gd name="connsiteY39" fmla="*/ 1375886 h 1402080"/>
                        <a:gd name="connsiteX40" fmla="*/ 998220 w 1249680"/>
                        <a:gd name="connsiteY40" fmla="*/ 1356360 h 1402080"/>
                        <a:gd name="connsiteX41" fmla="*/ 877882 w 1249680"/>
                        <a:gd name="connsiteY41" fmla="*/ 1330643 h 1402080"/>
                        <a:gd name="connsiteX42" fmla="*/ 735007 w 1249680"/>
                        <a:gd name="connsiteY42" fmla="*/ 1299686 h 1402080"/>
                        <a:gd name="connsiteX43" fmla="*/ 504026 w 1249680"/>
                        <a:gd name="connsiteY43" fmla="*/ 1252061 h 1402080"/>
                        <a:gd name="connsiteX44" fmla="*/ 134932 w 1249680"/>
                        <a:gd name="connsiteY44" fmla="*/ 1171098 h 1402080"/>
                        <a:gd name="connsiteX45" fmla="*/ 143351 w 1249680"/>
                        <a:gd name="connsiteY45" fmla="*/ 1202532 h 1402080"/>
                        <a:gd name="connsiteX46" fmla="*/ 180975 w 1249680"/>
                        <a:gd name="connsiteY46" fmla="*/ 1200626 h 1402080"/>
                        <a:gd name="connsiteX47" fmla="*/ 163354 w 1249680"/>
                        <a:gd name="connsiteY47" fmla="*/ 1141095 h 1402080"/>
                        <a:gd name="connsiteX48" fmla="*/ 234791 w 1249680"/>
                        <a:gd name="connsiteY48" fmla="*/ 1096804 h 1402080"/>
                        <a:gd name="connsiteX49" fmla="*/ 249232 w 1249680"/>
                        <a:gd name="connsiteY49" fmla="*/ 1180623 h 1402080"/>
                        <a:gd name="connsiteX50" fmla="*/ 277807 w 1249680"/>
                        <a:gd name="connsiteY50" fmla="*/ 1190149 h 1402080"/>
                        <a:gd name="connsiteX51" fmla="*/ 292417 w 1249680"/>
                        <a:gd name="connsiteY51" fmla="*/ 1068705 h 1402080"/>
                        <a:gd name="connsiteX52" fmla="*/ 323051 w 1249680"/>
                        <a:gd name="connsiteY52" fmla="*/ 1078230 h 1402080"/>
                        <a:gd name="connsiteX53" fmla="*/ 294476 w 1249680"/>
                        <a:gd name="connsiteY53" fmla="*/ 944880 h 1402080"/>
                        <a:gd name="connsiteX54" fmla="*/ 258758 w 1249680"/>
                        <a:gd name="connsiteY54" fmla="*/ 961549 h 1402080"/>
                        <a:gd name="connsiteX55" fmla="*/ 149220 w 1249680"/>
                        <a:gd name="connsiteY55" fmla="*/ 909162 h 1402080"/>
                        <a:gd name="connsiteX56" fmla="*/ 158745 w 1249680"/>
                        <a:gd name="connsiteY56" fmla="*/ 882967 h 1402080"/>
                        <a:gd name="connsiteX57" fmla="*/ 130765 w 1249680"/>
                        <a:gd name="connsiteY57" fmla="*/ 864017 h 1402080"/>
                        <a:gd name="connsiteX58" fmla="*/ 108738 w 1249680"/>
                        <a:gd name="connsiteY58" fmla="*/ 897255 h 1402080"/>
                        <a:gd name="connsiteX59" fmla="*/ 111120 w 1249680"/>
                        <a:gd name="connsiteY59" fmla="*/ 840105 h 1402080"/>
                        <a:gd name="connsiteX60" fmla="*/ 92070 w 1249680"/>
                        <a:gd name="connsiteY60" fmla="*/ 835343 h 1402080"/>
                        <a:gd name="connsiteX61" fmla="*/ 80163 w 1249680"/>
                        <a:gd name="connsiteY61" fmla="*/ 906780 h 1402080"/>
                        <a:gd name="connsiteX62" fmla="*/ 58732 w 1249680"/>
                        <a:gd name="connsiteY62" fmla="*/ 911543 h 1402080"/>
                        <a:gd name="connsiteX63" fmla="*/ 70639 w 1249680"/>
                        <a:gd name="connsiteY63" fmla="*/ 825817 h 1402080"/>
                        <a:gd name="connsiteX64" fmla="*/ 122872 w 1249680"/>
                        <a:gd name="connsiteY64" fmla="*/ 819626 h 1402080"/>
                        <a:gd name="connsiteX65" fmla="*/ 125407 w 1249680"/>
                        <a:gd name="connsiteY65" fmla="*/ 799623 h 1402080"/>
                        <a:gd name="connsiteX66" fmla="*/ 78581 w 1249680"/>
                        <a:gd name="connsiteY66" fmla="*/ 799624 h 1402080"/>
                        <a:gd name="connsiteX67" fmla="*/ 82867 w 1249680"/>
                        <a:gd name="connsiteY67" fmla="*/ 761047 h 1402080"/>
                        <a:gd name="connsiteX68" fmla="*/ 142076 w 1249680"/>
                        <a:gd name="connsiteY68" fmla="*/ 742474 h 1402080"/>
                        <a:gd name="connsiteX69" fmla="*/ 130169 w 1249680"/>
                        <a:gd name="connsiteY69" fmla="*/ 716280 h 1402080"/>
                        <a:gd name="connsiteX70" fmla="*/ 48568 w 1249680"/>
                        <a:gd name="connsiteY70" fmla="*/ 756737 h 1402080"/>
                        <a:gd name="connsiteX71" fmla="*/ 29527 w 1249680"/>
                        <a:gd name="connsiteY71" fmla="*/ 718344 h 1402080"/>
                        <a:gd name="connsiteX72" fmla="*/ 104473 w 1249680"/>
                        <a:gd name="connsiteY72" fmla="*/ 693138 h 1402080"/>
                        <a:gd name="connsiteX73" fmla="*/ 77629 w 1249680"/>
                        <a:gd name="connsiteY73" fmla="*/ 617855 h 1402080"/>
                        <a:gd name="connsiteX74" fmla="*/ 39683 w 1249680"/>
                        <a:gd name="connsiteY74" fmla="*/ 611505 h 1402080"/>
                        <a:gd name="connsiteX75" fmla="*/ 0 w 1249680"/>
                        <a:gd name="connsiteY75"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89660 w 1249680"/>
                        <a:gd name="connsiteY32" fmla="*/ 1135380 h 1402080"/>
                        <a:gd name="connsiteX33" fmla="*/ 1013460 w 1249680"/>
                        <a:gd name="connsiteY33" fmla="*/ 1143000 h 1402080"/>
                        <a:gd name="connsiteX34" fmla="*/ 1092195 w 1249680"/>
                        <a:gd name="connsiteY34" fmla="*/ 1199674 h 1402080"/>
                        <a:gd name="connsiteX35" fmla="*/ 1165860 w 1249680"/>
                        <a:gd name="connsiteY35" fmla="*/ 1249680 h 1402080"/>
                        <a:gd name="connsiteX36" fmla="*/ 1144582 w 1249680"/>
                        <a:gd name="connsiteY36" fmla="*/ 1287780 h 1402080"/>
                        <a:gd name="connsiteX37" fmla="*/ 1118388 w 1249680"/>
                        <a:gd name="connsiteY37" fmla="*/ 1328261 h 1402080"/>
                        <a:gd name="connsiteX38" fmla="*/ 1089813 w 1249680"/>
                        <a:gd name="connsiteY38" fmla="*/ 1366361 h 1402080"/>
                        <a:gd name="connsiteX39" fmla="*/ 1066800 w 1249680"/>
                        <a:gd name="connsiteY39" fmla="*/ 1402080 h 1402080"/>
                        <a:gd name="connsiteX40" fmla="*/ 1025520 w 1249680"/>
                        <a:gd name="connsiteY40" fmla="*/ 1375886 h 1402080"/>
                        <a:gd name="connsiteX41" fmla="*/ 998220 w 1249680"/>
                        <a:gd name="connsiteY41" fmla="*/ 1356360 h 1402080"/>
                        <a:gd name="connsiteX42" fmla="*/ 877882 w 1249680"/>
                        <a:gd name="connsiteY42" fmla="*/ 1330643 h 1402080"/>
                        <a:gd name="connsiteX43" fmla="*/ 735007 w 1249680"/>
                        <a:gd name="connsiteY43" fmla="*/ 1299686 h 1402080"/>
                        <a:gd name="connsiteX44" fmla="*/ 504026 w 1249680"/>
                        <a:gd name="connsiteY44" fmla="*/ 1252061 h 1402080"/>
                        <a:gd name="connsiteX45" fmla="*/ 134932 w 1249680"/>
                        <a:gd name="connsiteY45" fmla="*/ 1171098 h 1402080"/>
                        <a:gd name="connsiteX46" fmla="*/ 143351 w 1249680"/>
                        <a:gd name="connsiteY46" fmla="*/ 1202532 h 1402080"/>
                        <a:gd name="connsiteX47" fmla="*/ 180975 w 1249680"/>
                        <a:gd name="connsiteY47" fmla="*/ 1200626 h 1402080"/>
                        <a:gd name="connsiteX48" fmla="*/ 163354 w 1249680"/>
                        <a:gd name="connsiteY48" fmla="*/ 1141095 h 1402080"/>
                        <a:gd name="connsiteX49" fmla="*/ 234791 w 1249680"/>
                        <a:gd name="connsiteY49" fmla="*/ 1096804 h 1402080"/>
                        <a:gd name="connsiteX50" fmla="*/ 249232 w 1249680"/>
                        <a:gd name="connsiteY50" fmla="*/ 1180623 h 1402080"/>
                        <a:gd name="connsiteX51" fmla="*/ 277807 w 1249680"/>
                        <a:gd name="connsiteY51" fmla="*/ 1190149 h 1402080"/>
                        <a:gd name="connsiteX52" fmla="*/ 292417 w 1249680"/>
                        <a:gd name="connsiteY52" fmla="*/ 1068705 h 1402080"/>
                        <a:gd name="connsiteX53" fmla="*/ 323051 w 1249680"/>
                        <a:gd name="connsiteY53" fmla="*/ 1078230 h 1402080"/>
                        <a:gd name="connsiteX54" fmla="*/ 294476 w 1249680"/>
                        <a:gd name="connsiteY54" fmla="*/ 944880 h 1402080"/>
                        <a:gd name="connsiteX55" fmla="*/ 258758 w 1249680"/>
                        <a:gd name="connsiteY55" fmla="*/ 961549 h 1402080"/>
                        <a:gd name="connsiteX56" fmla="*/ 149220 w 1249680"/>
                        <a:gd name="connsiteY56" fmla="*/ 909162 h 1402080"/>
                        <a:gd name="connsiteX57" fmla="*/ 158745 w 1249680"/>
                        <a:gd name="connsiteY57" fmla="*/ 882967 h 1402080"/>
                        <a:gd name="connsiteX58" fmla="*/ 130765 w 1249680"/>
                        <a:gd name="connsiteY58" fmla="*/ 864017 h 1402080"/>
                        <a:gd name="connsiteX59" fmla="*/ 108738 w 1249680"/>
                        <a:gd name="connsiteY59" fmla="*/ 897255 h 1402080"/>
                        <a:gd name="connsiteX60" fmla="*/ 111120 w 1249680"/>
                        <a:gd name="connsiteY60" fmla="*/ 840105 h 1402080"/>
                        <a:gd name="connsiteX61" fmla="*/ 92070 w 1249680"/>
                        <a:gd name="connsiteY61" fmla="*/ 835343 h 1402080"/>
                        <a:gd name="connsiteX62" fmla="*/ 80163 w 1249680"/>
                        <a:gd name="connsiteY62" fmla="*/ 906780 h 1402080"/>
                        <a:gd name="connsiteX63" fmla="*/ 58732 w 1249680"/>
                        <a:gd name="connsiteY63" fmla="*/ 911543 h 1402080"/>
                        <a:gd name="connsiteX64" fmla="*/ 70639 w 1249680"/>
                        <a:gd name="connsiteY64" fmla="*/ 825817 h 1402080"/>
                        <a:gd name="connsiteX65" fmla="*/ 122872 w 1249680"/>
                        <a:gd name="connsiteY65" fmla="*/ 819626 h 1402080"/>
                        <a:gd name="connsiteX66" fmla="*/ 125407 w 1249680"/>
                        <a:gd name="connsiteY66" fmla="*/ 799623 h 1402080"/>
                        <a:gd name="connsiteX67" fmla="*/ 78581 w 1249680"/>
                        <a:gd name="connsiteY67" fmla="*/ 799624 h 1402080"/>
                        <a:gd name="connsiteX68" fmla="*/ 82867 w 1249680"/>
                        <a:gd name="connsiteY68" fmla="*/ 761047 h 1402080"/>
                        <a:gd name="connsiteX69" fmla="*/ 142076 w 1249680"/>
                        <a:gd name="connsiteY69" fmla="*/ 742474 h 1402080"/>
                        <a:gd name="connsiteX70" fmla="*/ 130169 w 1249680"/>
                        <a:gd name="connsiteY70" fmla="*/ 716280 h 1402080"/>
                        <a:gd name="connsiteX71" fmla="*/ 48568 w 1249680"/>
                        <a:gd name="connsiteY71" fmla="*/ 756737 h 1402080"/>
                        <a:gd name="connsiteX72" fmla="*/ 29527 w 1249680"/>
                        <a:gd name="connsiteY72" fmla="*/ 718344 h 1402080"/>
                        <a:gd name="connsiteX73" fmla="*/ 104473 w 1249680"/>
                        <a:gd name="connsiteY73" fmla="*/ 693138 h 1402080"/>
                        <a:gd name="connsiteX74" fmla="*/ 77629 w 1249680"/>
                        <a:gd name="connsiteY74" fmla="*/ 617855 h 1402080"/>
                        <a:gd name="connsiteX75" fmla="*/ 39683 w 1249680"/>
                        <a:gd name="connsiteY75" fmla="*/ 611505 h 1402080"/>
                        <a:gd name="connsiteX76" fmla="*/ 0 w 1249680"/>
                        <a:gd name="connsiteY76"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504026 w 1249680"/>
                        <a:gd name="connsiteY45" fmla="*/ 125206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735007 w 1249680"/>
                        <a:gd name="connsiteY44" fmla="*/ 12996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877882 w 1249680"/>
                        <a:gd name="connsiteY43" fmla="*/ 1330643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998220 w 1249680"/>
                        <a:gd name="connsiteY42" fmla="*/ 1356360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1025520 w 1249680"/>
                        <a:gd name="connsiteY41" fmla="*/ 1375886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1144582 w 1249680"/>
                        <a:gd name="connsiteY37" fmla="*/ 1287780 h 1402080"/>
                        <a:gd name="connsiteX38" fmla="*/ 1118388 w 1249680"/>
                        <a:gd name="connsiteY38" fmla="*/ 1328261 h 1402080"/>
                        <a:gd name="connsiteX39" fmla="*/ 1089813 w 1249680"/>
                        <a:gd name="connsiteY39" fmla="*/ 1366361 h 1402080"/>
                        <a:gd name="connsiteX40" fmla="*/ 1066800 w 1249680"/>
                        <a:gd name="connsiteY40" fmla="*/ 1402080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66361"/>
                        <a:gd name="connsiteX1" fmla="*/ 259080 w 1249680"/>
                        <a:gd name="connsiteY1" fmla="*/ 381000 h 1366361"/>
                        <a:gd name="connsiteX2" fmla="*/ 266700 w 1249680"/>
                        <a:gd name="connsiteY2" fmla="*/ 266700 h 1366361"/>
                        <a:gd name="connsiteX3" fmla="*/ 358140 w 1249680"/>
                        <a:gd name="connsiteY3" fmla="*/ 259080 h 1366361"/>
                        <a:gd name="connsiteX4" fmla="*/ 388620 w 1249680"/>
                        <a:gd name="connsiteY4" fmla="*/ 266700 h 1366361"/>
                        <a:gd name="connsiteX5" fmla="*/ 449580 w 1249680"/>
                        <a:gd name="connsiteY5" fmla="*/ 266700 h 1366361"/>
                        <a:gd name="connsiteX6" fmla="*/ 533400 w 1249680"/>
                        <a:gd name="connsiteY6" fmla="*/ 144780 h 1366361"/>
                        <a:gd name="connsiteX7" fmla="*/ 655320 w 1249680"/>
                        <a:gd name="connsiteY7" fmla="*/ 167640 h 1366361"/>
                        <a:gd name="connsiteX8" fmla="*/ 830580 w 1249680"/>
                        <a:gd name="connsiteY8" fmla="*/ 114300 h 1366361"/>
                        <a:gd name="connsiteX9" fmla="*/ 822960 w 1249680"/>
                        <a:gd name="connsiteY9" fmla="*/ 45720 h 1366361"/>
                        <a:gd name="connsiteX10" fmla="*/ 906780 w 1249680"/>
                        <a:gd name="connsiteY10" fmla="*/ 0 h 1366361"/>
                        <a:gd name="connsiteX11" fmla="*/ 937260 w 1249680"/>
                        <a:gd name="connsiteY11" fmla="*/ 0 h 1366361"/>
                        <a:gd name="connsiteX12" fmla="*/ 944880 w 1249680"/>
                        <a:gd name="connsiteY12" fmla="*/ 76200 h 1366361"/>
                        <a:gd name="connsiteX13" fmla="*/ 1013460 w 1249680"/>
                        <a:gd name="connsiteY13" fmla="*/ 99060 h 1366361"/>
                        <a:gd name="connsiteX14" fmla="*/ 982980 w 1249680"/>
                        <a:gd name="connsiteY14" fmla="*/ 167640 h 1366361"/>
                        <a:gd name="connsiteX15" fmla="*/ 1005840 w 1249680"/>
                        <a:gd name="connsiteY15" fmla="*/ 190500 h 1366361"/>
                        <a:gd name="connsiteX16" fmla="*/ 967740 w 1249680"/>
                        <a:gd name="connsiteY16" fmla="*/ 297180 h 1366361"/>
                        <a:gd name="connsiteX17" fmla="*/ 975360 w 1249680"/>
                        <a:gd name="connsiteY17" fmla="*/ 320040 h 1366361"/>
                        <a:gd name="connsiteX18" fmla="*/ 1043940 w 1249680"/>
                        <a:gd name="connsiteY18" fmla="*/ 388620 h 1366361"/>
                        <a:gd name="connsiteX19" fmla="*/ 1165860 w 1249680"/>
                        <a:gd name="connsiteY19" fmla="*/ 403860 h 1366361"/>
                        <a:gd name="connsiteX20" fmla="*/ 1173480 w 1249680"/>
                        <a:gd name="connsiteY20" fmla="*/ 441960 h 1366361"/>
                        <a:gd name="connsiteX21" fmla="*/ 1249680 w 1249680"/>
                        <a:gd name="connsiteY21" fmla="*/ 419100 h 1366361"/>
                        <a:gd name="connsiteX22" fmla="*/ 1219200 w 1249680"/>
                        <a:gd name="connsiteY22" fmla="*/ 495300 h 1366361"/>
                        <a:gd name="connsiteX23" fmla="*/ 1135380 w 1249680"/>
                        <a:gd name="connsiteY23" fmla="*/ 586740 h 1366361"/>
                        <a:gd name="connsiteX24" fmla="*/ 1021080 w 1249680"/>
                        <a:gd name="connsiteY24" fmla="*/ 632460 h 1366361"/>
                        <a:gd name="connsiteX25" fmla="*/ 1013460 w 1249680"/>
                        <a:gd name="connsiteY25" fmla="*/ 723900 h 1366361"/>
                        <a:gd name="connsiteX26" fmla="*/ 1005840 w 1249680"/>
                        <a:gd name="connsiteY26" fmla="*/ 769620 h 1366361"/>
                        <a:gd name="connsiteX27" fmla="*/ 975360 w 1249680"/>
                        <a:gd name="connsiteY27" fmla="*/ 807720 h 1366361"/>
                        <a:gd name="connsiteX28" fmla="*/ 1013460 w 1249680"/>
                        <a:gd name="connsiteY28" fmla="*/ 845820 h 1366361"/>
                        <a:gd name="connsiteX29" fmla="*/ 998220 w 1249680"/>
                        <a:gd name="connsiteY29" fmla="*/ 906780 h 1366361"/>
                        <a:gd name="connsiteX30" fmla="*/ 998220 w 1249680"/>
                        <a:gd name="connsiteY30" fmla="*/ 960120 h 1366361"/>
                        <a:gd name="connsiteX31" fmla="*/ 1097280 w 1249680"/>
                        <a:gd name="connsiteY31" fmla="*/ 1051560 h 1366361"/>
                        <a:gd name="connsiteX32" fmla="*/ 1096957 w 1249680"/>
                        <a:gd name="connsiteY32" fmla="*/ 1085374 h 1366361"/>
                        <a:gd name="connsiteX33" fmla="*/ 1089660 w 1249680"/>
                        <a:gd name="connsiteY33" fmla="*/ 1135380 h 1366361"/>
                        <a:gd name="connsiteX34" fmla="*/ 1013460 w 1249680"/>
                        <a:gd name="connsiteY34" fmla="*/ 1143000 h 1366361"/>
                        <a:gd name="connsiteX35" fmla="*/ 1092195 w 1249680"/>
                        <a:gd name="connsiteY35" fmla="*/ 1199674 h 1366361"/>
                        <a:gd name="connsiteX36" fmla="*/ 1165860 w 1249680"/>
                        <a:gd name="connsiteY36" fmla="*/ 1249680 h 1366361"/>
                        <a:gd name="connsiteX37" fmla="*/ 1144582 w 1249680"/>
                        <a:gd name="connsiteY37" fmla="*/ 1287780 h 1366361"/>
                        <a:gd name="connsiteX38" fmla="*/ 1118388 w 1249680"/>
                        <a:gd name="connsiteY38" fmla="*/ 1328261 h 1366361"/>
                        <a:gd name="connsiteX39" fmla="*/ 1089813 w 1249680"/>
                        <a:gd name="connsiteY39" fmla="*/ 1366361 h 1366361"/>
                        <a:gd name="connsiteX40" fmla="*/ 264318 w 1249680"/>
                        <a:gd name="connsiteY40" fmla="*/ 1323499 h 1366361"/>
                        <a:gd name="connsiteX41" fmla="*/ 280189 w 1249680"/>
                        <a:gd name="connsiteY41" fmla="*/ 1304448 h 1366361"/>
                        <a:gd name="connsiteX42" fmla="*/ 219551 w 1249680"/>
                        <a:gd name="connsiteY42" fmla="*/ 1273016 h 1366361"/>
                        <a:gd name="connsiteX43" fmla="*/ 223038 w 1249680"/>
                        <a:gd name="connsiteY43" fmla="*/ 1230630 h 1366361"/>
                        <a:gd name="connsiteX44" fmla="*/ 127788 w 1249680"/>
                        <a:gd name="connsiteY44" fmla="*/ 1223486 h 1366361"/>
                        <a:gd name="connsiteX45" fmla="*/ 123026 w 1249680"/>
                        <a:gd name="connsiteY45" fmla="*/ 1156811 h 1366361"/>
                        <a:gd name="connsiteX46" fmla="*/ 134932 w 1249680"/>
                        <a:gd name="connsiteY46" fmla="*/ 1171098 h 1366361"/>
                        <a:gd name="connsiteX47" fmla="*/ 143351 w 1249680"/>
                        <a:gd name="connsiteY47" fmla="*/ 1202532 h 1366361"/>
                        <a:gd name="connsiteX48" fmla="*/ 180975 w 1249680"/>
                        <a:gd name="connsiteY48" fmla="*/ 1200626 h 1366361"/>
                        <a:gd name="connsiteX49" fmla="*/ 163354 w 1249680"/>
                        <a:gd name="connsiteY49" fmla="*/ 1141095 h 1366361"/>
                        <a:gd name="connsiteX50" fmla="*/ 234791 w 1249680"/>
                        <a:gd name="connsiteY50" fmla="*/ 1096804 h 1366361"/>
                        <a:gd name="connsiteX51" fmla="*/ 249232 w 1249680"/>
                        <a:gd name="connsiteY51" fmla="*/ 1180623 h 1366361"/>
                        <a:gd name="connsiteX52" fmla="*/ 277807 w 1249680"/>
                        <a:gd name="connsiteY52" fmla="*/ 1190149 h 1366361"/>
                        <a:gd name="connsiteX53" fmla="*/ 292417 w 1249680"/>
                        <a:gd name="connsiteY53" fmla="*/ 1068705 h 1366361"/>
                        <a:gd name="connsiteX54" fmla="*/ 323051 w 1249680"/>
                        <a:gd name="connsiteY54" fmla="*/ 1078230 h 1366361"/>
                        <a:gd name="connsiteX55" fmla="*/ 294476 w 1249680"/>
                        <a:gd name="connsiteY55" fmla="*/ 944880 h 1366361"/>
                        <a:gd name="connsiteX56" fmla="*/ 258758 w 1249680"/>
                        <a:gd name="connsiteY56" fmla="*/ 961549 h 1366361"/>
                        <a:gd name="connsiteX57" fmla="*/ 149220 w 1249680"/>
                        <a:gd name="connsiteY57" fmla="*/ 909162 h 1366361"/>
                        <a:gd name="connsiteX58" fmla="*/ 158745 w 1249680"/>
                        <a:gd name="connsiteY58" fmla="*/ 882967 h 1366361"/>
                        <a:gd name="connsiteX59" fmla="*/ 130765 w 1249680"/>
                        <a:gd name="connsiteY59" fmla="*/ 864017 h 1366361"/>
                        <a:gd name="connsiteX60" fmla="*/ 108738 w 1249680"/>
                        <a:gd name="connsiteY60" fmla="*/ 897255 h 1366361"/>
                        <a:gd name="connsiteX61" fmla="*/ 111120 w 1249680"/>
                        <a:gd name="connsiteY61" fmla="*/ 840105 h 1366361"/>
                        <a:gd name="connsiteX62" fmla="*/ 92070 w 1249680"/>
                        <a:gd name="connsiteY62" fmla="*/ 835343 h 1366361"/>
                        <a:gd name="connsiteX63" fmla="*/ 80163 w 1249680"/>
                        <a:gd name="connsiteY63" fmla="*/ 906780 h 1366361"/>
                        <a:gd name="connsiteX64" fmla="*/ 58732 w 1249680"/>
                        <a:gd name="connsiteY64" fmla="*/ 911543 h 1366361"/>
                        <a:gd name="connsiteX65" fmla="*/ 70639 w 1249680"/>
                        <a:gd name="connsiteY65" fmla="*/ 825817 h 1366361"/>
                        <a:gd name="connsiteX66" fmla="*/ 122872 w 1249680"/>
                        <a:gd name="connsiteY66" fmla="*/ 819626 h 1366361"/>
                        <a:gd name="connsiteX67" fmla="*/ 125407 w 1249680"/>
                        <a:gd name="connsiteY67" fmla="*/ 799623 h 1366361"/>
                        <a:gd name="connsiteX68" fmla="*/ 78581 w 1249680"/>
                        <a:gd name="connsiteY68" fmla="*/ 799624 h 1366361"/>
                        <a:gd name="connsiteX69" fmla="*/ 82867 w 1249680"/>
                        <a:gd name="connsiteY69" fmla="*/ 761047 h 1366361"/>
                        <a:gd name="connsiteX70" fmla="*/ 142076 w 1249680"/>
                        <a:gd name="connsiteY70" fmla="*/ 742474 h 1366361"/>
                        <a:gd name="connsiteX71" fmla="*/ 130169 w 1249680"/>
                        <a:gd name="connsiteY71" fmla="*/ 716280 h 1366361"/>
                        <a:gd name="connsiteX72" fmla="*/ 48568 w 1249680"/>
                        <a:gd name="connsiteY72" fmla="*/ 756737 h 1366361"/>
                        <a:gd name="connsiteX73" fmla="*/ 29527 w 1249680"/>
                        <a:gd name="connsiteY73" fmla="*/ 718344 h 1366361"/>
                        <a:gd name="connsiteX74" fmla="*/ 104473 w 1249680"/>
                        <a:gd name="connsiteY74" fmla="*/ 693138 h 1366361"/>
                        <a:gd name="connsiteX75" fmla="*/ 77629 w 1249680"/>
                        <a:gd name="connsiteY75" fmla="*/ 617855 h 1366361"/>
                        <a:gd name="connsiteX76" fmla="*/ 39683 w 1249680"/>
                        <a:gd name="connsiteY76" fmla="*/ 611505 h 1366361"/>
                        <a:gd name="connsiteX77" fmla="*/ 0 w 1249680"/>
                        <a:gd name="connsiteY77" fmla="*/ 541020 h 1366361"/>
                        <a:gd name="connsiteX0" fmla="*/ 0 w 1249680"/>
                        <a:gd name="connsiteY0" fmla="*/ 541020 h 1328261"/>
                        <a:gd name="connsiteX1" fmla="*/ 259080 w 1249680"/>
                        <a:gd name="connsiteY1" fmla="*/ 381000 h 1328261"/>
                        <a:gd name="connsiteX2" fmla="*/ 266700 w 1249680"/>
                        <a:gd name="connsiteY2" fmla="*/ 266700 h 1328261"/>
                        <a:gd name="connsiteX3" fmla="*/ 358140 w 1249680"/>
                        <a:gd name="connsiteY3" fmla="*/ 259080 h 1328261"/>
                        <a:gd name="connsiteX4" fmla="*/ 388620 w 1249680"/>
                        <a:gd name="connsiteY4" fmla="*/ 266700 h 1328261"/>
                        <a:gd name="connsiteX5" fmla="*/ 449580 w 1249680"/>
                        <a:gd name="connsiteY5" fmla="*/ 266700 h 1328261"/>
                        <a:gd name="connsiteX6" fmla="*/ 533400 w 1249680"/>
                        <a:gd name="connsiteY6" fmla="*/ 144780 h 1328261"/>
                        <a:gd name="connsiteX7" fmla="*/ 655320 w 1249680"/>
                        <a:gd name="connsiteY7" fmla="*/ 167640 h 1328261"/>
                        <a:gd name="connsiteX8" fmla="*/ 830580 w 1249680"/>
                        <a:gd name="connsiteY8" fmla="*/ 114300 h 1328261"/>
                        <a:gd name="connsiteX9" fmla="*/ 822960 w 1249680"/>
                        <a:gd name="connsiteY9" fmla="*/ 45720 h 1328261"/>
                        <a:gd name="connsiteX10" fmla="*/ 906780 w 1249680"/>
                        <a:gd name="connsiteY10" fmla="*/ 0 h 1328261"/>
                        <a:gd name="connsiteX11" fmla="*/ 937260 w 1249680"/>
                        <a:gd name="connsiteY11" fmla="*/ 0 h 1328261"/>
                        <a:gd name="connsiteX12" fmla="*/ 944880 w 1249680"/>
                        <a:gd name="connsiteY12" fmla="*/ 76200 h 1328261"/>
                        <a:gd name="connsiteX13" fmla="*/ 1013460 w 1249680"/>
                        <a:gd name="connsiteY13" fmla="*/ 99060 h 1328261"/>
                        <a:gd name="connsiteX14" fmla="*/ 982980 w 1249680"/>
                        <a:gd name="connsiteY14" fmla="*/ 167640 h 1328261"/>
                        <a:gd name="connsiteX15" fmla="*/ 1005840 w 1249680"/>
                        <a:gd name="connsiteY15" fmla="*/ 190500 h 1328261"/>
                        <a:gd name="connsiteX16" fmla="*/ 967740 w 1249680"/>
                        <a:gd name="connsiteY16" fmla="*/ 297180 h 1328261"/>
                        <a:gd name="connsiteX17" fmla="*/ 975360 w 1249680"/>
                        <a:gd name="connsiteY17" fmla="*/ 320040 h 1328261"/>
                        <a:gd name="connsiteX18" fmla="*/ 1043940 w 1249680"/>
                        <a:gd name="connsiteY18" fmla="*/ 388620 h 1328261"/>
                        <a:gd name="connsiteX19" fmla="*/ 1165860 w 1249680"/>
                        <a:gd name="connsiteY19" fmla="*/ 403860 h 1328261"/>
                        <a:gd name="connsiteX20" fmla="*/ 1173480 w 1249680"/>
                        <a:gd name="connsiteY20" fmla="*/ 441960 h 1328261"/>
                        <a:gd name="connsiteX21" fmla="*/ 1249680 w 1249680"/>
                        <a:gd name="connsiteY21" fmla="*/ 419100 h 1328261"/>
                        <a:gd name="connsiteX22" fmla="*/ 1219200 w 1249680"/>
                        <a:gd name="connsiteY22" fmla="*/ 495300 h 1328261"/>
                        <a:gd name="connsiteX23" fmla="*/ 1135380 w 1249680"/>
                        <a:gd name="connsiteY23" fmla="*/ 586740 h 1328261"/>
                        <a:gd name="connsiteX24" fmla="*/ 1021080 w 1249680"/>
                        <a:gd name="connsiteY24" fmla="*/ 632460 h 1328261"/>
                        <a:gd name="connsiteX25" fmla="*/ 1013460 w 1249680"/>
                        <a:gd name="connsiteY25" fmla="*/ 723900 h 1328261"/>
                        <a:gd name="connsiteX26" fmla="*/ 1005840 w 1249680"/>
                        <a:gd name="connsiteY26" fmla="*/ 769620 h 1328261"/>
                        <a:gd name="connsiteX27" fmla="*/ 975360 w 1249680"/>
                        <a:gd name="connsiteY27" fmla="*/ 807720 h 1328261"/>
                        <a:gd name="connsiteX28" fmla="*/ 1013460 w 1249680"/>
                        <a:gd name="connsiteY28" fmla="*/ 845820 h 1328261"/>
                        <a:gd name="connsiteX29" fmla="*/ 998220 w 1249680"/>
                        <a:gd name="connsiteY29" fmla="*/ 906780 h 1328261"/>
                        <a:gd name="connsiteX30" fmla="*/ 998220 w 1249680"/>
                        <a:gd name="connsiteY30" fmla="*/ 960120 h 1328261"/>
                        <a:gd name="connsiteX31" fmla="*/ 1097280 w 1249680"/>
                        <a:gd name="connsiteY31" fmla="*/ 1051560 h 1328261"/>
                        <a:gd name="connsiteX32" fmla="*/ 1096957 w 1249680"/>
                        <a:gd name="connsiteY32" fmla="*/ 1085374 h 1328261"/>
                        <a:gd name="connsiteX33" fmla="*/ 1089660 w 1249680"/>
                        <a:gd name="connsiteY33" fmla="*/ 1135380 h 1328261"/>
                        <a:gd name="connsiteX34" fmla="*/ 1013460 w 1249680"/>
                        <a:gd name="connsiteY34" fmla="*/ 1143000 h 1328261"/>
                        <a:gd name="connsiteX35" fmla="*/ 1092195 w 1249680"/>
                        <a:gd name="connsiteY35" fmla="*/ 1199674 h 1328261"/>
                        <a:gd name="connsiteX36" fmla="*/ 1165860 w 1249680"/>
                        <a:gd name="connsiteY36" fmla="*/ 1249680 h 1328261"/>
                        <a:gd name="connsiteX37" fmla="*/ 1144582 w 1249680"/>
                        <a:gd name="connsiteY37" fmla="*/ 1287780 h 1328261"/>
                        <a:gd name="connsiteX38" fmla="*/ 1118388 w 1249680"/>
                        <a:gd name="connsiteY38" fmla="*/ 1328261 h 1328261"/>
                        <a:gd name="connsiteX39" fmla="*/ 184938 w 1249680"/>
                        <a:gd name="connsiteY39" fmla="*/ 1299686 h 1328261"/>
                        <a:gd name="connsiteX40" fmla="*/ 264318 w 1249680"/>
                        <a:gd name="connsiteY40" fmla="*/ 1323499 h 1328261"/>
                        <a:gd name="connsiteX41" fmla="*/ 280189 w 1249680"/>
                        <a:gd name="connsiteY41" fmla="*/ 1304448 h 1328261"/>
                        <a:gd name="connsiteX42" fmla="*/ 219551 w 1249680"/>
                        <a:gd name="connsiteY42" fmla="*/ 1273016 h 1328261"/>
                        <a:gd name="connsiteX43" fmla="*/ 223038 w 1249680"/>
                        <a:gd name="connsiteY43" fmla="*/ 1230630 h 1328261"/>
                        <a:gd name="connsiteX44" fmla="*/ 127788 w 1249680"/>
                        <a:gd name="connsiteY44" fmla="*/ 1223486 h 1328261"/>
                        <a:gd name="connsiteX45" fmla="*/ 123026 w 1249680"/>
                        <a:gd name="connsiteY45" fmla="*/ 1156811 h 1328261"/>
                        <a:gd name="connsiteX46" fmla="*/ 134932 w 1249680"/>
                        <a:gd name="connsiteY46" fmla="*/ 1171098 h 1328261"/>
                        <a:gd name="connsiteX47" fmla="*/ 143351 w 1249680"/>
                        <a:gd name="connsiteY47" fmla="*/ 1202532 h 1328261"/>
                        <a:gd name="connsiteX48" fmla="*/ 180975 w 1249680"/>
                        <a:gd name="connsiteY48" fmla="*/ 1200626 h 1328261"/>
                        <a:gd name="connsiteX49" fmla="*/ 163354 w 1249680"/>
                        <a:gd name="connsiteY49" fmla="*/ 1141095 h 1328261"/>
                        <a:gd name="connsiteX50" fmla="*/ 234791 w 1249680"/>
                        <a:gd name="connsiteY50" fmla="*/ 1096804 h 1328261"/>
                        <a:gd name="connsiteX51" fmla="*/ 249232 w 1249680"/>
                        <a:gd name="connsiteY51" fmla="*/ 1180623 h 1328261"/>
                        <a:gd name="connsiteX52" fmla="*/ 277807 w 1249680"/>
                        <a:gd name="connsiteY52" fmla="*/ 1190149 h 1328261"/>
                        <a:gd name="connsiteX53" fmla="*/ 292417 w 1249680"/>
                        <a:gd name="connsiteY53" fmla="*/ 1068705 h 1328261"/>
                        <a:gd name="connsiteX54" fmla="*/ 323051 w 1249680"/>
                        <a:gd name="connsiteY54" fmla="*/ 1078230 h 1328261"/>
                        <a:gd name="connsiteX55" fmla="*/ 294476 w 1249680"/>
                        <a:gd name="connsiteY55" fmla="*/ 944880 h 1328261"/>
                        <a:gd name="connsiteX56" fmla="*/ 258758 w 1249680"/>
                        <a:gd name="connsiteY56" fmla="*/ 961549 h 1328261"/>
                        <a:gd name="connsiteX57" fmla="*/ 149220 w 1249680"/>
                        <a:gd name="connsiteY57" fmla="*/ 909162 h 1328261"/>
                        <a:gd name="connsiteX58" fmla="*/ 158745 w 1249680"/>
                        <a:gd name="connsiteY58" fmla="*/ 882967 h 1328261"/>
                        <a:gd name="connsiteX59" fmla="*/ 130765 w 1249680"/>
                        <a:gd name="connsiteY59" fmla="*/ 864017 h 1328261"/>
                        <a:gd name="connsiteX60" fmla="*/ 108738 w 1249680"/>
                        <a:gd name="connsiteY60" fmla="*/ 897255 h 1328261"/>
                        <a:gd name="connsiteX61" fmla="*/ 111120 w 1249680"/>
                        <a:gd name="connsiteY61" fmla="*/ 840105 h 1328261"/>
                        <a:gd name="connsiteX62" fmla="*/ 92070 w 1249680"/>
                        <a:gd name="connsiteY62" fmla="*/ 835343 h 1328261"/>
                        <a:gd name="connsiteX63" fmla="*/ 80163 w 1249680"/>
                        <a:gd name="connsiteY63" fmla="*/ 906780 h 1328261"/>
                        <a:gd name="connsiteX64" fmla="*/ 58732 w 1249680"/>
                        <a:gd name="connsiteY64" fmla="*/ 911543 h 1328261"/>
                        <a:gd name="connsiteX65" fmla="*/ 70639 w 1249680"/>
                        <a:gd name="connsiteY65" fmla="*/ 825817 h 1328261"/>
                        <a:gd name="connsiteX66" fmla="*/ 122872 w 1249680"/>
                        <a:gd name="connsiteY66" fmla="*/ 819626 h 1328261"/>
                        <a:gd name="connsiteX67" fmla="*/ 125407 w 1249680"/>
                        <a:gd name="connsiteY67" fmla="*/ 799623 h 1328261"/>
                        <a:gd name="connsiteX68" fmla="*/ 78581 w 1249680"/>
                        <a:gd name="connsiteY68" fmla="*/ 799624 h 1328261"/>
                        <a:gd name="connsiteX69" fmla="*/ 82867 w 1249680"/>
                        <a:gd name="connsiteY69" fmla="*/ 761047 h 1328261"/>
                        <a:gd name="connsiteX70" fmla="*/ 142076 w 1249680"/>
                        <a:gd name="connsiteY70" fmla="*/ 742474 h 1328261"/>
                        <a:gd name="connsiteX71" fmla="*/ 130169 w 1249680"/>
                        <a:gd name="connsiteY71" fmla="*/ 716280 h 1328261"/>
                        <a:gd name="connsiteX72" fmla="*/ 48568 w 1249680"/>
                        <a:gd name="connsiteY72" fmla="*/ 756737 h 1328261"/>
                        <a:gd name="connsiteX73" fmla="*/ 29527 w 1249680"/>
                        <a:gd name="connsiteY73" fmla="*/ 718344 h 1328261"/>
                        <a:gd name="connsiteX74" fmla="*/ 104473 w 1249680"/>
                        <a:gd name="connsiteY74" fmla="*/ 693138 h 1328261"/>
                        <a:gd name="connsiteX75" fmla="*/ 77629 w 1249680"/>
                        <a:gd name="connsiteY75" fmla="*/ 617855 h 1328261"/>
                        <a:gd name="connsiteX76" fmla="*/ 39683 w 1249680"/>
                        <a:gd name="connsiteY76" fmla="*/ 611505 h 1328261"/>
                        <a:gd name="connsiteX77" fmla="*/ 0 w 1249680"/>
                        <a:gd name="connsiteY77" fmla="*/ 541020 h 1328261"/>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144582 w 1249680"/>
                        <a:gd name="connsiteY37" fmla="*/ 128778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23499"/>
                        <a:gd name="connsiteX1" fmla="*/ 259080 w 1249680"/>
                        <a:gd name="connsiteY1" fmla="*/ 381000 h 1323499"/>
                        <a:gd name="connsiteX2" fmla="*/ 266700 w 1249680"/>
                        <a:gd name="connsiteY2" fmla="*/ 266700 h 1323499"/>
                        <a:gd name="connsiteX3" fmla="*/ 358140 w 1249680"/>
                        <a:gd name="connsiteY3" fmla="*/ 259080 h 1323499"/>
                        <a:gd name="connsiteX4" fmla="*/ 388620 w 1249680"/>
                        <a:gd name="connsiteY4" fmla="*/ 266700 h 1323499"/>
                        <a:gd name="connsiteX5" fmla="*/ 449580 w 1249680"/>
                        <a:gd name="connsiteY5" fmla="*/ 266700 h 1323499"/>
                        <a:gd name="connsiteX6" fmla="*/ 533400 w 1249680"/>
                        <a:gd name="connsiteY6" fmla="*/ 144780 h 1323499"/>
                        <a:gd name="connsiteX7" fmla="*/ 655320 w 1249680"/>
                        <a:gd name="connsiteY7" fmla="*/ 167640 h 1323499"/>
                        <a:gd name="connsiteX8" fmla="*/ 830580 w 1249680"/>
                        <a:gd name="connsiteY8" fmla="*/ 114300 h 1323499"/>
                        <a:gd name="connsiteX9" fmla="*/ 822960 w 1249680"/>
                        <a:gd name="connsiteY9" fmla="*/ 45720 h 1323499"/>
                        <a:gd name="connsiteX10" fmla="*/ 906780 w 1249680"/>
                        <a:gd name="connsiteY10" fmla="*/ 0 h 1323499"/>
                        <a:gd name="connsiteX11" fmla="*/ 937260 w 1249680"/>
                        <a:gd name="connsiteY11" fmla="*/ 0 h 1323499"/>
                        <a:gd name="connsiteX12" fmla="*/ 944880 w 1249680"/>
                        <a:gd name="connsiteY12" fmla="*/ 76200 h 1323499"/>
                        <a:gd name="connsiteX13" fmla="*/ 1013460 w 1249680"/>
                        <a:gd name="connsiteY13" fmla="*/ 99060 h 1323499"/>
                        <a:gd name="connsiteX14" fmla="*/ 982980 w 1249680"/>
                        <a:gd name="connsiteY14" fmla="*/ 167640 h 1323499"/>
                        <a:gd name="connsiteX15" fmla="*/ 1005840 w 1249680"/>
                        <a:gd name="connsiteY15" fmla="*/ 190500 h 1323499"/>
                        <a:gd name="connsiteX16" fmla="*/ 967740 w 1249680"/>
                        <a:gd name="connsiteY16" fmla="*/ 297180 h 1323499"/>
                        <a:gd name="connsiteX17" fmla="*/ 975360 w 1249680"/>
                        <a:gd name="connsiteY17" fmla="*/ 320040 h 1323499"/>
                        <a:gd name="connsiteX18" fmla="*/ 1043940 w 1249680"/>
                        <a:gd name="connsiteY18" fmla="*/ 388620 h 1323499"/>
                        <a:gd name="connsiteX19" fmla="*/ 1165860 w 1249680"/>
                        <a:gd name="connsiteY19" fmla="*/ 403860 h 1323499"/>
                        <a:gd name="connsiteX20" fmla="*/ 1173480 w 1249680"/>
                        <a:gd name="connsiteY20" fmla="*/ 441960 h 1323499"/>
                        <a:gd name="connsiteX21" fmla="*/ 1249680 w 1249680"/>
                        <a:gd name="connsiteY21" fmla="*/ 419100 h 1323499"/>
                        <a:gd name="connsiteX22" fmla="*/ 1219200 w 1249680"/>
                        <a:gd name="connsiteY22" fmla="*/ 495300 h 1323499"/>
                        <a:gd name="connsiteX23" fmla="*/ 1135380 w 1249680"/>
                        <a:gd name="connsiteY23" fmla="*/ 586740 h 1323499"/>
                        <a:gd name="connsiteX24" fmla="*/ 1021080 w 1249680"/>
                        <a:gd name="connsiteY24" fmla="*/ 632460 h 1323499"/>
                        <a:gd name="connsiteX25" fmla="*/ 1013460 w 1249680"/>
                        <a:gd name="connsiteY25" fmla="*/ 723900 h 1323499"/>
                        <a:gd name="connsiteX26" fmla="*/ 1005840 w 1249680"/>
                        <a:gd name="connsiteY26" fmla="*/ 769620 h 1323499"/>
                        <a:gd name="connsiteX27" fmla="*/ 975360 w 1249680"/>
                        <a:gd name="connsiteY27" fmla="*/ 807720 h 1323499"/>
                        <a:gd name="connsiteX28" fmla="*/ 1013460 w 1249680"/>
                        <a:gd name="connsiteY28" fmla="*/ 845820 h 1323499"/>
                        <a:gd name="connsiteX29" fmla="*/ 998220 w 1249680"/>
                        <a:gd name="connsiteY29" fmla="*/ 906780 h 1323499"/>
                        <a:gd name="connsiteX30" fmla="*/ 998220 w 1249680"/>
                        <a:gd name="connsiteY30" fmla="*/ 960120 h 1323499"/>
                        <a:gd name="connsiteX31" fmla="*/ 1097280 w 1249680"/>
                        <a:gd name="connsiteY31" fmla="*/ 1051560 h 1323499"/>
                        <a:gd name="connsiteX32" fmla="*/ 1096957 w 1249680"/>
                        <a:gd name="connsiteY32" fmla="*/ 1085374 h 1323499"/>
                        <a:gd name="connsiteX33" fmla="*/ 1089660 w 1249680"/>
                        <a:gd name="connsiteY33" fmla="*/ 1135380 h 1323499"/>
                        <a:gd name="connsiteX34" fmla="*/ 1013460 w 1249680"/>
                        <a:gd name="connsiteY34" fmla="*/ 1143000 h 1323499"/>
                        <a:gd name="connsiteX35" fmla="*/ 1092195 w 1249680"/>
                        <a:gd name="connsiteY35" fmla="*/ 1199674 h 1323499"/>
                        <a:gd name="connsiteX36" fmla="*/ 1165860 w 1249680"/>
                        <a:gd name="connsiteY36" fmla="*/ 1249680 h 1323499"/>
                        <a:gd name="connsiteX37" fmla="*/ 123026 w 1249680"/>
                        <a:gd name="connsiteY37" fmla="*/ 1268730 h 1323499"/>
                        <a:gd name="connsiteX38" fmla="*/ 196844 w 1249680"/>
                        <a:gd name="connsiteY38" fmla="*/ 1283018 h 1323499"/>
                        <a:gd name="connsiteX39" fmla="*/ 184938 w 1249680"/>
                        <a:gd name="connsiteY39" fmla="*/ 1299686 h 1323499"/>
                        <a:gd name="connsiteX40" fmla="*/ 264318 w 1249680"/>
                        <a:gd name="connsiteY40" fmla="*/ 1323499 h 1323499"/>
                        <a:gd name="connsiteX41" fmla="*/ 280189 w 1249680"/>
                        <a:gd name="connsiteY41" fmla="*/ 1304448 h 1323499"/>
                        <a:gd name="connsiteX42" fmla="*/ 219551 w 1249680"/>
                        <a:gd name="connsiteY42" fmla="*/ 1273016 h 1323499"/>
                        <a:gd name="connsiteX43" fmla="*/ 223038 w 1249680"/>
                        <a:gd name="connsiteY43" fmla="*/ 1230630 h 1323499"/>
                        <a:gd name="connsiteX44" fmla="*/ 127788 w 1249680"/>
                        <a:gd name="connsiteY44" fmla="*/ 1223486 h 1323499"/>
                        <a:gd name="connsiteX45" fmla="*/ 123026 w 1249680"/>
                        <a:gd name="connsiteY45" fmla="*/ 1156811 h 1323499"/>
                        <a:gd name="connsiteX46" fmla="*/ 134932 w 1249680"/>
                        <a:gd name="connsiteY46" fmla="*/ 1171098 h 1323499"/>
                        <a:gd name="connsiteX47" fmla="*/ 143351 w 1249680"/>
                        <a:gd name="connsiteY47" fmla="*/ 1202532 h 1323499"/>
                        <a:gd name="connsiteX48" fmla="*/ 180975 w 1249680"/>
                        <a:gd name="connsiteY48" fmla="*/ 1200626 h 1323499"/>
                        <a:gd name="connsiteX49" fmla="*/ 163354 w 1249680"/>
                        <a:gd name="connsiteY49" fmla="*/ 1141095 h 1323499"/>
                        <a:gd name="connsiteX50" fmla="*/ 234791 w 1249680"/>
                        <a:gd name="connsiteY50" fmla="*/ 1096804 h 1323499"/>
                        <a:gd name="connsiteX51" fmla="*/ 249232 w 1249680"/>
                        <a:gd name="connsiteY51" fmla="*/ 1180623 h 1323499"/>
                        <a:gd name="connsiteX52" fmla="*/ 277807 w 1249680"/>
                        <a:gd name="connsiteY52" fmla="*/ 1190149 h 1323499"/>
                        <a:gd name="connsiteX53" fmla="*/ 292417 w 1249680"/>
                        <a:gd name="connsiteY53" fmla="*/ 1068705 h 1323499"/>
                        <a:gd name="connsiteX54" fmla="*/ 323051 w 1249680"/>
                        <a:gd name="connsiteY54" fmla="*/ 1078230 h 1323499"/>
                        <a:gd name="connsiteX55" fmla="*/ 294476 w 1249680"/>
                        <a:gd name="connsiteY55" fmla="*/ 944880 h 1323499"/>
                        <a:gd name="connsiteX56" fmla="*/ 258758 w 1249680"/>
                        <a:gd name="connsiteY56" fmla="*/ 961549 h 1323499"/>
                        <a:gd name="connsiteX57" fmla="*/ 149220 w 1249680"/>
                        <a:gd name="connsiteY57" fmla="*/ 909162 h 1323499"/>
                        <a:gd name="connsiteX58" fmla="*/ 158745 w 1249680"/>
                        <a:gd name="connsiteY58" fmla="*/ 882967 h 1323499"/>
                        <a:gd name="connsiteX59" fmla="*/ 130765 w 1249680"/>
                        <a:gd name="connsiteY59" fmla="*/ 864017 h 1323499"/>
                        <a:gd name="connsiteX60" fmla="*/ 108738 w 1249680"/>
                        <a:gd name="connsiteY60" fmla="*/ 897255 h 1323499"/>
                        <a:gd name="connsiteX61" fmla="*/ 111120 w 1249680"/>
                        <a:gd name="connsiteY61" fmla="*/ 840105 h 1323499"/>
                        <a:gd name="connsiteX62" fmla="*/ 92070 w 1249680"/>
                        <a:gd name="connsiteY62" fmla="*/ 835343 h 1323499"/>
                        <a:gd name="connsiteX63" fmla="*/ 80163 w 1249680"/>
                        <a:gd name="connsiteY63" fmla="*/ 906780 h 1323499"/>
                        <a:gd name="connsiteX64" fmla="*/ 58732 w 1249680"/>
                        <a:gd name="connsiteY64" fmla="*/ 911543 h 1323499"/>
                        <a:gd name="connsiteX65" fmla="*/ 70639 w 1249680"/>
                        <a:gd name="connsiteY65" fmla="*/ 825817 h 1323499"/>
                        <a:gd name="connsiteX66" fmla="*/ 122872 w 1249680"/>
                        <a:gd name="connsiteY66" fmla="*/ 819626 h 1323499"/>
                        <a:gd name="connsiteX67" fmla="*/ 125407 w 1249680"/>
                        <a:gd name="connsiteY67" fmla="*/ 799623 h 1323499"/>
                        <a:gd name="connsiteX68" fmla="*/ 78581 w 1249680"/>
                        <a:gd name="connsiteY68" fmla="*/ 799624 h 1323499"/>
                        <a:gd name="connsiteX69" fmla="*/ 82867 w 1249680"/>
                        <a:gd name="connsiteY69" fmla="*/ 761047 h 1323499"/>
                        <a:gd name="connsiteX70" fmla="*/ 142076 w 1249680"/>
                        <a:gd name="connsiteY70" fmla="*/ 742474 h 1323499"/>
                        <a:gd name="connsiteX71" fmla="*/ 130169 w 1249680"/>
                        <a:gd name="connsiteY71" fmla="*/ 716280 h 1323499"/>
                        <a:gd name="connsiteX72" fmla="*/ 48568 w 1249680"/>
                        <a:gd name="connsiteY72" fmla="*/ 756737 h 1323499"/>
                        <a:gd name="connsiteX73" fmla="*/ 29527 w 1249680"/>
                        <a:gd name="connsiteY73" fmla="*/ 718344 h 1323499"/>
                        <a:gd name="connsiteX74" fmla="*/ 104473 w 1249680"/>
                        <a:gd name="connsiteY74" fmla="*/ 693138 h 1323499"/>
                        <a:gd name="connsiteX75" fmla="*/ 77629 w 1249680"/>
                        <a:gd name="connsiteY75" fmla="*/ 617855 h 1323499"/>
                        <a:gd name="connsiteX76" fmla="*/ 39683 w 1249680"/>
                        <a:gd name="connsiteY76" fmla="*/ 611505 h 1323499"/>
                        <a:gd name="connsiteX77" fmla="*/ 0 w 1249680"/>
                        <a:gd name="connsiteY77" fmla="*/ 541020 h 1323499"/>
                        <a:gd name="connsiteX0" fmla="*/ 0 w 1249680"/>
                        <a:gd name="connsiteY0" fmla="*/ 541020 h 1340366"/>
                        <a:gd name="connsiteX1" fmla="*/ 259080 w 1249680"/>
                        <a:gd name="connsiteY1" fmla="*/ 381000 h 1340366"/>
                        <a:gd name="connsiteX2" fmla="*/ 266700 w 1249680"/>
                        <a:gd name="connsiteY2" fmla="*/ 266700 h 1340366"/>
                        <a:gd name="connsiteX3" fmla="*/ 358140 w 1249680"/>
                        <a:gd name="connsiteY3" fmla="*/ 259080 h 1340366"/>
                        <a:gd name="connsiteX4" fmla="*/ 388620 w 1249680"/>
                        <a:gd name="connsiteY4" fmla="*/ 266700 h 1340366"/>
                        <a:gd name="connsiteX5" fmla="*/ 449580 w 1249680"/>
                        <a:gd name="connsiteY5" fmla="*/ 266700 h 1340366"/>
                        <a:gd name="connsiteX6" fmla="*/ 533400 w 1249680"/>
                        <a:gd name="connsiteY6" fmla="*/ 144780 h 1340366"/>
                        <a:gd name="connsiteX7" fmla="*/ 655320 w 1249680"/>
                        <a:gd name="connsiteY7" fmla="*/ 167640 h 1340366"/>
                        <a:gd name="connsiteX8" fmla="*/ 830580 w 1249680"/>
                        <a:gd name="connsiteY8" fmla="*/ 114300 h 1340366"/>
                        <a:gd name="connsiteX9" fmla="*/ 822960 w 1249680"/>
                        <a:gd name="connsiteY9" fmla="*/ 45720 h 1340366"/>
                        <a:gd name="connsiteX10" fmla="*/ 906780 w 1249680"/>
                        <a:gd name="connsiteY10" fmla="*/ 0 h 1340366"/>
                        <a:gd name="connsiteX11" fmla="*/ 937260 w 1249680"/>
                        <a:gd name="connsiteY11" fmla="*/ 0 h 1340366"/>
                        <a:gd name="connsiteX12" fmla="*/ 944880 w 1249680"/>
                        <a:gd name="connsiteY12" fmla="*/ 76200 h 1340366"/>
                        <a:gd name="connsiteX13" fmla="*/ 1013460 w 1249680"/>
                        <a:gd name="connsiteY13" fmla="*/ 99060 h 1340366"/>
                        <a:gd name="connsiteX14" fmla="*/ 982980 w 1249680"/>
                        <a:gd name="connsiteY14" fmla="*/ 167640 h 1340366"/>
                        <a:gd name="connsiteX15" fmla="*/ 1005840 w 1249680"/>
                        <a:gd name="connsiteY15" fmla="*/ 190500 h 1340366"/>
                        <a:gd name="connsiteX16" fmla="*/ 967740 w 1249680"/>
                        <a:gd name="connsiteY16" fmla="*/ 297180 h 1340366"/>
                        <a:gd name="connsiteX17" fmla="*/ 975360 w 1249680"/>
                        <a:gd name="connsiteY17" fmla="*/ 320040 h 1340366"/>
                        <a:gd name="connsiteX18" fmla="*/ 1043940 w 1249680"/>
                        <a:gd name="connsiteY18" fmla="*/ 388620 h 1340366"/>
                        <a:gd name="connsiteX19" fmla="*/ 1165860 w 1249680"/>
                        <a:gd name="connsiteY19" fmla="*/ 403860 h 1340366"/>
                        <a:gd name="connsiteX20" fmla="*/ 1173480 w 1249680"/>
                        <a:gd name="connsiteY20" fmla="*/ 441960 h 1340366"/>
                        <a:gd name="connsiteX21" fmla="*/ 1249680 w 1249680"/>
                        <a:gd name="connsiteY21" fmla="*/ 419100 h 1340366"/>
                        <a:gd name="connsiteX22" fmla="*/ 1219200 w 1249680"/>
                        <a:gd name="connsiteY22" fmla="*/ 495300 h 1340366"/>
                        <a:gd name="connsiteX23" fmla="*/ 1135380 w 1249680"/>
                        <a:gd name="connsiteY23" fmla="*/ 586740 h 1340366"/>
                        <a:gd name="connsiteX24" fmla="*/ 1021080 w 1249680"/>
                        <a:gd name="connsiteY24" fmla="*/ 632460 h 1340366"/>
                        <a:gd name="connsiteX25" fmla="*/ 1013460 w 1249680"/>
                        <a:gd name="connsiteY25" fmla="*/ 723900 h 1340366"/>
                        <a:gd name="connsiteX26" fmla="*/ 1005840 w 1249680"/>
                        <a:gd name="connsiteY26" fmla="*/ 769620 h 1340366"/>
                        <a:gd name="connsiteX27" fmla="*/ 975360 w 1249680"/>
                        <a:gd name="connsiteY27" fmla="*/ 807720 h 1340366"/>
                        <a:gd name="connsiteX28" fmla="*/ 1013460 w 1249680"/>
                        <a:gd name="connsiteY28" fmla="*/ 845820 h 1340366"/>
                        <a:gd name="connsiteX29" fmla="*/ 998220 w 1249680"/>
                        <a:gd name="connsiteY29" fmla="*/ 906780 h 1340366"/>
                        <a:gd name="connsiteX30" fmla="*/ 998220 w 1249680"/>
                        <a:gd name="connsiteY30" fmla="*/ 960120 h 1340366"/>
                        <a:gd name="connsiteX31" fmla="*/ 1097280 w 1249680"/>
                        <a:gd name="connsiteY31" fmla="*/ 1051560 h 1340366"/>
                        <a:gd name="connsiteX32" fmla="*/ 1096957 w 1249680"/>
                        <a:gd name="connsiteY32" fmla="*/ 1085374 h 1340366"/>
                        <a:gd name="connsiteX33" fmla="*/ 1089660 w 1249680"/>
                        <a:gd name="connsiteY33" fmla="*/ 1135380 h 1340366"/>
                        <a:gd name="connsiteX34" fmla="*/ 1013460 w 1249680"/>
                        <a:gd name="connsiteY34" fmla="*/ 1143000 h 1340366"/>
                        <a:gd name="connsiteX35" fmla="*/ 1092195 w 1249680"/>
                        <a:gd name="connsiteY35" fmla="*/ 1199674 h 1340366"/>
                        <a:gd name="connsiteX36" fmla="*/ 1165860 w 1249680"/>
                        <a:gd name="connsiteY36" fmla="*/ 1249680 h 1340366"/>
                        <a:gd name="connsiteX37" fmla="*/ 935628 w 1249680"/>
                        <a:gd name="connsiteY37" fmla="*/ 1340366 h 1340366"/>
                        <a:gd name="connsiteX38" fmla="*/ 196844 w 1249680"/>
                        <a:gd name="connsiteY38" fmla="*/ 1283018 h 1340366"/>
                        <a:gd name="connsiteX39" fmla="*/ 184938 w 1249680"/>
                        <a:gd name="connsiteY39" fmla="*/ 1299686 h 1340366"/>
                        <a:gd name="connsiteX40" fmla="*/ 264318 w 1249680"/>
                        <a:gd name="connsiteY40" fmla="*/ 1323499 h 1340366"/>
                        <a:gd name="connsiteX41" fmla="*/ 280189 w 1249680"/>
                        <a:gd name="connsiteY41" fmla="*/ 1304448 h 1340366"/>
                        <a:gd name="connsiteX42" fmla="*/ 219551 w 1249680"/>
                        <a:gd name="connsiteY42" fmla="*/ 1273016 h 1340366"/>
                        <a:gd name="connsiteX43" fmla="*/ 223038 w 1249680"/>
                        <a:gd name="connsiteY43" fmla="*/ 1230630 h 1340366"/>
                        <a:gd name="connsiteX44" fmla="*/ 127788 w 1249680"/>
                        <a:gd name="connsiteY44" fmla="*/ 1223486 h 1340366"/>
                        <a:gd name="connsiteX45" fmla="*/ 123026 w 1249680"/>
                        <a:gd name="connsiteY45" fmla="*/ 1156811 h 1340366"/>
                        <a:gd name="connsiteX46" fmla="*/ 134932 w 1249680"/>
                        <a:gd name="connsiteY46" fmla="*/ 1171098 h 1340366"/>
                        <a:gd name="connsiteX47" fmla="*/ 143351 w 1249680"/>
                        <a:gd name="connsiteY47" fmla="*/ 1202532 h 1340366"/>
                        <a:gd name="connsiteX48" fmla="*/ 180975 w 1249680"/>
                        <a:gd name="connsiteY48" fmla="*/ 1200626 h 1340366"/>
                        <a:gd name="connsiteX49" fmla="*/ 163354 w 1249680"/>
                        <a:gd name="connsiteY49" fmla="*/ 1141095 h 1340366"/>
                        <a:gd name="connsiteX50" fmla="*/ 234791 w 1249680"/>
                        <a:gd name="connsiteY50" fmla="*/ 1096804 h 1340366"/>
                        <a:gd name="connsiteX51" fmla="*/ 249232 w 1249680"/>
                        <a:gd name="connsiteY51" fmla="*/ 1180623 h 1340366"/>
                        <a:gd name="connsiteX52" fmla="*/ 277807 w 1249680"/>
                        <a:gd name="connsiteY52" fmla="*/ 1190149 h 1340366"/>
                        <a:gd name="connsiteX53" fmla="*/ 292417 w 1249680"/>
                        <a:gd name="connsiteY53" fmla="*/ 1068705 h 1340366"/>
                        <a:gd name="connsiteX54" fmla="*/ 323051 w 1249680"/>
                        <a:gd name="connsiteY54" fmla="*/ 1078230 h 1340366"/>
                        <a:gd name="connsiteX55" fmla="*/ 294476 w 1249680"/>
                        <a:gd name="connsiteY55" fmla="*/ 944880 h 1340366"/>
                        <a:gd name="connsiteX56" fmla="*/ 258758 w 1249680"/>
                        <a:gd name="connsiteY56" fmla="*/ 961549 h 1340366"/>
                        <a:gd name="connsiteX57" fmla="*/ 149220 w 1249680"/>
                        <a:gd name="connsiteY57" fmla="*/ 909162 h 1340366"/>
                        <a:gd name="connsiteX58" fmla="*/ 158745 w 1249680"/>
                        <a:gd name="connsiteY58" fmla="*/ 882967 h 1340366"/>
                        <a:gd name="connsiteX59" fmla="*/ 130765 w 1249680"/>
                        <a:gd name="connsiteY59" fmla="*/ 864017 h 1340366"/>
                        <a:gd name="connsiteX60" fmla="*/ 108738 w 1249680"/>
                        <a:gd name="connsiteY60" fmla="*/ 897255 h 1340366"/>
                        <a:gd name="connsiteX61" fmla="*/ 111120 w 1249680"/>
                        <a:gd name="connsiteY61" fmla="*/ 840105 h 1340366"/>
                        <a:gd name="connsiteX62" fmla="*/ 92070 w 1249680"/>
                        <a:gd name="connsiteY62" fmla="*/ 835343 h 1340366"/>
                        <a:gd name="connsiteX63" fmla="*/ 80163 w 1249680"/>
                        <a:gd name="connsiteY63" fmla="*/ 906780 h 1340366"/>
                        <a:gd name="connsiteX64" fmla="*/ 58732 w 1249680"/>
                        <a:gd name="connsiteY64" fmla="*/ 911543 h 1340366"/>
                        <a:gd name="connsiteX65" fmla="*/ 70639 w 1249680"/>
                        <a:gd name="connsiteY65" fmla="*/ 825817 h 1340366"/>
                        <a:gd name="connsiteX66" fmla="*/ 122872 w 1249680"/>
                        <a:gd name="connsiteY66" fmla="*/ 819626 h 1340366"/>
                        <a:gd name="connsiteX67" fmla="*/ 125407 w 1249680"/>
                        <a:gd name="connsiteY67" fmla="*/ 799623 h 1340366"/>
                        <a:gd name="connsiteX68" fmla="*/ 78581 w 1249680"/>
                        <a:gd name="connsiteY68" fmla="*/ 799624 h 1340366"/>
                        <a:gd name="connsiteX69" fmla="*/ 82867 w 1249680"/>
                        <a:gd name="connsiteY69" fmla="*/ 761047 h 1340366"/>
                        <a:gd name="connsiteX70" fmla="*/ 142076 w 1249680"/>
                        <a:gd name="connsiteY70" fmla="*/ 742474 h 1340366"/>
                        <a:gd name="connsiteX71" fmla="*/ 130169 w 1249680"/>
                        <a:gd name="connsiteY71" fmla="*/ 716280 h 1340366"/>
                        <a:gd name="connsiteX72" fmla="*/ 48568 w 1249680"/>
                        <a:gd name="connsiteY72" fmla="*/ 756737 h 1340366"/>
                        <a:gd name="connsiteX73" fmla="*/ 29527 w 1249680"/>
                        <a:gd name="connsiteY73" fmla="*/ 718344 h 1340366"/>
                        <a:gd name="connsiteX74" fmla="*/ 104473 w 1249680"/>
                        <a:gd name="connsiteY74" fmla="*/ 693138 h 1340366"/>
                        <a:gd name="connsiteX75" fmla="*/ 77629 w 1249680"/>
                        <a:gd name="connsiteY75" fmla="*/ 617855 h 1340366"/>
                        <a:gd name="connsiteX76" fmla="*/ 39683 w 1249680"/>
                        <a:gd name="connsiteY76" fmla="*/ 611505 h 1340366"/>
                        <a:gd name="connsiteX77" fmla="*/ 0 w 1249680"/>
                        <a:gd name="connsiteY77" fmla="*/ 541020 h 1340366"/>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184938 w 1249680"/>
                        <a:gd name="connsiteY39" fmla="*/ 1299686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219551 w 1249680"/>
                        <a:gd name="connsiteY42" fmla="*/ 1273016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402080"/>
                        <a:gd name="connsiteX1" fmla="*/ 259080 w 1249680"/>
                        <a:gd name="connsiteY1" fmla="*/ 381000 h 1402080"/>
                        <a:gd name="connsiteX2" fmla="*/ 266700 w 1249680"/>
                        <a:gd name="connsiteY2" fmla="*/ 266700 h 1402080"/>
                        <a:gd name="connsiteX3" fmla="*/ 358140 w 1249680"/>
                        <a:gd name="connsiteY3" fmla="*/ 259080 h 1402080"/>
                        <a:gd name="connsiteX4" fmla="*/ 388620 w 1249680"/>
                        <a:gd name="connsiteY4" fmla="*/ 266700 h 1402080"/>
                        <a:gd name="connsiteX5" fmla="*/ 449580 w 1249680"/>
                        <a:gd name="connsiteY5" fmla="*/ 266700 h 1402080"/>
                        <a:gd name="connsiteX6" fmla="*/ 533400 w 1249680"/>
                        <a:gd name="connsiteY6" fmla="*/ 144780 h 1402080"/>
                        <a:gd name="connsiteX7" fmla="*/ 655320 w 1249680"/>
                        <a:gd name="connsiteY7" fmla="*/ 167640 h 1402080"/>
                        <a:gd name="connsiteX8" fmla="*/ 830580 w 1249680"/>
                        <a:gd name="connsiteY8" fmla="*/ 114300 h 1402080"/>
                        <a:gd name="connsiteX9" fmla="*/ 822960 w 1249680"/>
                        <a:gd name="connsiteY9" fmla="*/ 45720 h 1402080"/>
                        <a:gd name="connsiteX10" fmla="*/ 906780 w 1249680"/>
                        <a:gd name="connsiteY10" fmla="*/ 0 h 1402080"/>
                        <a:gd name="connsiteX11" fmla="*/ 937260 w 1249680"/>
                        <a:gd name="connsiteY11" fmla="*/ 0 h 1402080"/>
                        <a:gd name="connsiteX12" fmla="*/ 944880 w 1249680"/>
                        <a:gd name="connsiteY12" fmla="*/ 76200 h 1402080"/>
                        <a:gd name="connsiteX13" fmla="*/ 1013460 w 1249680"/>
                        <a:gd name="connsiteY13" fmla="*/ 99060 h 1402080"/>
                        <a:gd name="connsiteX14" fmla="*/ 982980 w 1249680"/>
                        <a:gd name="connsiteY14" fmla="*/ 167640 h 1402080"/>
                        <a:gd name="connsiteX15" fmla="*/ 1005840 w 1249680"/>
                        <a:gd name="connsiteY15" fmla="*/ 190500 h 1402080"/>
                        <a:gd name="connsiteX16" fmla="*/ 967740 w 1249680"/>
                        <a:gd name="connsiteY16" fmla="*/ 297180 h 1402080"/>
                        <a:gd name="connsiteX17" fmla="*/ 975360 w 1249680"/>
                        <a:gd name="connsiteY17" fmla="*/ 320040 h 1402080"/>
                        <a:gd name="connsiteX18" fmla="*/ 1043940 w 1249680"/>
                        <a:gd name="connsiteY18" fmla="*/ 388620 h 1402080"/>
                        <a:gd name="connsiteX19" fmla="*/ 1165860 w 1249680"/>
                        <a:gd name="connsiteY19" fmla="*/ 403860 h 1402080"/>
                        <a:gd name="connsiteX20" fmla="*/ 1173480 w 1249680"/>
                        <a:gd name="connsiteY20" fmla="*/ 441960 h 1402080"/>
                        <a:gd name="connsiteX21" fmla="*/ 1249680 w 1249680"/>
                        <a:gd name="connsiteY21" fmla="*/ 419100 h 1402080"/>
                        <a:gd name="connsiteX22" fmla="*/ 1219200 w 1249680"/>
                        <a:gd name="connsiteY22" fmla="*/ 495300 h 1402080"/>
                        <a:gd name="connsiteX23" fmla="*/ 1135380 w 1249680"/>
                        <a:gd name="connsiteY23" fmla="*/ 586740 h 1402080"/>
                        <a:gd name="connsiteX24" fmla="*/ 1021080 w 1249680"/>
                        <a:gd name="connsiteY24" fmla="*/ 632460 h 1402080"/>
                        <a:gd name="connsiteX25" fmla="*/ 1013460 w 1249680"/>
                        <a:gd name="connsiteY25" fmla="*/ 723900 h 1402080"/>
                        <a:gd name="connsiteX26" fmla="*/ 1005840 w 1249680"/>
                        <a:gd name="connsiteY26" fmla="*/ 769620 h 1402080"/>
                        <a:gd name="connsiteX27" fmla="*/ 975360 w 1249680"/>
                        <a:gd name="connsiteY27" fmla="*/ 807720 h 1402080"/>
                        <a:gd name="connsiteX28" fmla="*/ 1013460 w 1249680"/>
                        <a:gd name="connsiteY28" fmla="*/ 845820 h 1402080"/>
                        <a:gd name="connsiteX29" fmla="*/ 998220 w 1249680"/>
                        <a:gd name="connsiteY29" fmla="*/ 906780 h 1402080"/>
                        <a:gd name="connsiteX30" fmla="*/ 998220 w 1249680"/>
                        <a:gd name="connsiteY30" fmla="*/ 960120 h 1402080"/>
                        <a:gd name="connsiteX31" fmla="*/ 1097280 w 1249680"/>
                        <a:gd name="connsiteY31" fmla="*/ 1051560 h 1402080"/>
                        <a:gd name="connsiteX32" fmla="*/ 1096957 w 1249680"/>
                        <a:gd name="connsiteY32" fmla="*/ 1085374 h 1402080"/>
                        <a:gd name="connsiteX33" fmla="*/ 1089660 w 1249680"/>
                        <a:gd name="connsiteY33" fmla="*/ 1135380 h 1402080"/>
                        <a:gd name="connsiteX34" fmla="*/ 1013460 w 1249680"/>
                        <a:gd name="connsiteY34" fmla="*/ 1143000 h 1402080"/>
                        <a:gd name="connsiteX35" fmla="*/ 1092195 w 1249680"/>
                        <a:gd name="connsiteY35" fmla="*/ 1199674 h 1402080"/>
                        <a:gd name="connsiteX36" fmla="*/ 1165860 w 1249680"/>
                        <a:gd name="connsiteY36" fmla="*/ 1249680 h 1402080"/>
                        <a:gd name="connsiteX37" fmla="*/ 935628 w 1249680"/>
                        <a:gd name="connsiteY37" fmla="*/ 1340366 h 1402080"/>
                        <a:gd name="connsiteX38" fmla="*/ 644519 w 1249680"/>
                        <a:gd name="connsiteY38" fmla="*/ 1402080 h 1402080"/>
                        <a:gd name="connsiteX39" fmla="*/ 534982 w 1249680"/>
                        <a:gd name="connsiteY39" fmla="*/ 1342548 h 1402080"/>
                        <a:gd name="connsiteX40" fmla="*/ 264318 w 1249680"/>
                        <a:gd name="connsiteY40" fmla="*/ 1323499 h 1402080"/>
                        <a:gd name="connsiteX41" fmla="*/ 280189 w 1249680"/>
                        <a:gd name="connsiteY41" fmla="*/ 1304448 h 1402080"/>
                        <a:gd name="connsiteX42" fmla="*/ 391001 w 1249680"/>
                        <a:gd name="connsiteY42" fmla="*/ 1287303 h 1402080"/>
                        <a:gd name="connsiteX43" fmla="*/ 223038 w 1249680"/>
                        <a:gd name="connsiteY43" fmla="*/ 1230630 h 1402080"/>
                        <a:gd name="connsiteX44" fmla="*/ 127788 w 1249680"/>
                        <a:gd name="connsiteY44" fmla="*/ 1223486 h 1402080"/>
                        <a:gd name="connsiteX45" fmla="*/ 123026 w 1249680"/>
                        <a:gd name="connsiteY45" fmla="*/ 1156811 h 1402080"/>
                        <a:gd name="connsiteX46" fmla="*/ 134932 w 1249680"/>
                        <a:gd name="connsiteY46" fmla="*/ 1171098 h 1402080"/>
                        <a:gd name="connsiteX47" fmla="*/ 143351 w 1249680"/>
                        <a:gd name="connsiteY47" fmla="*/ 1202532 h 1402080"/>
                        <a:gd name="connsiteX48" fmla="*/ 180975 w 1249680"/>
                        <a:gd name="connsiteY48" fmla="*/ 1200626 h 1402080"/>
                        <a:gd name="connsiteX49" fmla="*/ 163354 w 1249680"/>
                        <a:gd name="connsiteY49" fmla="*/ 1141095 h 1402080"/>
                        <a:gd name="connsiteX50" fmla="*/ 234791 w 1249680"/>
                        <a:gd name="connsiteY50" fmla="*/ 1096804 h 1402080"/>
                        <a:gd name="connsiteX51" fmla="*/ 249232 w 1249680"/>
                        <a:gd name="connsiteY51" fmla="*/ 1180623 h 1402080"/>
                        <a:gd name="connsiteX52" fmla="*/ 277807 w 1249680"/>
                        <a:gd name="connsiteY52" fmla="*/ 1190149 h 1402080"/>
                        <a:gd name="connsiteX53" fmla="*/ 292417 w 1249680"/>
                        <a:gd name="connsiteY53" fmla="*/ 1068705 h 1402080"/>
                        <a:gd name="connsiteX54" fmla="*/ 323051 w 1249680"/>
                        <a:gd name="connsiteY54" fmla="*/ 1078230 h 1402080"/>
                        <a:gd name="connsiteX55" fmla="*/ 294476 w 1249680"/>
                        <a:gd name="connsiteY55" fmla="*/ 944880 h 1402080"/>
                        <a:gd name="connsiteX56" fmla="*/ 258758 w 1249680"/>
                        <a:gd name="connsiteY56" fmla="*/ 961549 h 1402080"/>
                        <a:gd name="connsiteX57" fmla="*/ 149220 w 1249680"/>
                        <a:gd name="connsiteY57" fmla="*/ 909162 h 1402080"/>
                        <a:gd name="connsiteX58" fmla="*/ 158745 w 1249680"/>
                        <a:gd name="connsiteY58" fmla="*/ 882967 h 1402080"/>
                        <a:gd name="connsiteX59" fmla="*/ 130765 w 1249680"/>
                        <a:gd name="connsiteY59" fmla="*/ 864017 h 1402080"/>
                        <a:gd name="connsiteX60" fmla="*/ 108738 w 1249680"/>
                        <a:gd name="connsiteY60" fmla="*/ 897255 h 1402080"/>
                        <a:gd name="connsiteX61" fmla="*/ 111120 w 1249680"/>
                        <a:gd name="connsiteY61" fmla="*/ 840105 h 1402080"/>
                        <a:gd name="connsiteX62" fmla="*/ 92070 w 1249680"/>
                        <a:gd name="connsiteY62" fmla="*/ 835343 h 1402080"/>
                        <a:gd name="connsiteX63" fmla="*/ 80163 w 1249680"/>
                        <a:gd name="connsiteY63" fmla="*/ 906780 h 1402080"/>
                        <a:gd name="connsiteX64" fmla="*/ 58732 w 1249680"/>
                        <a:gd name="connsiteY64" fmla="*/ 911543 h 1402080"/>
                        <a:gd name="connsiteX65" fmla="*/ 70639 w 1249680"/>
                        <a:gd name="connsiteY65" fmla="*/ 825817 h 1402080"/>
                        <a:gd name="connsiteX66" fmla="*/ 122872 w 1249680"/>
                        <a:gd name="connsiteY66" fmla="*/ 819626 h 1402080"/>
                        <a:gd name="connsiteX67" fmla="*/ 125407 w 1249680"/>
                        <a:gd name="connsiteY67" fmla="*/ 799623 h 1402080"/>
                        <a:gd name="connsiteX68" fmla="*/ 78581 w 1249680"/>
                        <a:gd name="connsiteY68" fmla="*/ 799624 h 1402080"/>
                        <a:gd name="connsiteX69" fmla="*/ 82867 w 1249680"/>
                        <a:gd name="connsiteY69" fmla="*/ 761047 h 1402080"/>
                        <a:gd name="connsiteX70" fmla="*/ 142076 w 1249680"/>
                        <a:gd name="connsiteY70" fmla="*/ 742474 h 1402080"/>
                        <a:gd name="connsiteX71" fmla="*/ 130169 w 1249680"/>
                        <a:gd name="connsiteY71" fmla="*/ 716280 h 1402080"/>
                        <a:gd name="connsiteX72" fmla="*/ 48568 w 1249680"/>
                        <a:gd name="connsiteY72" fmla="*/ 756737 h 1402080"/>
                        <a:gd name="connsiteX73" fmla="*/ 29527 w 1249680"/>
                        <a:gd name="connsiteY73" fmla="*/ 718344 h 1402080"/>
                        <a:gd name="connsiteX74" fmla="*/ 104473 w 1249680"/>
                        <a:gd name="connsiteY74" fmla="*/ 693138 h 1402080"/>
                        <a:gd name="connsiteX75" fmla="*/ 77629 w 1249680"/>
                        <a:gd name="connsiteY75" fmla="*/ 617855 h 1402080"/>
                        <a:gd name="connsiteX76" fmla="*/ 39683 w 1249680"/>
                        <a:gd name="connsiteY76" fmla="*/ 611505 h 1402080"/>
                        <a:gd name="connsiteX77" fmla="*/ 0 w 1249680"/>
                        <a:gd name="connsiteY77" fmla="*/ 541020 h 1402080"/>
                        <a:gd name="connsiteX0" fmla="*/ 0 w 1249680"/>
                        <a:gd name="connsiteY0" fmla="*/ 541020 h 1342548"/>
                        <a:gd name="connsiteX1" fmla="*/ 259080 w 1249680"/>
                        <a:gd name="connsiteY1" fmla="*/ 381000 h 1342548"/>
                        <a:gd name="connsiteX2" fmla="*/ 266700 w 1249680"/>
                        <a:gd name="connsiteY2" fmla="*/ 266700 h 1342548"/>
                        <a:gd name="connsiteX3" fmla="*/ 358140 w 1249680"/>
                        <a:gd name="connsiteY3" fmla="*/ 259080 h 1342548"/>
                        <a:gd name="connsiteX4" fmla="*/ 388620 w 1249680"/>
                        <a:gd name="connsiteY4" fmla="*/ 266700 h 1342548"/>
                        <a:gd name="connsiteX5" fmla="*/ 449580 w 1249680"/>
                        <a:gd name="connsiteY5" fmla="*/ 266700 h 1342548"/>
                        <a:gd name="connsiteX6" fmla="*/ 533400 w 1249680"/>
                        <a:gd name="connsiteY6" fmla="*/ 144780 h 1342548"/>
                        <a:gd name="connsiteX7" fmla="*/ 655320 w 1249680"/>
                        <a:gd name="connsiteY7" fmla="*/ 167640 h 1342548"/>
                        <a:gd name="connsiteX8" fmla="*/ 830580 w 1249680"/>
                        <a:gd name="connsiteY8" fmla="*/ 114300 h 1342548"/>
                        <a:gd name="connsiteX9" fmla="*/ 822960 w 1249680"/>
                        <a:gd name="connsiteY9" fmla="*/ 45720 h 1342548"/>
                        <a:gd name="connsiteX10" fmla="*/ 906780 w 1249680"/>
                        <a:gd name="connsiteY10" fmla="*/ 0 h 1342548"/>
                        <a:gd name="connsiteX11" fmla="*/ 937260 w 1249680"/>
                        <a:gd name="connsiteY11" fmla="*/ 0 h 1342548"/>
                        <a:gd name="connsiteX12" fmla="*/ 944880 w 1249680"/>
                        <a:gd name="connsiteY12" fmla="*/ 76200 h 1342548"/>
                        <a:gd name="connsiteX13" fmla="*/ 1013460 w 1249680"/>
                        <a:gd name="connsiteY13" fmla="*/ 99060 h 1342548"/>
                        <a:gd name="connsiteX14" fmla="*/ 982980 w 1249680"/>
                        <a:gd name="connsiteY14" fmla="*/ 167640 h 1342548"/>
                        <a:gd name="connsiteX15" fmla="*/ 1005840 w 1249680"/>
                        <a:gd name="connsiteY15" fmla="*/ 190500 h 1342548"/>
                        <a:gd name="connsiteX16" fmla="*/ 967740 w 1249680"/>
                        <a:gd name="connsiteY16" fmla="*/ 297180 h 1342548"/>
                        <a:gd name="connsiteX17" fmla="*/ 975360 w 1249680"/>
                        <a:gd name="connsiteY17" fmla="*/ 320040 h 1342548"/>
                        <a:gd name="connsiteX18" fmla="*/ 1043940 w 1249680"/>
                        <a:gd name="connsiteY18" fmla="*/ 388620 h 1342548"/>
                        <a:gd name="connsiteX19" fmla="*/ 1165860 w 1249680"/>
                        <a:gd name="connsiteY19" fmla="*/ 403860 h 1342548"/>
                        <a:gd name="connsiteX20" fmla="*/ 1173480 w 1249680"/>
                        <a:gd name="connsiteY20" fmla="*/ 441960 h 1342548"/>
                        <a:gd name="connsiteX21" fmla="*/ 1249680 w 1249680"/>
                        <a:gd name="connsiteY21" fmla="*/ 419100 h 1342548"/>
                        <a:gd name="connsiteX22" fmla="*/ 1219200 w 1249680"/>
                        <a:gd name="connsiteY22" fmla="*/ 495300 h 1342548"/>
                        <a:gd name="connsiteX23" fmla="*/ 1135380 w 1249680"/>
                        <a:gd name="connsiteY23" fmla="*/ 586740 h 1342548"/>
                        <a:gd name="connsiteX24" fmla="*/ 1021080 w 1249680"/>
                        <a:gd name="connsiteY24" fmla="*/ 632460 h 1342548"/>
                        <a:gd name="connsiteX25" fmla="*/ 1013460 w 1249680"/>
                        <a:gd name="connsiteY25" fmla="*/ 723900 h 1342548"/>
                        <a:gd name="connsiteX26" fmla="*/ 1005840 w 1249680"/>
                        <a:gd name="connsiteY26" fmla="*/ 769620 h 1342548"/>
                        <a:gd name="connsiteX27" fmla="*/ 975360 w 1249680"/>
                        <a:gd name="connsiteY27" fmla="*/ 807720 h 1342548"/>
                        <a:gd name="connsiteX28" fmla="*/ 1013460 w 1249680"/>
                        <a:gd name="connsiteY28" fmla="*/ 845820 h 1342548"/>
                        <a:gd name="connsiteX29" fmla="*/ 998220 w 1249680"/>
                        <a:gd name="connsiteY29" fmla="*/ 906780 h 1342548"/>
                        <a:gd name="connsiteX30" fmla="*/ 998220 w 1249680"/>
                        <a:gd name="connsiteY30" fmla="*/ 960120 h 1342548"/>
                        <a:gd name="connsiteX31" fmla="*/ 1097280 w 1249680"/>
                        <a:gd name="connsiteY31" fmla="*/ 1051560 h 1342548"/>
                        <a:gd name="connsiteX32" fmla="*/ 1096957 w 1249680"/>
                        <a:gd name="connsiteY32" fmla="*/ 1085374 h 1342548"/>
                        <a:gd name="connsiteX33" fmla="*/ 1089660 w 1249680"/>
                        <a:gd name="connsiteY33" fmla="*/ 1135380 h 1342548"/>
                        <a:gd name="connsiteX34" fmla="*/ 1013460 w 1249680"/>
                        <a:gd name="connsiteY34" fmla="*/ 1143000 h 1342548"/>
                        <a:gd name="connsiteX35" fmla="*/ 1092195 w 1249680"/>
                        <a:gd name="connsiteY35" fmla="*/ 1199674 h 1342548"/>
                        <a:gd name="connsiteX36" fmla="*/ 1165860 w 1249680"/>
                        <a:gd name="connsiteY36" fmla="*/ 1249680 h 1342548"/>
                        <a:gd name="connsiteX37" fmla="*/ 935628 w 1249680"/>
                        <a:gd name="connsiteY37" fmla="*/ 1340366 h 1342548"/>
                        <a:gd name="connsiteX38" fmla="*/ 931187 w 1249680"/>
                        <a:gd name="connsiteY38" fmla="*/ 1326252 h 1342548"/>
                        <a:gd name="connsiteX39" fmla="*/ 534982 w 1249680"/>
                        <a:gd name="connsiteY39" fmla="*/ 1342548 h 1342548"/>
                        <a:gd name="connsiteX40" fmla="*/ 264318 w 1249680"/>
                        <a:gd name="connsiteY40" fmla="*/ 1323499 h 1342548"/>
                        <a:gd name="connsiteX41" fmla="*/ 280189 w 1249680"/>
                        <a:gd name="connsiteY41" fmla="*/ 1304448 h 1342548"/>
                        <a:gd name="connsiteX42" fmla="*/ 391001 w 1249680"/>
                        <a:gd name="connsiteY42" fmla="*/ 1287303 h 1342548"/>
                        <a:gd name="connsiteX43" fmla="*/ 223038 w 1249680"/>
                        <a:gd name="connsiteY43" fmla="*/ 1230630 h 1342548"/>
                        <a:gd name="connsiteX44" fmla="*/ 127788 w 1249680"/>
                        <a:gd name="connsiteY44" fmla="*/ 1223486 h 1342548"/>
                        <a:gd name="connsiteX45" fmla="*/ 123026 w 1249680"/>
                        <a:gd name="connsiteY45" fmla="*/ 1156811 h 1342548"/>
                        <a:gd name="connsiteX46" fmla="*/ 134932 w 1249680"/>
                        <a:gd name="connsiteY46" fmla="*/ 1171098 h 1342548"/>
                        <a:gd name="connsiteX47" fmla="*/ 143351 w 1249680"/>
                        <a:gd name="connsiteY47" fmla="*/ 1202532 h 1342548"/>
                        <a:gd name="connsiteX48" fmla="*/ 180975 w 1249680"/>
                        <a:gd name="connsiteY48" fmla="*/ 1200626 h 1342548"/>
                        <a:gd name="connsiteX49" fmla="*/ 163354 w 1249680"/>
                        <a:gd name="connsiteY49" fmla="*/ 1141095 h 1342548"/>
                        <a:gd name="connsiteX50" fmla="*/ 234791 w 1249680"/>
                        <a:gd name="connsiteY50" fmla="*/ 1096804 h 1342548"/>
                        <a:gd name="connsiteX51" fmla="*/ 249232 w 1249680"/>
                        <a:gd name="connsiteY51" fmla="*/ 1180623 h 1342548"/>
                        <a:gd name="connsiteX52" fmla="*/ 277807 w 1249680"/>
                        <a:gd name="connsiteY52" fmla="*/ 1190149 h 1342548"/>
                        <a:gd name="connsiteX53" fmla="*/ 292417 w 1249680"/>
                        <a:gd name="connsiteY53" fmla="*/ 1068705 h 1342548"/>
                        <a:gd name="connsiteX54" fmla="*/ 323051 w 1249680"/>
                        <a:gd name="connsiteY54" fmla="*/ 1078230 h 1342548"/>
                        <a:gd name="connsiteX55" fmla="*/ 294476 w 1249680"/>
                        <a:gd name="connsiteY55" fmla="*/ 944880 h 1342548"/>
                        <a:gd name="connsiteX56" fmla="*/ 258758 w 1249680"/>
                        <a:gd name="connsiteY56" fmla="*/ 961549 h 1342548"/>
                        <a:gd name="connsiteX57" fmla="*/ 149220 w 1249680"/>
                        <a:gd name="connsiteY57" fmla="*/ 909162 h 1342548"/>
                        <a:gd name="connsiteX58" fmla="*/ 158745 w 1249680"/>
                        <a:gd name="connsiteY58" fmla="*/ 882967 h 1342548"/>
                        <a:gd name="connsiteX59" fmla="*/ 130765 w 1249680"/>
                        <a:gd name="connsiteY59" fmla="*/ 864017 h 1342548"/>
                        <a:gd name="connsiteX60" fmla="*/ 108738 w 1249680"/>
                        <a:gd name="connsiteY60" fmla="*/ 897255 h 1342548"/>
                        <a:gd name="connsiteX61" fmla="*/ 111120 w 1249680"/>
                        <a:gd name="connsiteY61" fmla="*/ 840105 h 1342548"/>
                        <a:gd name="connsiteX62" fmla="*/ 92070 w 1249680"/>
                        <a:gd name="connsiteY62" fmla="*/ 835343 h 1342548"/>
                        <a:gd name="connsiteX63" fmla="*/ 80163 w 1249680"/>
                        <a:gd name="connsiteY63" fmla="*/ 906780 h 1342548"/>
                        <a:gd name="connsiteX64" fmla="*/ 58732 w 1249680"/>
                        <a:gd name="connsiteY64" fmla="*/ 911543 h 1342548"/>
                        <a:gd name="connsiteX65" fmla="*/ 70639 w 1249680"/>
                        <a:gd name="connsiteY65" fmla="*/ 825817 h 1342548"/>
                        <a:gd name="connsiteX66" fmla="*/ 122872 w 1249680"/>
                        <a:gd name="connsiteY66" fmla="*/ 819626 h 1342548"/>
                        <a:gd name="connsiteX67" fmla="*/ 125407 w 1249680"/>
                        <a:gd name="connsiteY67" fmla="*/ 799623 h 1342548"/>
                        <a:gd name="connsiteX68" fmla="*/ 78581 w 1249680"/>
                        <a:gd name="connsiteY68" fmla="*/ 799624 h 1342548"/>
                        <a:gd name="connsiteX69" fmla="*/ 82867 w 1249680"/>
                        <a:gd name="connsiteY69" fmla="*/ 761047 h 1342548"/>
                        <a:gd name="connsiteX70" fmla="*/ 142076 w 1249680"/>
                        <a:gd name="connsiteY70" fmla="*/ 742474 h 1342548"/>
                        <a:gd name="connsiteX71" fmla="*/ 130169 w 1249680"/>
                        <a:gd name="connsiteY71" fmla="*/ 716280 h 1342548"/>
                        <a:gd name="connsiteX72" fmla="*/ 48568 w 1249680"/>
                        <a:gd name="connsiteY72" fmla="*/ 756737 h 1342548"/>
                        <a:gd name="connsiteX73" fmla="*/ 29527 w 1249680"/>
                        <a:gd name="connsiteY73" fmla="*/ 718344 h 1342548"/>
                        <a:gd name="connsiteX74" fmla="*/ 104473 w 1249680"/>
                        <a:gd name="connsiteY74" fmla="*/ 693138 h 1342548"/>
                        <a:gd name="connsiteX75" fmla="*/ 77629 w 1249680"/>
                        <a:gd name="connsiteY75" fmla="*/ 617855 h 1342548"/>
                        <a:gd name="connsiteX76" fmla="*/ 39683 w 1249680"/>
                        <a:gd name="connsiteY76" fmla="*/ 611505 h 1342548"/>
                        <a:gd name="connsiteX77" fmla="*/ 0 w 1249680"/>
                        <a:gd name="connsiteY77" fmla="*/ 541020 h 1342548"/>
                        <a:gd name="connsiteX0" fmla="*/ 0 w 1249680"/>
                        <a:gd name="connsiteY0" fmla="*/ 541020 h 1398260"/>
                        <a:gd name="connsiteX1" fmla="*/ 259080 w 1249680"/>
                        <a:gd name="connsiteY1" fmla="*/ 381000 h 1398260"/>
                        <a:gd name="connsiteX2" fmla="*/ 266700 w 1249680"/>
                        <a:gd name="connsiteY2" fmla="*/ 266700 h 1398260"/>
                        <a:gd name="connsiteX3" fmla="*/ 358140 w 1249680"/>
                        <a:gd name="connsiteY3" fmla="*/ 259080 h 1398260"/>
                        <a:gd name="connsiteX4" fmla="*/ 388620 w 1249680"/>
                        <a:gd name="connsiteY4" fmla="*/ 266700 h 1398260"/>
                        <a:gd name="connsiteX5" fmla="*/ 449580 w 1249680"/>
                        <a:gd name="connsiteY5" fmla="*/ 266700 h 1398260"/>
                        <a:gd name="connsiteX6" fmla="*/ 533400 w 1249680"/>
                        <a:gd name="connsiteY6" fmla="*/ 144780 h 1398260"/>
                        <a:gd name="connsiteX7" fmla="*/ 655320 w 1249680"/>
                        <a:gd name="connsiteY7" fmla="*/ 167640 h 1398260"/>
                        <a:gd name="connsiteX8" fmla="*/ 830580 w 1249680"/>
                        <a:gd name="connsiteY8" fmla="*/ 114300 h 1398260"/>
                        <a:gd name="connsiteX9" fmla="*/ 822960 w 1249680"/>
                        <a:gd name="connsiteY9" fmla="*/ 45720 h 1398260"/>
                        <a:gd name="connsiteX10" fmla="*/ 906780 w 1249680"/>
                        <a:gd name="connsiteY10" fmla="*/ 0 h 1398260"/>
                        <a:gd name="connsiteX11" fmla="*/ 937260 w 1249680"/>
                        <a:gd name="connsiteY11" fmla="*/ 0 h 1398260"/>
                        <a:gd name="connsiteX12" fmla="*/ 944880 w 1249680"/>
                        <a:gd name="connsiteY12" fmla="*/ 76200 h 1398260"/>
                        <a:gd name="connsiteX13" fmla="*/ 1013460 w 1249680"/>
                        <a:gd name="connsiteY13" fmla="*/ 99060 h 1398260"/>
                        <a:gd name="connsiteX14" fmla="*/ 982980 w 1249680"/>
                        <a:gd name="connsiteY14" fmla="*/ 167640 h 1398260"/>
                        <a:gd name="connsiteX15" fmla="*/ 1005840 w 1249680"/>
                        <a:gd name="connsiteY15" fmla="*/ 190500 h 1398260"/>
                        <a:gd name="connsiteX16" fmla="*/ 967740 w 1249680"/>
                        <a:gd name="connsiteY16" fmla="*/ 297180 h 1398260"/>
                        <a:gd name="connsiteX17" fmla="*/ 975360 w 1249680"/>
                        <a:gd name="connsiteY17" fmla="*/ 320040 h 1398260"/>
                        <a:gd name="connsiteX18" fmla="*/ 1043940 w 1249680"/>
                        <a:gd name="connsiteY18" fmla="*/ 388620 h 1398260"/>
                        <a:gd name="connsiteX19" fmla="*/ 1165860 w 1249680"/>
                        <a:gd name="connsiteY19" fmla="*/ 403860 h 1398260"/>
                        <a:gd name="connsiteX20" fmla="*/ 1173480 w 1249680"/>
                        <a:gd name="connsiteY20" fmla="*/ 441960 h 1398260"/>
                        <a:gd name="connsiteX21" fmla="*/ 1249680 w 1249680"/>
                        <a:gd name="connsiteY21" fmla="*/ 419100 h 1398260"/>
                        <a:gd name="connsiteX22" fmla="*/ 1219200 w 1249680"/>
                        <a:gd name="connsiteY22" fmla="*/ 495300 h 1398260"/>
                        <a:gd name="connsiteX23" fmla="*/ 1135380 w 1249680"/>
                        <a:gd name="connsiteY23" fmla="*/ 586740 h 1398260"/>
                        <a:gd name="connsiteX24" fmla="*/ 1021080 w 1249680"/>
                        <a:gd name="connsiteY24" fmla="*/ 632460 h 1398260"/>
                        <a:gd name="connsiteX25" fmla="*/ 1013460 w 1249680"/>
                        <a:gd name="connsiteY25" fmla="*/ 723900 h 1398260"/>
                        <a:gd name="connsiteX26" fmla="*/ 1005840 w 1249680"/>
                        <a:gd name="connsiteY26" fmla="*/ 769620 h 1398260"/>
                        <a:gd name="connsiteX27" fmla="*/ 975360 w 1249680"/>
                        <a:gd name="connsiteY27" fmla="*/ 807720 h 1398260"/>
                        <a:gd name="connsiteX28" fmla="*/ 1013460 w 1249680"/>
                        <a:gd name="connsiteY28" fmla="*/ 845820 h 1398260"/>
                        <a:gd name="connsiteX29" fmla="*/ 998220 w 1249680"/>
                        <a:gd name="connsiteY29" fmla="*/ 906780 h 1398260"/>
                        <a:gd name="connsiteX30" fmla="*/ 998220 w 1249680"/>
                        <a:gd name="connsiteY30" fmla="*/ 960120 h 1398260"/>
                        <a:gd name="connsiteX31" fmla="*/ 1097280 w 1249680"/>
                        <a:gd name="connsiteY31" fmla="*/ 1051560 h 1398260"/>
                        <a:gd name="connsiteX32" fmla="*/ 1096957 w 1249680"/>
                        <a:gd name="connsiteY32" fmla="*/ 1085374 h 1398260"/>
                        <a:gd name="connsiteX33" fmla="*/ 1089660 w 1249680"/>
                        <a:gd name="connsiteY33" fmla="*/ 1135380 h 1398260"/>
                        <a:gd name="connsiteX34" fmla="*/ 1013460 w 1249680"/>
                        <a:gd name="connsiteY34" fmla="*/ 1143000 h 1398260"/>
                        <a:gd name="connsiteX35" fmla="*/ 1092195 w 1249680"/>
                        <a:gd name="connsiteY35" fmla="*/ 1199674 h 1398260"/>
                        <a:gd name="connsiteX36" fmla="*/ 1165860 w 1249680"/>
                        <a:gd name="connsiteY36" fmla="*/ 1249680 h 1398260"/>
                        <a:gd name="connsiteX37" fmla="*/ 935628 w 1249680"/>
                        <a:gd name="connsiteY37" fmla="*/ 1340366 h 1398260"/>
                        <a:gd name="connsiteX38" fmla="*/ 931187 w 1249680"/>
                        <a:gd name="connsiteY38" fmla="*/ 1326252 h 1398260"/>
                        <a:gd name="connsiteX39" fmla="*/ 787171 w 1249680"/>
                        <a:gd name="connsiteY39" fmla="*/ 1398260 h 1398260"/>
                        <a:gd name="connsiteX40" fmla="*/ 264318 w 1249680"/>
                        <a:gd name="connsiteY40" fmla="*/ 1323499 h 1398260"/>
                        <a:gd name="connsiteX41" fmla="*/ 280189 w 1249680"/>
                        <a:gd name="connsiteY41" fmla="*/ 1304448 h 1398260"/>
                        <a:gd name="connsiteX42" fmla="*/ 391001 w 1249680"/>
                        <a:gd name="connsiteY42" fmla="*/ 1287303 h 1398260"/>
                        <a:gd name="connsiteX43" fmla="*/ 223038 w 1249680"/>
                        <a:gd name="connsiteY43" fmla="*/ 1230630 h 1398260"/>
                        <a:gd name="connsiteX44" fmla="*/ 127788 w 1249680"/>
                        <a:gd name="connsiteY44" fmla="*/ 1223486 h 1398260"/>
                        <a:gd name="connsiteX45" fmla="*/ 123026 w 1249680"/>
                        <a:gd name="connsiteY45" fmla="*/ 1156811 h 1398260"/>
                        <a:gd name="connsiteX46" fmla="*/ 134932 w 1249680"/>
                        <a:gd name="connsiteY46" fmla="*/ 1171098 h 1398260"/>
                        <a:gd name="connsiteX47" fmla="*/ 143351 w 1249680"/>
                        <a:gd name="connsiteY47" fmla="*/ 1202532 h 1398260"/>
                        <a:gd name="connsiteX48" fmla="*/ 180975 w 1249680"/>
                        <a:gd name="connsiteY48" fmla="*/ 1200626 h 1398260"/>
                        <a:gd name="connsiteX49" fmla="*/ 163354 w 1249680"/>
                        <a:gd name="connsiteY49" fmla="*/ 1141095 h 1398260"/>
                        <a:gd name="connsiteX50" fmla="*/ 234791 w 1249680"/>
                        <a:gd name="connsiteY50" fmla="*/ 1096804 h 1398260"/>
                        <a:gd name="connsiteX51" fmla="*/ 249232 w 1249680"/>
                        <a:gd name="connsiteY51" fmla="*/ 1180623 h 1398260"/>
                        <a:gd name="connsiteX52" fmla="*/ 277807 w 1249680"/>
                        <a:gd name="connsiteY52" fmla="*/ 1190149 h 1398260"/>
                        <a:gd name="connsiteX53" fmla="*/ 292417 w 1249680"/>
                        <a:gd name="connsiteY53" fmla="*/ 1068705 h 1398260"/>
                        <a:gd name="connsiteX54" fmla="*/ 323051 w 1249680"/>
                        <a:gd name="connsiteY54" fmla="*/ 1078230 h 1398260"/>
                        <a:gd name="connsiteX55" fmla="*/ 294476 w 1249680"/>
                        <a:gd name="connsiteY55" fmla="*/ 944880 h 1398260"/>
                        <a:gd name="connsiteX56" fmla="*/ 258758 w 1249680"/>
                        <a:gd name="connsiteY56" fmla="*/ 961549 h 1398260"/>
                        <a:gd name="connsiteX57" fmla="*/ 149220 w 1249680"/>
                        <a:gd name="connsiteY57" fmla="*/ 909162 h 1398260"/>
                        <a:gd name="connsiteX58" fmla="*/ 158745 w 1249680"/>
                        <a:gd name="connsiteY58" fmla="*/ 882967 h 1398260"/>
                        <a:gd name="connsiteX59" fmla="*/ 130765 w 1249680"/>
                        <a:gd name="connsiteY59" fmla="*/ 864017 h 1398260"/>
                        <a:gd name="connsiteX60" fmla="*/ 108738 w 1249680"/>
                        <a:gd name="connsiteY60" fmla="*/ 897255 h 1398260"/>
                        <a:gd name="connsiteX61" fmla="*/ 111120 w 1249680"/>
                        <a:gd name="connsiteY61" fmla="*/ 840105 h 1398260"/>
                        <a:gd name="connsiteX62" fmla="*/ 92070 w 1249680"/>
                        <a:gd name="connsiteY62" fmla="*/ 835343 h 1398260"/>
                        <a:gd name="connsiteX63" fmla="*/ 80163 w 1249680"/>
                        <a:gd name="connsiteY63" fmla="*/ 906780 h 1398260"/>
                        <a:gd name="connsiteX64" fmla="*/ 58732 w 1249680"/>
                        <a:gd name="connsiteY64" fmla="*/ 911543 h 1398260"/>
                        <a:gd name="connsiteX65" fmla="*/ 70639 w 1249680"/>
                        <a:gd name="connsiteY65" fmla="*/ 825817 h 1398260"/>
                        <a:gd name="connsiteX66" fmla="*/ 122872 w 1249680"/>
                        <a:gd name="connsiteY66" fmla="*/ 819626 h 1398260"/>
                        <a:gd name="connsiteX67" fmla="*/ 125407 w 1249680"/>
                        <a:gd name="connsiteY67" fmla="*/ 799623 h 1398260"/>
                        <a:gd name="connsiteX68" fmla="*/ 78581 w 1249680"/>
                        <a:gd name="connsiteY68" fmla="*/ 799624 h 1398260"/>
                        <a:gd name="connsiteX69" fmla="*/ 82867 w 1249680"/>
                        <a:gd name="connsiteY69" fmla="*/ 761047 h 1398260"/>
                        <a:gd name="connsiteX70" fmla="*/ 142076 w 1249680"/>
                        <a:gd name="connsiteY70" fmla="*/ 742474 h 1398260"/>
                        <a:gd name="connsiteX71" fmla="*/ 130169 w 1249680"/>
                        <a:gd name="connsiteY71" fmla="*/ 716280 h 1398260"/>
                        <a:gd name="connsiteX72" fmla="*/ 48568 w 1249680"/>
                        <a:gd name="connsiteY72" fmla="*/ 756737 h 1398260"/>
                        <a:gd name="connsiteX73" fmla="*/ 29527 w 1249680"/>
                        <a:gd name="connsiteY73" fmla="*/ 718344 h 1398260"/>
                        <a:gd name="connsiteX74" fmla="*/ 104473 w 1249680"/>
                        <a:gd name="connsiteY74" fmla="*/ 693138 h 1398260"/>
                        <a:gd name="connsiteX75" fmla="*/ 77629 w 1249680"/>
                        <a:gd name="connsiteY75" fmla="*/ 617855 h 1398260"/>
                        <a:gd name="connsiteX76" fmla="*/ 39683 w 1249680"/>
                        <a:gd name="connsiteY76" fmla="*/ 611505 h 1398260"/>
                        <a:gd name="connsiteX77" fmla="*/ 0 w 1249680"/>
                        <a:gd name="connsiteY77" fmla="*/ 541020 h 1398260"/>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280189 w 1249680"/>
                        <a:gd name="connsiteY41" fmla="*/ 1304448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87171 w 1249680"/>
                        <a:gd name="connsiteY39" fmla="*/ 1398260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931187 w 1249680"/>
                        <a:gd name="connsiteY38" fmla="*/ 1326252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935628 w 1249680"/>
                        <a:gd name="connsiteY37" fmla="*/ 1340366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1165860 w 1249680"/>
                        <a:gd name="connsiteY36" fmla="*/ 124968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92195 w 1249680"/>
                        <a:gd name="connsiteY35" fmla="*/ 1199674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13460 w 1249680"/>
                        <a:gd name="connsiteY34" fmla="*/ 114300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9660 w 1249680"/>
                        <a:gd name="connsiteY33" fmla="*/ 1135380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096957 w 1249680"/>
                        <a:gd name="connsiteY32" fmla="*/ 1085374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097280 w 1249680"/>
                        <a:gd name="connsiteY31" fmla="*/ 1051560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998220 w 1249680"/>
                        <a:gd name="connsiteY30" fmla="*/ 960120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59192 w 1249680"/>
                        <a:gd name="connsiteY31" fmla="*/ 1253967 h 1411233"/>
                        <a:gd name="connsiteX32" fmla="*/ 1113626 w 1249680"/>
                        <a:gd name="connsiteY32" fmla="*/ 1373505 h 1411233"/>
                        <a:gd name="connsiteX33" fmla="*/ 1082516 w 1249680"/>
                        <a:gd name="connsiteY33" fmla="*/ 1361598 h 1411233"/>
                        <a:gd name="connsiteX34" fmla="*/ 1063466 w 1249680"/>
                        <a:gd name="connsiteY34" fmla="*/ 1390650 h 1411233"/>
                        <a:gd name="connsiteX35" fmla="*/ 1044570 w 1249680"/>
                        <a:gd name="connsiteY35" fmla="*/ 1359218 h 1411233"/>
                        <a:gd name="connsiteX36" fmla="*/ 918210 w 1249680"/>
                        <a:gd name="connsiteY36" fmla="*/ 1344930 h 1411233"/>
                        <a:gd name="connsiteX37" fmla="*/ 876097 w 1249680"/>
                        <a:gd name="connsiteY37" fmla="*/ 1307028 h 1411233"/>
                        <a:gd name="connsiteX38" fmla="*/ 821650 w 1249680"/>
                        <a:gd name="connsiteY38" fmla="*/ 1340540 h 1411233"/>
                        <a:gd name="connsiteX39" fmla="*/ 749071 w 1249680"/>
                        <a:gd name="connsiteY39" fmla="*/ 1357779 h 1411233"/>
                        <a:gd name="connsiteX40" fmla="*/ 623341 w 1249680"/>
                        <a:gd name="connsiteY40" fmla="*/ 1411233 h 1411233"/>
                        <a:gd name="connsiteX41" fmla="*/ 596895 w 1249680"/>
                        <a:gd name="connsiteY41" fmla="*/ 1375886 h 1411233"/>
                        <a:gd name="connsiteX42" fmla="*/ 391001 w 1249680"/>
                        <a:gd name="connsiteY42" fmla="*/ 1287303 h 1411233"/>
                        <a:gd name="connsiteX43" fmla="*/ 223038 w 1249680"/>
                        <a:gd name="connsiteY43" fmla="*/ 1230630 h 1411233"/>
                        <a:gd name="connsiteX44" fmla="*/ 127788 w 1249680"/>
                        <a:gd name="connsiteY44" fmla="*/ 1223486 h 1411233"/>
                        <a:gd name="connsiteX45" fmla="*/ 123026 w 1249680"/>
                        <a:gd name="connsiteY45" fmla="*/ 1156811 h 1411233"/>
                        <a:gd name="connsiteX46" fmla="*/ 134932 w 1249680"/>
                        <a:gd name="connsiteY46" fmla="*/ 1171098 h 1411233"/>
                        <a:gd name="connsiteX47" fmla="*/ 143351 w 1249680"/>
                        <a:gd name="connsiteY47" fmla="*/ 1202532 h 1411233"/>
                        <a:gd name="connsiteX48" fmla="*/ 180975 w 1249680"/>
                        <a:gd name="connsiteY48" fmla="*/ 1200626 h 1411233"/>
                        <a:gd name="connsiteX49" fmla="*/ 163354 w 1249680"/>
                        <a:gd name="connsiteY49" fmla="*/ 1141095 h 1411233"/>
                        <a:gd name="connsiteX50" fmla="*/ 234791 w 1249680"/>
                        <a:gd name="connsiteY50" fmla="*/ 1096804 h 1411233"/>
                        <a:gd name="connsiteX51" fmla="*/ 249232 w 1249680"/>
                        <a:gd name="connsiteY51" fmla="*/ 1180623 h 1411233"/>
                        <a:gd name="connsiteX52" fmla="*/ 277807 w 1249680"/>
                        <a:gd name="connsiteY52" fmla="*/ 1190149 h 1411233"/>
                        <a:gd name="connsiteX53" fmla="*/ 292417 w 1249680"/>
                        <a:gd name="connsiteY53" fmla="*/ 1068705 h 1411233"/>
                        <a:gd name="connsiteX54" fmla="*/ 323051 w 1249680"/>
                        <a:gd name="connsiteY54" fmla="*/ 1078230 h 1411233"/>
                        <a:gd name="connsiteX55" fmla="*/ 294476 w 1249680"/>
                        <a:gd name="connsiteY55" fmla="*/ 944880 h 1411233"/>
                        <a:gd name="connsiteX56" fmla="*/ 258758 w 1249680"/>
                        <a:gd name="connsiteY56" fmla="*/ 961549 h 1411233"/>
                        <a:gd name="connsiteX57" fmla="*/ 149220 w 1249680"/>
                        <a:gd name="connsiteY57" fmla="*/ 909162 h 1411233"/>
                        <a:gd name="connsiteX58" fmla="*/ 158745 w 1249680"/>
                        <a:gd name="connsiteY58" fmla="*/ 882967 h 1411233"/>
                        <a:gd name="connsiteX59" fmla="*/ 130765 w 1249680"/>
                        <a:gd name="connsiteY59" fmla="*/ 864017 h 1411233"/>
                        <a:gd name="connsiteX60" fmla="*/ 108738 w 1249680"/>
                        <a:gd name="connsiteY60" fmla="*/ 897255 h 1411233"/>
                        <a:gd name="connsiteX61" fmla="*/ 111120 w 1249680"/>
                        <a:gd name="connsiteY61" fmla="*/ 840105 h 1411233"/>
                        <a:gd name="connsiteX62" fmla="*/ 92070 w 1249680"/>
                        <a:gd name="connsiteY62" fmla="*/ 835343 h 1411233"/>
                        <a:gd name="connsiteX63" fmla="*/ 80163 w 1249680"/>
                        <a:gd name="connsiteY63" fmla="*/ 906780 h 1411233"/>
                        <a:gd name="connsiteX64" fmla="*/ 58732 w 1249680"/>
                        <a:gd name="connsiteY64" fmla="*/ 911543 h 1411233"/>
                        <a:gd name="connsiteX65" fmla="*/ 70639 w 1249680"/>
                        <a:gd name="connsiteY65" fmla="*/ 825817 h 1411233"/>
                        <a:gd name="connsiteX66" fmla="*/ 122872 w 1249680"/>
                        <a:gd name="connsiteY66" fmla="*/ 819626 h 1411233"/>
                        <a:gd name="connsiteX67" fmla="*/ 125407 w 1249680"/>
                        <a:gd name="connsiteY67" fmla="*/ 799623 h 1411233"/>
                        <a:gd name="connsiteX68" fmla="*/ 78581 w 1249680"/>
                        <a:gd name="connsiteY68" fmla="*/ 799624 h 1411233"/>
                        <a:gd name="connsiteX69" fmla="*/ 82867 w 1249680"/>
                        <a:gd name="connsiteY69" fmla="*/ 761047 h 1411233"/>
                        <a:gd name="connsiteX70" fmla="*/ 142076 w 1249680"/>
                        <a:gd name="connsiteY70" fmla="*/ 742474 h 1411233"/>
                        <a:gd name="connsiteX71" fmla="*/ 130169 w 1249680"/>
                        <a:gd name="connsiteY71" fmla="*/ 716280 h 1411233"/>
                        <a:gd name="connsiteX72" fmla="*/ 48568 w 1249680"/>
                        <a:gd name="connsiteY72" fmla="*/ 756737 h 1411233"/>
                        <a:gd name="connsiteX73" fmla="*/ 29527 w 1249680"/>
                        <a:gd name="connsiteY73" fmla="*/ 718344 h 1411233"/>
                        <a:gd name="connsiteX74" fmla="*/ 104473 w 1249680"/>
                        <a:gd name="connsiteY74" fmla="*/ 693138 h 1411233"/>
                        <a:gd name="connsiteX75" fmla="*/ 77629 w 1249680"/>
                        <a:gd name="connsiteY75" fmla="*/ 617855 h 1411233"/>
                        <a:gd name="connsiteX76" fmla="*/ 39683 w 1249680"/>
                        <a:gd name="connsiteY76" fmla="*/ 611505 h 1411233"/>
                        <a:gd name="connsiteX77" fmla="*/ 0 w 1249680"/>
                        <a:gd name="connsiteY7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16007 w 1249680"/>
                        <a:gd name="connsiteY31" fmla="*/ 1223486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59192 w 1249680"/>
                        <a:gd name="connsiteY32" fmla="*/ 1253967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26795 w 1249680"/>
                        <a:gd name="connsiteY30" fmla="*/ 1164907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998220 w 1249680"/>
                        <a:gd name="connsiteY29" fmla="*/ 906780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13460 w 1249680"/>
                        <a:gd name="connsiteY28" fmla="*/ 84582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975360 w 1249680"/>
                        <a:gd name="connsiteY27" fmla="*/ 807720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5840 w 1249680"/>
                        <a:gd name="connsiteY26" fmla="*/ 769620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993933 w 1249680"/>
                        <a:gd name="connsiteY26" fmla="*/ 891063 h 1411233"/>
                        <a:gd name="connsiteX27" fmla="*/ 1049179 w 1249680"/>
                        <a:gd name="connsiteY27" fmla="*/ 1024414 h 1411233"/>
                        <a:gd name="connsiteX28" fmla="*/ 1092041 w 1249680"/>
                        <a:gd name="connsiteY28" fmla="*/ 1055370 h 1411233"/>
                        <a:gd name="connsiteX29" fmla="*/ 1093470 w 1249680"/>
                        <a:gd name="connsiteY29" fmla="*/ 1161574 h 1411233"/>
                        <a:gd name="connsiteX30" fmla="*/ 1010127 w 1249680"/>
                        <a:gd name="connsiteY30" fmla="*/ 1155382 h 1411233"/>
                        <a:gd name="connsiteX31" fmla="*/ 1137439 w 1249680"/>
                        <a:gd name="connsiteY31" fmla="*/ 1211579 h 1411233"/>
                        <a:gd name="connsiteX32" fmla="*/ 1171098 w 1249680"/>
                        <a:gd name="connsiteY32" fmla="*/ 1251586 h 1411233"/>
                        <a:gd name="connsiteX33" fmla="*/ 1113626 w 1249680"/>
                        <a:gd name="connsiteY33" fmla="*/ 1373505 h 1411233"/>
                        <a:gd name="connsiteX34" fmla="*/ 1082516 w 1249680"/>
                        <a:gd name="connsiteY34" fmla="*/ 1361598 h 1411233"/>
                        <a:gd name="connsiteX35" fmla="*/ 1063466 w 1249680"/>
                        <a:gd name="connsiteY35" fmla="*/ 1390650 h 1411233"/>
                        <a:gd name="connsiteX36" fmla="*/ 1044570 w 1249680"/>
                        <a:gd name="connsiteY36" fmla="*/ 1359218 h 1411233"/>
                        <a:gd name="connsiteX37" fmla="*/ 918210 w 1249680"/>
                        <a:gd name="connsiteY37" fmla="*/ 1344930 h 1411233"/>
                        <a:gd name="connsiteX38" fmla="*/ 876097 w 1249680"/>
                        <a:gd name="connsiteY38" fmla="*/ 1307028 h 1411233"/>
                        <a:gd name="connsiteX39" fmla="*/ 821650 w 1249680"/>
                        <a:gd name="connsiteY39" fmla="*/ 1340540 h 1411233"/>
                        <a:gd name="connsiteX40" fmla="*/ 749071 w 1249680"/>
                        <a:gd name="connsiteY40" fmla="*/ 1357779 h 1411233"/>
                        <a:gd name="connsiteX41" fmla="*/ 623341 w 1249680"/>
                        <a:gd name="connsiteY41" fmla="*/ 1411233 h 1411233"/>
                        <a:gd name="connsiteX42" fmla="*/ 596895 w 1249680"/>
                        <a:gd name="connsiteY42" fmla="*/ 1375886 h 1411233"/>
                        <a:gd name="connsiteX43" fmla="*/ 391001 w 1249680"/>
                        <a:gd name="connsiteY43" fmla="*/ 1287303 h 1411233"/>
                        <a:gd name="connsiteX44" fmla="*/ 223038 w 1249680"/>
                        <a:gd name="connsiteY44" fmla="*/ 1230630 h 1411233"/>
                        <a:gd name="connsiteX45" fmla="*/ 127788 w 1249680"/>
                        <a:gd name="connsiteY45" fmla="*/ 1223486 h 1411233"/>
                        <a:gd name="connsiteX46" fmla="*/ 123026 w 1249680"/>
                        <a:gd name="connsiteY46" fmla="*/ 1156811 h 1411233"/>
                        <a:gd name="connsiteX47" fmla="*/ 134932 w 1249680"/>
                        <a:gd name="connsiteY47" fmla="*/ 1171098 h 1411233"/>
                        <a:gd name="connsiteX48" fmla="*/ 143351 w 1249680"/>
                        <a:gd name="connsiteY48" fmla="*/ 1202532 h 1411233"/>
                        <a:gd name="connsiteX49" fmla="*/ 180975 w 1249680"/>
                        <a:gd name="connsiteY49" fmla="*/ 1200626 h 1411233"/>
                        <a:gd name="connsiteX50" fmla="*/ 163354 w 1249680"/>
                        <a:gd name="connsiteY50" fmla="*/ 1141095 h 1411233"/>
                        <a:gd name="connsiteX51" fmla="*/ 234791 w 1249680"/>
                        <a:gd name="connsiteY51" fmla="*/ 1096804 h 1411233"/>
                        <a:gd name="connsiteX52" fmla="*/ 249232 w 1249680"/>
                        <a:gd name="connsiteY52" fmla="*/ 1180623 h 1411233"/>
                        <a:gd name="connsiteX53" fmla="*/ 277807 w 1249680"/>
                        <a:gd name="connsiteY53" fmla="*/ 1190149 h 1411233"/>
                        <a:gd name="connsiteX54" fmla="*/ 292417 w 1249680"/>
                        <a:gd name="connsiteY54" fmla="*/ 1068705 h 1411233"/>
                        <a:gd name="connsiteX55" fmla="*/ 323051 w 1249680"/>
                        <a:gd name="connsiteY55" fmla="*/ 1078230 h 1411233"/>
                        <a:gd name="connsiteX56" fmla="*/ 294476 w 1249680"/>
                        <a:gd name="connsiteY56" fmla="*/ 944880 h 1411233"/>
                        <a:gd name="connsiteX57" fmla="*/ 258758 w 1249680"/>
                        <a:gd name="connsiteY57" fmla="*/ 961549 h 1411233"/>
                        <a:gd name="connsiteX58" fmla="*/ 149220 w 1249680"/>
                        <a:gd name="connsiteY58" fmla="*/ 909162 h 1411233"/>
                        <a:gd name="connsiteX59" fmla="*/ 158745 w 1249680"/>
                        <a:gd name="connsiteY59" fmla="*/ 882967 h 1411233"/>
                        <a:gd name="connsiteX60" fmla="*/ 130765 w 1249680"/>
                        <a:gd name="connsiteY60" fmla="*/ 864017 h 1411233"/>
                        <a:gd name="connsiteX61" fmla="*/ 108738 w 1249680"/>
                        <a:gd name="connsiteY61" fmla="*/ 897255 h 1411233"/>
                        <a:gd name="connsiteX62" fmla="*/ 111120 w 1249680"/>
                        <a:gd name="connsiteY62" fmla="*/ 840105 h 1411233"/>
                        <a:gd name="connsiteX63" fmla="*/ 92070 w 1249680"/>
                        <a:gd name="connsiteY63" fmla="*/ 835343 h 1411233"/>
                        <a:gd name="connsiteX64" fmla="*/ 80163 w 1249680"/>
                        <a:gd name="connsiteY64" fmla="*/ 906780 h 1411233"/>
                        <a:gd name="connsiteX65" fmla="*/ 58732 w 1249680"/>
                        <a:gd name="connsiteY65" fmla="*/ 911543 h 1411233"/>
                        <a:gd name="connsiteX66" fmla="*/ 70639 w 1249680"/>
                        <a:gd name="connsiteY66" fmla="*/ 825817 h 1411233"/>
                        <a:gd name="connsiteX67" fmla="*/ 122872 w 1249680"/>
                        <a:gd name="connsiteY67" fmla="*/ 819626 h 1411233"/>
                        <a:gd name="connsiteX68" fmla="*/ 125407 w 1249680"/>
                        <a:gd name="connsiteY68" fmla="*/ 799623 h 1411233"/>
                        <a:gd name="connsiteX69" fmla="*/ 78581 w 1249680"/>
                        <a:gd name="connsiteY69" fmla="*/ 799624 h 1411233"/>
                        <a:gd name="connsiteX70" fmla="*/ 82867 w 1249680"/>
                        <a:gd name="connsiteY70" fmla="*/ 761047 h 1411233"/>
                        <a:gd name="connsiteX71" fmla="*/ 142076 w 1249680"/>
                        <a:gd name="connsiteY71" fmla="*/ 742474 h 1411233"/>
                        <a:gd name="connsiteX72" fmla="*/ 130169 w 1249680"/>
                        <a:gd name="connsiteY72" fmla="*/ 716280 h 1411233"/>
                        <a:gd name="connsiteX73" fmla="*/ 48568 w 1249680"/>
                        <a:gd name="connsiteY73" fmla="*/ 756737 h 1411233"/>
                        <a:gd name="connsiteX74" fmla="*/ 29527 w 1249680"/>
                        <a:gd name="connsiteY74" fmla="*/ 718344 h 1411233"/>
                        <a:gd name="connsiteX75" fmla="*/ 104473 w 1249680"/>
                        <a:gd name="connsiteY75" fmla="*/ 693138 h 1411233"/>
                        <a:gd name="connsiteX76" fmla="*/ 77629 w 1249680"/>
                        <a:gd name="connsiteY76" fmla="*/ 617855 h 1411233"/>
                        <a:gd name="connsiteX77" fmla="*/ 39683 w 1249680"/>
                        <a:gd name="connsiteY77" fmla="*/ 611505 h 1411233"/>
                        <a:gd name="connsiteX78" fmla="*/ 0 w 1249680"/>
                        <a:gd name="connsiteY7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3460 w 1249680"/>
                        <a:gd name="connsiteY25" fmla="*/ 723900 h 1411233"/>
                        <a:gd name="connsiteX26" fmla="*/ 1008851 w 1249680"/>
                        <a:gd name="connsiteY26" fmla="*/ 771049 h 1411233"/>
                        <a:gd name="connsiteX27" fmla="*/ 993933 w 1249680"/>
                        <a:gd name="connsiteY27" fmla="*/ 891063 h 1411233"/>
                        <a:gd name="connsiteX28" fmla="*/ 1049179 w 1249680"/>
                        <a:gd name="connsiteY28" fmla="*/ 1024414 h 1411233"/>
                        <a:gd name="connsiteX29" fmla="*/ 1092041 w 1249680"/>
                        <a:gd name="connsiteY29" fmla="*/ 1055370 h 1411233"/>
                        <a:gd name="connsiteX30" fmla="*/ 1093470 w 1249680"/>
                        <a:gd name="connsiteY30" fmla="*/ 1161574 h 1411233"/>
                        <a:gd name="connsiteX31" fmla="*/ 1010127 w 1249680"/>
                        <a:gd name="connsiteY31" fmla="*/ 1155382 h 1411233"/>
                        <a:gd name="connsiteX32" fmla="*/ 1137439 w 1249680"/>
                        <a:gd name="connsiteY32" fmla="*/ 1211579 h 1411233"/>
                        <a:gd name="connsiteX33" fmla="*/ 1171098 w 1249680"/>
                        <a:gd name="connsiteY33" fmla="*/ 1251586 h 1411233"/>
                        <a:gd name="connsiteX34" fmla="*/ 1113626 w 1249680"/>
                        <a:gd name="connsiteY34" fmla="*/ 1373505 h 1411233"/>
                        <a:gd name="connsiteX35" fmla="*/ 1082516 w 1249680"/>
                        <a:gd name="connsiteY35" fmla="*/ 1361598 h 1411233"/>
                        <a:gd name="connsiteX36" fmla="*/ 1063466 w 1249680"/>
                        <a:gd name="connsiteY36" fmla="*/ 1390650 h 1411233"/>
                        <a:gd name="connsiteX37" fmla="*/ 1044570 w 1249680"/>
                        <a:gd name="connsiteY37" fmla="*/ 1359218 h 1411233"/>
                        <a:gd name="connsiteX38" fmla="*/ 918210 w 1249680"/>
                        <a:gd name="connsiteY38" fmla="*/ 1344930 h 1411233"/>
                        <a:gd name="connsiteX39" fmla="*/ 876097 w 1249680"/>
                        <a:gd name="connsiteY39" fmla="*/ 1307028 h 1411233"/>
                        <a:gd name="connsiteX40" fmla="*/ 821650 w 1249680"/>
                        <a:gd name="connsiteY40" fmla="*/ 1340540 h 1411233"/>
                        <a:gd name="connsiteX41" fmla="*/ 749071 w 1249680"/>
                        <a:gd name="connsiteY41" fmla="*/ 1357779 h 1411233"/>
                        <a:gd name="connsiteX42" fmla="*/ 623341 w 1249680"/>
                        <a:gd name="connsiteY42" fmla="*/ 1411233 h 1411233"/>
                        <a:gd name="connsiteX43" fmla="*/ 596895 w 1249680"/>
                        <a:gd name="connsiteY43" fmla="*/ 1375886 h 1411233"/>
                        <a:gd name="connsiteX44" fmla="*/ 391001 w 1249680"/>
                        <a:gd name="connsiteY44" fmla="*/ 1287303 h 1411233"/>
                        <a:gd name="connsiteX45" fmla="*/ 223038 w 1249680"/>
                        <a:gd name="connsiteY45" fmla="*/ 1230630 h 1411233"/>
                        <a:gd name="connsiteX46" fmla="*/ 127788 w 1249680"/>
                        <a:gd name="connsiteY46" fmla="*/ 1223486 h 1411233"/>
                        <a:gd name="connsiteX47" fmla="*/ 123026 w 1249680"/>
                        <a:gd name="connsiteY47" fmla="*/ 1156811 h 1411233"/>
                        <a:gd name="connsiteX48" fmla="*/ 134932 w 1249680"/>
                        <a:gd name="connsiteY48" fmla="*/ 1171098 h 1411233"/>
                        <a:gd name="connsiteX49" fmla="*/ 143351 w 1249680"/>
                        <a:gd name="connsiteY49" fmla="*/ 1202532 h 1411233"/>
                        <a:gd name="connsiteX50" fmla="*/ 180975 w 1249680"/>
                        <a:gd name="connsiteY50" fmla="*/ 1200626 h 1411233"/>
                        <a:gd name="connsiteX51" fmla="*/ 163354 w 1249680"/>
                        <a:gd name="connsiteY51" fmla="*/ 1141095 h 1411233"/>
                        <a:gd name="connsiteX52" fmla="*/ 234791 w 1249680"/>
                        <a:gd name="connsiteY52" fmla="*/ 1096804 h 1411233"/>
                        <a:gd name="connsiteX53" fmla="*/ 249232 w 1249680"/>
                        <a:gd name="connsiteY53" fmla="*/ 1180623 h 1411233"/>
                        <a:gd name="connsiteX54" fmla="*/ 277807 w 1249680"/>
                        <a:gd name="connsiteY54" fmla="*/ 1190149 h 1411233"/>
                        <a:gd name="connsiteX55" fmla="*/ 292417 w 1249680"/>
                        <a:gd name="connsiteY55" fmla="*/ 1068705 h 1411233"/>
                        <a:gd name="connsiteX56" fmla="*/ 323051 w 1249680"/>
                        <a:gd name="connsiteY56" fmla="*/ 1078230 h 1411233"/>
                        <a:gd name="connsiteX57" fmla="*/ 294476 w 1249680"/>
                        <a:gd name="connsiteY57" fmla="*/ 944880 h 1411233"/>
                        <a:gd name="connsiteX58" fmla="*/ 258758 w 1249680"/>
                        <a:gd name="connsiteY58" fmla="*/ 961549 h 1411233"/>
                        <a:gd name="connsiteX59" fmla="*/ 149220 w 1249680"/>
                        <a:gd name="connsiteY59" fmla="*/ 909162 h 1411233"/>
                        <a:gd name="connsiteX60" fmla="*/ 158745 w 1249680"/>
                        <a:gd name="connsiteY60" fmla="*/ 882967 h 1411233"/>
                        <a:gd name="connsiteX61" fmla="*/ 130765 w 1249680"/>
                        <a:gd name="connsiteY61" fmla="*/ 864017 h 1411233"/>
                        <a:gd name="connsiteX62" fmla="*/ 108738 w 1249680"/>
                        <a:gd name="connsiteY62" fmla="*/ 897255 h 1411233"/>
                        <a:gd name="connsiteX63" fmla="*/ 111120 w 1249680"/>
                        <a:gd name="connsiteY63" fmla="*/ 840105 h 1411233"/>
                        <a:gd name="connsiteX64" fmla="*/ 92070 w 1249680"/>
                        <a:gd name="connsiteY64" fmla="*/ 835343 h 1411233"/>
                        <a:gd name="connsiteX65" fmla="*/ 80163 w 1249680"/>
                        <a:gd name="connsiteY65" fmla="*/ 906780 h 1411233"/>
                        <a:gd name="connsiteX66" fmla="*/ 58732 w 1249680"/>
                        <a:gd name="connsiteY66" fmla="*/ 911543 h 1411233"/>
                        <a:gd name="connsiteX67" fmla="*/ 70639 w 1249680"/>
                        <a:gd name="connsiteY67" fmla="*/ 825817 h 1411233"/>
                        <a:gd name="connsiteX68" fmla="*/ 122872 w 1249680"/>
                        <a:gd name="connsiteY68" fmla="*/ 819626 h 1411233"/>
                        <a:gd name="connsiteX69" fmla="*/ 125407 w 1249680"/>
                        <a:gd name="connsiteY69" fmla="*/ 799623 h 1411233"/>
                        <a:gd name="connsiteX70" fmla="*/ 78581 w 1249680"/>
                        <a:gd name="connsiteY70" fmla="*/ 799624 h 1411233"/>
                        <a:gd name="connsiteX71" fmla="*/ 82867 w 1249680"/>
                        <a:gd name="connsiteY71" fmla="*/ 761047 h 1411233"/>
                        <a:gd name="connsiteX72" fmla="*/ 142076 w 1249680"/>
                        <a:gd name="connsiteY72" fmla="*/ 742474 h 1411233"/>
                        <a:gd name="connsiteX73" fmla="*/ 130169 w 1249680"/>
                        <a:gd name="connsiteY73" fmla="*/ 716280 h 1411233"/>
                        <a:gd name="connsiteX74" fmla="*/ 48568 w 1249680"/>
                        <a:gd name="connsiteY74" fmla="*/ 756737 h 1411233"/>
                        <a:gd name="connsiteX75" fmla="*/ 29527 w 1249680"/>
                        <a:gd name="connsiteY75" fmla="*/ 718344 h 1411233"/>
                        <a:gd name="connsiteX76" fmla="*/ 104473 w 1249680"/>
                        <a:gd name="connsiteY76" fmla="*/ 693138 h 1411233"/>
                        <a:gd name="connsiteX77" fmla="*/ 77629 w 1249680"/>
                        <a:gd name="connsiteY77" fmla="*/ 617855 h 1411233"/>
                        <a:gd name="connsiteX78" fmla="*/ 39683 w 1249680"/>
                        <a:gd name="connsiteY78" fmla="*/ 611505 h 1411233"/>
                        <a:gd name="connsiteX79" fmla="*/ 0 w 1249680"/>
                        <a:gd name="connsiteY7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49179 w 1249680"/>
                        <a:gd name="connsiteY29" fmla="*/ 1024414 h 1411233"/>
                        <a:gd name="connsiteX30" fmla="*/ 1092041 w 1249680"/>
                        <a:gd name="connsiteY30" fmla="*/ 1055370 h 1411233"/>
                        <a:gd name="connsiteX31" fmla="*/ 1093470 w 1249680"/>
                        <a:gd name="connsiteY31" fmla="*/ 1161574 h 1411233"/>
                        <a:gd name="connsiteX32" fmla="*/ 1010127 w 1249680"/>
                        <a:gd name="connsiteY32" fmla="*/ 1155382 h 1411233"/>
                        <a:gd name="connsiteX33" fmla="*/ 1137439 w 1249680"/>
                        <a:gd name="connsiteY33" fmla="*/ 1211579 h 1411233"/>
                        <a:gd name="connsiteX34" fmla="*/ 1171098 w 1249680"/>
                        <a:gd name="connsiteY34" fmla="*/ 1251586 h 1411233"/>
                        <a:gd name="connsiteX35" fmla="*/ 1113626 w 1249680"/>
                        <a:gd name="connsiteY35" fmla="*/ 1373505 h 1411233"/>
                        <a:gd name="connsiteX36" fmla="*/ 1082516 w 1249680"/>
                        <a:gd name="connsiteY36" fmla="*/ 1361598 h 1411233"/>
                        <a:gd name="connsiteX37" fmla="*/ 1063466 w 1249680"/>
                        <a:gd name="connsiteY37" fmla="*/ 1390650 h 1411233"/>
                        <a:gd name="connsiteX38" fmla="*/ 1044570 w 1249680"/>
                        <a:gd name="connsiteY38" fmla="*/ 1359218 h 1411233"/>
                        <a:gd name="connsiteX39" fmla="*/ 918210 w 1249680"/>
                        <a:gd name="connsiteY39" fmla="*/ 1344930 h 1411233"/>
                        <a:gd name="connsiteX40" fmla="*/ 876097 w 1249680"/>
                        <a:gd name="connsiteY40" fmla="*/ 1307028 h 1411233"/>
                        <a:gd name="connsiteX41" fmla="*/ 821650 w 1249680"/>
                        <a:gd name="connsiteY41" fmla="*/ 1340540 h 1411233"/>
                        <a:gd name="connsiteX42" fmla="*/ 749071 w 1249680"/>
                        <a:gd name="connsiteY42" fmla="*/ 1357779 h 1411233"/>
                        <a:gd name="connsiteX43" fmla="*/ 623341 w 1249680"/>
                        <a:gd name="connsiteY43" fmla="*/ 1411233 h 1411233"/>
                        <a:gd name="connsiteX44" fmla="*/ 596895 w 1249680"/>
                        <a:gd name="connsiteY44" fmla="*/ 1375886 h 1411233"/>
                        <a:gd name="connsiteX45" fmla="*/ 391001 w 1249680"/>
                        <a:gd name="connsiteY45" fmla="*/ 1287303 h 1411233"/>
                        <a:gd name="connsiteX46" fmla="*/ 223038 w 1249680"/>
                        <a:gd name="connsiteY46" fmla="*/ 1230630 h 1411233"/>
                        <a:gd name="connsiteX47" fmla="*/ 127788 w 1249680"/>
                        <a:gd name="connsiteY47" fmla="*/ 1223486 h 1411233"/>
                        <a:gd name="connsiteX48" fmla="*/ 123026 w 1249680"/>
                        <a:gd name="connsiteY48" fmla="*/ 1156811 h 1411233"/>
                        <a:gd name="connsiteX49" fmla="*/ 134932 w 1249680"/>
                        <a:gd name="connsiteY49" fmla="*/ 1171098 h 1411233"/>
                        <a:gd name="connsiteX50" fmla="*/ 143351 w 1249680"/>
                        <a:gd name="connsiteY50" fmla="*/ 1202532 h 1411233"/>
                        <a:gd name="connsiteX51" fmla="*/ 180975 w 1249680"/>
                        <a:gd name="connsiteY51" fmla="*/ 1200626 h 1411233"/>
                        <a:gd name="connsiteX52" fmla="*/ 163354 w 1249680"/>
                        <a:gd name="connsiteY52" fmla="*/ 1141095 h 1411233"/>
                        <a:gd name="connsiteX53" fmla="*/ 234791 w 1249680"/>
                        <a:gd name="connsiteY53" fmla="*/ 1096804 h 1411233"/>
                        <a:gd name="connsiteX54" fmla="*/ 249232 w 1249680"/>
                        <a:gd name="connsiteY54" fmla="*/ 1180623 h 1411233"/>
                        <a:gd name="connsiteX55" fmla="*/ 277807 w 1249680"/>
                        <a:gd name="connsiteY55" fmla="*/ 1190149 h 1411233"/>
                        <a:gd name="connsiteX56" fmla="*/ 292417 w 1249680"/>
                        <a:gd name="connsiteY56" fmla="*/ 1068705 h 1411233"/>
                        <a:gd name="connsiteX57" fmla="*/ 323051 w 1249680"/>
                        <a:gd name="connsiteY57" fmla="*/ 1078230 h 1411233"/>
                        <a:gd name="connsiteX58" fmla="*/ 294476 w 1249680"/>
                        <a:gd name="connsiteY58" fmla="*/ 944880 h 1411233"/>
                        <a:gd name="connsiteX59" fmla="*/ 258758 w 1249680"/>
                        <a:gd name="connsiteY59" fmla="*/ 961549 h 1411233"/>
                        <a:gd name="connsiteX60" fmla="*/ 149220 w 1249680"/>
                        <a:gd name="connsiteY60" fmla="*/ 909162 h 1411233"/>
                        <a:gd name="connsiteX61" fmla="*/ 158745 w 1249680"/>
                        <a:gd name="connsiteY61" fmla="*/ 882967 h 1411233"/>
                        <a:gd name="connsiteX62" fmla="*/ 130765 w 1249680"/>
                        <a:gd name="connsiteY62" fmla="*/ 864017 h 1411233"/>
                        <a:gd name="connsiteX63" fmla="*/ 108738 w 1249680"/>
                        <a:gd name="connsiteY63" fmla="*/ 897255 h 1411233"/>
                        <a:gd name="connsiteX64" fmla="*/ 111120 w 1249680"/>
                        <a:gd name="connsiteY64" fmla="*/ 840105 h 1411233"/>
                        <a:gd name="connsiteX65" fmla="*/ 92070 w 1249680"/>
                        <a:gd name="connsiteY65" fmla="*/ 835343 h 1411233"/>
                        <a:gd name="connsiteX66" fmla="*/ 80163 w 1249680"/>
                        <a:gd name="connsiteY66" fmla="*/ 906780 h 1411233"/>
                        <a:gd name="connsiteX67" fmla="*/ 58732 w 1249680"/>
                        <a:gd name="connsiteY67" fmla="*/ 911543 h 1411233"/>
                        <a:gd name="connsiteX68" fmla="*/ 70639 w 1249680"/>
                        <a:gd name="connsiteY68" fmla="*/ 825817 h 1411233"/>
                        <a:gd name="connsiteX69" fmla="*/ 122872 w 1249680"/>
                        <a:gd name="connsiteY69" fmla="*/ 819626 h 1411233"/>
                        <a:gd name="connsiteX70" fmla="*/ 125407 w 1249680"/>
                        <a:gd name="connsiteY70" fmla="*/ 799623 h 1411233"/>
                        <a:gd name="connsiteX71" fmla="*/ 78581 w 1249680"/>
                        <a:gd name="connsiteY71" fmla="*/ 799624 h 1411233"/>
                        <a:gd name="connsiteX72" fmla="*/ 82867 w 1249680"/>
                        <a:gd name="connsiteY72" fmla="*/ 761047 h 1411233"/>
                        <a:gd name="connsiteX73" fmla="*/ 142076 w 1249680"/>
                        <a:gd name="connsiteY73" fmla="*/ 742474 h 1411233"/>
                        <a:gd name="connsiteX74" fmla="*/ 130169 w 1249680"/>
                        <a:gd name="connsiteY74" fmla="*/ 716280 h 1411233"/>
                        <a:gd name="connsiteX75" fmla="*/ 48568 w 1249680"/>
                        <a:gd name="connsiteY75" fmla="*/ 756737 h 1411233"/>
                        <a:gd name="connsiteX76" fmla="*/ 29527 w 1249680"/>
                        <a:gd name="connsiteY76" fmla="*/ 718344 h 1411233"/>
                        <a:gd name="connsiteX77" fmla="*/ 104473 w 1249680"/>
                        <a:gd name="connsiteY77" fmla="*/ 693138 h 1411233"/>
                        <a:gd name="connsiteX78" fmla="*/ 77629 w 1249680"/>
                        <a:gd name="connsiteY78" fmla="*/ 617855 h 1411233"/>
                        <a:gd name="connsiteX79" fmla="*/ 39683 w 1249680"/>
                        <a:gd name="connsiteY79" fmla="*/ 611505 h 1411233"/>
                        <a:gd name="connsiteX80" fmla="*/ 0 w 1249680"/>
                        <a:gd name="connsiteY8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21080 w 1249680"/>
                        <a:gd name="connsiteY24" fmla="*/ 632460 h 1411233"/>
                        <a:gd name="connsiteX25" fmla="*/ 1018376 w 1249680"/>
                        <a:gd name="connsiteY25" fmla="*/ 675799 h 1411233"/>
                        <a:gd name="connsiteX26" fmla="*/ 1013460 w 1249680"/>
                        <a:gd name="connsiteY26" fmla="*/ 723900 h 1411233"/>
                        <a:gd name="connsiteX27" fmla="*/ 1008851 w 1249680"/>
                        <a:gd name="connsiteY27" fmla="*/ 771049 h 1411233"/>
                        <a:gd name="connsiteX28" fmla="*/ 993933 w 1249680"/>
                        <a:gd name="connsiteY28" fmla="*/ 891063 h 1411233"/>
                        <a:gd name="connsiteX29" fmla="*/ 1018376 w 1249680"/>
                        <a:gd name="connsiteY29" fmla="*/ 947261 h 1411233"/>
                        <a:gd name="connsiteX30" fmla="*/ 1049179 w 1249680"/>
                        <a:gd name="connsiteY30" fmla="*/ 1024414 h 1411233"/>
                        <a:gd name="connsiteX31" fmla="*/ 1092041 w 1249680"/>
                        <a:gd name="connsiteY31" fmla="*/ 1055370 h 1411233"/>
                        <a:gd name="connsiteX32" fmla="*/ 1093470 w 1249680"/>
                        <a:gd name="connsiteY32" fmla="*/ 1161574 h 1411233"/>
                        <a:gd name="connsiteX33" fmla="*/ 1010127 w 1249680"/>
                        <a:gd name="connsiteY33" fmla="*/ 1155382 h 1411233"/>
                        <a:gd name="connsiteX34" fmla="*/ 1137439 w 1249680"/>
                        <a:gd name="connsiteY34" fmla="*/ 1211579 h 1411233"/>
                        <a:gd name="connsiteX35" fmla="*/ 1171098 w 1249680"/>
                        <a:gd name="connsiteY35" fmla="*/ 1251586 h 1411233"/>
                        <a:gd name="connsiteX36" fmla="*/ 1113626 w 1249680"/>
                        <a:gd name="connsiteY36" fmla="*/ 1373505 h 1411233"/>
                        <a:gd name="connsiteX37" fmla="*/ 1082516 w 1249680"/>
                        <a:gd name="connsiteY37" fmla="*/ 1361598 h 1411233"/>
                        <a:gd name="connsiteX38" fmla="*/ 1063466 w 1249680"/>
                        <a:gd name="connsiteY38" fmla="*/ 1390650 h 1411233"/>
                        <a:gd name="connsiteX39" fmla="*/ 1044570 w 1249680"/>
                        <a:gd name="connsiteY39" fmla="*/ 1359218 h 1411233"/>
                        <a:gd name="connsiteX40" fmla="*/ 918210 w 1249680"/>
                        <a:gd name="connsiteY40" fmla="*/ 1344930 h 1411233"/>
                        <a:gd name="connsiteX41" fmla="*/ 876097 w 1249680"/>
                        <a:gd name="connsiteY41" fmla="*/ 1307028 h 1411233"/>
                        <a:gd name="connsiteX42" fmla="*/ 821650 w 1249680"/>
                        <a:gd name="connsiteY42" fmla="*/ 1340540 h 1411233"/>
                        <a:gd name="connsiteX43" fmla="*/ 749071 w 1249680"/>
                        <a:gd name="connsiteY43" fmla="*/ 1357779 h 1411233"/>
                        <a:gd name="connsiteX44" fmla="*/ 623341 w 1249680"/>
                        <a:gd name="connsiteY44" fmla="*/ 1411233 h 1411233"/>
                        <a:gd name="connsiteX45" fmla="*/ 596895 w 1249680"/>
                        <a:gd name="connsiteY45" fmla="*/ 1375886 h 1411233"/>
                        <a:gd name="connsiteX46" fmla="*/ 391001 w 1249680"/>
                        <a:gd name="connsiteY46" fmla="*/ 1287303 h 1411233"/>
                        <a:gd name="connsiteX47" fmla="*/ 223038 w 1249680"/>
                        <a:gd name="connsiteY47" fmla="*/ 1230630 h 1411233"/>
                        <a:gd name="connsiteX48" fmla="*/ 127788 w 1249680"/>
                        <a:gd name="connsiteY48" fmla="*/ 1223486 h 1411233"/>
                        <a:gd name="connsiteX49" fmla="*/ 123026 w 1249680"/>
                        <a:gd name="connsiteY49" fmla="*/ 1156811 h 1411233"/>
                        <a:gd name="connsiteX50" fmla="*/ 134932 w 1249680"/>
                        <a:gd name="connsiteY50" fmla="*/ 1171098 h 1411233"/>
                        <a:gd name="connsiteX51" fmla="*/ 143351 w 1249680"/>
                        <a:gd name="connsiteY51" fmla="*/ 1202532 h 1411233"/>
                        <a:gd name="connsiteX52" fmla="*/ 180975 w 1249680"/>
                        <a:gd name="connsiteY52" fmla="*/ 1200626 h 1411233"/>
                        <a:gd name="connsiteX53" fmla="*/ 163354 w 1249680"/>
                        <a:gd name="connsiteY53" fmla="*/ 1141095 h 1411233"/>
                        <a:gd name="connsiteX54" fmla="*/ 234791 w 1249680"/>
                        <a:gd name="connsiteY54" fmla="*/ 1096804 h 1411233"/>
                        <a:gd name="connsiteX55" fmla="*/ 249232 w 1249680"/>
                        <a:gd name="connsiteY55" fmla="*/ 1180623 h 1411233"/>
                        <a:gd name="connsiteX56" fmla="*/ 277807 w 1249680"/>
                        <a:gd name="connsiteY56" fmla="*/ 1190149 h 1411233"/>
                        <a:gd name="connsiteX57" fmla="*/ 292417 w 1249680"/>
                        <a:gd name="connsiteY57" fmla="*/ 1068705 h 1411233"/>
                        <a:gd name="connsiteX58" fmla="*/ 323051 w 1249680"/>
                        <a:gd name="connsiteY58" fmla="*/ 1078230 h 1411233"/>
                        <a:gd name="connsiteX59" fmla="*/ 294476 w 1249680"/>
                        <a:gd name="connsiteY59" fmla="*/ 944880 h 1411233"/>
                        <a:gd name="connsiteX60" fmla="*/ 258758 w 1249680"/>
                        <a:gd name="connsiteY60" fmla="*/ 961549 h 1411233"/>
                        <a:gd name="connsiteX61" fmla="*/ 149220 w 1249680"/>
                        <a:gd name="connsiteY61" fmla="*/ 909162 h 1411233"/>
                        <a:gd name="connsiteX62" fmla="*/ 158745 w 1249680"/>
                        <a:gd name="connsiteY62" fmla="*/ 882967 h 1411233"/>
                        <a:gd name="connsiteX63" fmla="*/ 130765 w 1249680"/>
                        <a:gd name="connsiteY63" fmla="*/ 864017 h 1411233"/>
                        <a:gd name="connsiteX64" fmla="*/ 108738 w 1249680"/>
                        <a:gd name="connsiteY64" fmla="*/ 897255 h 1411233"/>
                        <a:gd name="connsiteX65" fmla="*/ 111120 w 1249680"/>
                        <a:gd name="connsiteY65" fmla="*/ 840105 h 1411233"/>
                        <a:gd name="connsiteX66" fmla="*/ 92070 w 1249680"/>
                        <a:gd name="connsiteY66" fmla="*/ 835343 h 1411233"/>
                        <a:gd name="connsiteX67" fmla="*/ 80163 w 1249680"/>
                        <a:gd name="connsiteY67" fmla="*/ 906780 h 1411233"/>
                        <a:gd name="connsiteX68" fmla="*/ 58732 w 1249680"/>
                        <a:gd name="connsiteY68" fmla="*/ 911543 h 1411233"/>
                        <a:gd name="connsiteX69" fmla="*/ 70639 w 1249680"/>
                        <a:gd name="connsiteY69" fmla="*/ 825817 h 1411233"/>
                        <a:gd name="connsiteX70" fmla="*/ 122872 w 1249680"/>
                        <a:gd name="connsiteY70" fmla="*/ 819626 h 1411233"/>
                        <a:gd name="connsiteX71" fmla="*/ 125407 w 1249680"/>
                        <a:gd name="connsiteY71" fmla="*/ 799623 h 1411233"/>
                        <a:gd name="connsiteX72" fmla="*/ 78581 w 1249680"/>
                        <a:gd name="connsiteY72" fmla="*/ 799624 h 1411233"/>
                        <a:gd name="connsiteX73" fmla="*/ 82867 w 1249680"/>
                        <a:gd name="connsiteY73" fmla="*/ 761047 h 1411233"/>
                        <a:gd name="connsiteX74" fmla="*/ 142076 w 1249680"/>
                        <a:gd name="connsiteY74" fmla="*/ 742474 h 1411233"/>
                        <a:gd name="connsiteX75" fmla="*/ 130169 w 1249680"/>
                        <a:gd name="connsiteY75" fmla="*/ 716280 h 1411233"/>
                        <a:gd name="connsiteX76" fmla="*/ 48568 w 1249680"/>
                        <a:gd name="connsiteY76" fmla="*/ 756737 h 1411233"/>
                        <a:gd name="connsiteX77" fmla="*/ 29527 w 1249680"/>
                        <a:gd name="connsiteY77" fmla="*/ 718344 h 1411233"/>
                        <a:gd name="connsiteX78" fmla="*/ 104473 w 1249680"/>
                        <a:gd name="connsiteY78" fmla="*/ 693138 h 1411233"/>
                        <a:gd name="connsiteX79" fmla="*/ 77629 w 1249680"/>
                        <a:gd name="connsiteY79" fmla="*/ 617855 h 1411233"/>
                        <a:gd name="connsiteX80" fmla="*/ 39683 w 1249680"/>
                        <a:gd name="connsiteY80" fmla="*/ 611505 h 1411233"/>
                        <a:gd name="connsiteX81" fmla="*/ 0 w 1249680"/>
                        <a:gd name="connsiteY81"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08851 w 1249680"/>
                        <a:gd name="connsiteY28" fmla="*/ 7710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1013460 w 1249680"/>
                        <a:gd name="connsiteY27" fmla="*/ 723900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18376 w 1249680"/>
                        <a:gd name="connsiteY26" fmla="*/ 675799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1080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82670 w 1249680"/>
                        <a:gd name="connsiteY24" fmla="*/ 606743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35380 w 1249680"/>
                        <a:gd name="connsiteY23" fmla="*/ 586740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9200 w 1249680"/>
                        <a:gd name="connsiteY22" fmla="*/ 495300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65860 w 1249680"/>
                        <a:gd name="connsiteY19" fmla="*/ 403860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43940 w 1249680"/>
                        <a:gd name="connsiteY18" fmla="*/ 388620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134428 w 1249680"/>
                        <a:gd name="connsiteY18" fmla="*/ 400526 h 1411233"/>
                        <a:gd name="connsiteX19" fmla="*/ 1158716 w 1249680"/>
                        <a:gd name="connsiteY19" fmla="*/ 368142 h 1411233"/>
                        <a:gd name="connsiteX20" fmla="*/ 1173480 w 1249680"/>
                        <a:gd name="connsiteY20" fmla="*/ 441960 h 1411233"/>
                        <a:gd name="connsiteX21" fmla="*/ 1249680 w 1249680"/>
                        <a:gd name="connsiteY21" fmla="*/ 419100 h 1411233"/>
                        <a:gd name="connsiteX22" fmla="*/ 1216819 w 1249680"/>
                        <a:gd name="connsiteY22" fmla="*/ 481012 h 1411233"/>
                        <a:gd name="connsiteX23" fmla="*/ 1159193 w 1249680"/>
                        <a:gd name="connsiteY23" fmla="*/ 536734 h 1411233"/>
                        <a:gd name="connsiteX24" fmla="*/ 1094577 w 1249680"/>
                        <a:gd name="connsiteY24" fmla="*/ 621031 h 1411233"/>
                        <a:gd name="connsiteX25" fmla="*/ 1025843 w 1249680"/>
                        <a:gd name="connsiteY25" fmla="*/ 632460 h 1411233"/>
                        <a:gd name="connsiteX26" fmla="*/ 1023139 w 1249680"/>
                        <a:gd name="connsiteY26" fmla="*/ 754380 h 1411233"/>
                        <a:gd name="connsiteX27" fmla="*/ 980122 w 1249680"/>
                        <a:gd name="connsiteY27" fmla="*/ 807244 h 1411233"/>
                        <a:gd name="connsiteX28" fmla="*/ 1015995 w 1249680"/>
                        <a:gd name="connsiteY28" fmla="*/ 847249 h 1411233"/>
                        <a:gd name="connsiteX29" fmla="*/ 993933 w 1249680"/>
                        <a:gd name="connsiteY29" fmla="*/ 891063 h 1411233"/>
                        <a:gd name="connsiteX30" fmla="*/ 1018376 w 1249680"/>
                        <a:gd name="connsiteY30" fmla="*/ 947261 h 1411233"/>
                        <a:gd name="connsiteX31" fmla="*/ 1049179 w 1249680"/>
                        <a:gd name="connsiteY31" fmla="*/ 1024414 h 1411233"/>
                        <a:gd name="connsiteX32" fmla="*/ 1092041 w 1249680"/>
                        <a:gd name="connsiteY32" fmla="*/ 1055370 h 1411233"/>
                        <a:gd name="connsiteX33" fmla="*/ 1093470 w 1249680"/>
                        <a:gd name="connsiteY33" fmla="*/ 1161574 h 1411233"/>
                        <a:gd name="connsiteX34" fmla="*/ 1010127 w 1249680"/>
                        <a:gd name="connsiteY34" fmla="*/ 1155382 h 1411233"/>
                        <a:gd name="connsiteX35" fmla="*/ 1137439 w 1249680"/>
                        <a:gd name="connsiteY35" fmla="*/ 1211579 h 1411233"/>
                        <a:gd name="connsiteX36" fmla="*/ 1171098 w 1249680"/>
                        <a:gd name="connsiteY36" fmla="*/ 1251586 h 1411233"/>
                        <a:gd name="connsiteX37" fmla="*/ 1113626 w 1249680"/>
                        <a:gd name="connsiteY37" fmla="*/ 1373505 h 1411233"/>
                        <a:gd name="connsiteX38" fmla="*/ 1082516 w 1249680"/>
                        <a:gd name="connsiteY38" fmla="*/ 1361598 h 1411233"/>
                        <a:gd name="connsiteX39" fmla="*/ 1063466 w 1249680"/>
                        <a:gd name="connsiteY39" fmla="*/ 1390650 h 1411233"/>
                        <a:gd name="connsiteX40" fmla="*/ 1044570 w 1249680"/>
                        <a:gd name="connsiteY40" fmla="*/ 1359218 h 1411233"/>
                        <a:gd name="connsiteX41" fmla="*/ 918210 w 1249680"/>
                        <a:gd name="connsiteY41" fmla="*/ 1344930 h 1411233"/>
                        <a:gd name="connsiteX42" fmla="*/ 876097 w 1249680"/>
                        <a:gd name="connsiteY42" fmla="*/ 1307028 h 1411233"/>
                        <a:gd name="connsiteX43" fmla="*/ 821650 w 1249680"/>
                        <a:gd name="connsiteY43" fmla="*/ 1340540 h 1411233"/>
                        <a:gd name="connsiteX44" fmla="*/ 749071 w 1249680"/>
                        <a:gd name="connsiteY44" fmla="*/ 1357779 h 1411233"/>
                        <a:gd name="connsiteX45" fmla="*/ 623341 w 1249680"/>
                        <a:gd name="connsiteY45" fmla="*/ 1411233 h 1411233"/>
                        <a:gd name="connsiteX46" fmla="*/ 596895 w 1249680"/>
                        <a:gd name="connsiteY46" fmla="*/ 1375886 h 1411233"/>
                        <a:gd name="connsiteX47" fmla="*/ 391001 w 1249680"/>
                        <a:gd name="connsiteY47" fmla="*/ 1287303 h 1411233"/>
                        <a:gd name="connsiteX48" fmla="*/ 223038 w 1249680"/>
                        <a:gd name="connsiteY48" fmla="*/ 1230630 h 1411233"/>
                        <a:gd name="connsiteX49" fmla="*/ 127788 w 1249680"/>
                        <a:gd name="connsiteY49" fmla="*/ 1223486 h 1411233"/>
                        <a:gd name="connsiteX50" fmla="*/ 123026 w 1249680"/>
                        <a:gd name="connsiteY50" fmla="*/ 1156811 h 1411233"/>
                        <a:gd name="connsiteX51" fmla="*/ 134932 w 1249680"/>
                        <a:gd name="connsiteY51" fmla="*/ 1171098 h 1411233"/>
                        <a:gd name="connsiteX52" fmla="*/ 143351 w 1249680"/>
                        <a:gd name="connsiteY52" fmla="*/ 1202532 h 1411233"/>
                        <a:gd name="connsiteX53" fmla="*/ 180975 w 1249680"/>
                        <a:gd name="connsiteY53" fmla="*/ 1200626 h 1411233"/>
                        <a:gd name="connsiteX54" fmla="*/ 163354 w 1249680"/>
                        <a:gd name="connsiteY54" fmla="*/ 1141095 h 1411233"/>
                        <a:gd name="connsiteX55" fmla="*/ 234791 w 1249680"/>
                        <a:gd name="connsiteY55" fmla="*/ 1096804 h 1411233"/>
                        <a:gd name="connsiteX56" fmla="*/ 249232 w 1249680"/>
                        <a:gd name="connsiteY56" fmla="*/ 1180623 h 1411233"/>
                        <a:gd name="connsiteX57" fmla="*/ 277807 w 1249680"/>
                        <a:gd name="connsiteY57" fmla="*/ 1190149 h 1411233"/>
                        <a:gd name="connsiteX58" fmla="*/ 292417 w 1249680"/>
                        <a:gd name="connsiteY58" fmla="*/ 1068705 h 1411233"/>
                        <a:gd name="connsiteX59" fmla="*/ 323051 w 1249680"/>
                        <a:gd name="connsiteY59" fmla="*/ 1078230 h 1411233"/>
                        <a:gd name="connsiteX60" fmla="*/ 294476 w 1249680"/>
                        <a:gd name="connsiteY60" fmla="*/ 944880 h 1411233"/>
                        <a:gd name="connsiteX61" fmla="*/ 258758 w 1249680"/>
                        <a:gd name="connsiteY61" fmla="*/ 961549 h 1411233"/>
                        <a:gd name="connsiteX62" fmla="*/ 149220 w 1249680"/>
                        <a:gd name="connsiteY62" fmla="*/ 909162 h 1411233"/>
                        <a:gd name="connsiteX63" fmla="*/ 158745 w 1249680"/>
                        <a:gd name="connsiteY63" fmla="*/ 882967 h 1411233"/>
                        <a:gd name="connsiteX64" fmla="*/ 130765 w 1249680"/>
                        <a:gd name="connsiteY64" fmla="*/ 864017 h 1411233"/>
                        <a:gd name="connsiteX65" fmla="*/ 108738 w 1249680"/>
                        <a:gd name="connsiteY65" fmla="*/ 897255 h 1411233"/>
                        <a:gd name="connsiteX66" fmla="*/ 111120 w 1249680"/>
                        <a:gd name="connsiteY66" fmla="*/ 840105 h 1411233"/>
                        <a:gd name="connsiteX67" fmla="*/ 92070 w 1249680"/>
                        <a:gd name="connsiteY67" fmla="*/ 835343 h 1411233"/>
                        <a:gd name="connsiteX68" fmla="*/ 80163 w 1249680"/>
                        <a:gd name="connsiteY68" fmla="*/ 906780 h 1411233"/>
                        <a:gd name="connsiteX69" fmla="*/ 58732 w 1249680"/>
                        <a:gd name="connsiteY69" fmla="*/ 911543 h 1411233"/>
                        <a:gd name="connsiteX70" fmla="*/ 70639 w 1249680"/>
                        <a:gd name="connsiteY70" fmla="*/ 825817 h 1411233"/>
                        <a:gd name="connsiteX71" fmla="*/ 122872 w 1249680"/>
                        <a:gd name="connsiteY71" fmla="*/ 819626 h 1411233"/>
                        <a:gd name="connsiteX72" fmla="*/ 125407 w 1249680"/>
                        <a:gd name="connsiteY72" fmla="*/ 799623 h 1411233"/>
                        <a:gd name="connsiteX73" fmla="*/ 78581 w 1249680"/>
                        <a:gd name="connsiteY73" fmla="*/ 799624 h 1411233"/>
                        <a:gd name="connsiteX74" fmla="*/ 82867 w 1249680"/>
                        <a:gd name="connsiteY74" fmla="*/ 761047 h 1411233"/>
                        <a:gd name="connsiteX75" fmla="*/ 142076 w 1249680"/>
                        <a:gd name="connsiteY75" fmla="*/ 742474 h 1411233"/>
                        <a:gd name="connsiteX76" fmla="*/ 130169 w 1249680"/>
                        <a:gd name="connsiteY76" fmla="*/ 716280 h 1411233"/>
                        <a:gd name="connsiteX77" fmla="*/ 48568 w 1249680"/>
                        <a:gd name="connsiteY77" fmla="*/ 756737 h 1411233"/>
                        <a:gd name="connsiteX78" fmla="*/ 29527 w 1249680"/>
                        <a:gd name="connsiteY78" fmla="*/ 718344 h 1411233"/>
                        <a:gd name="connsiteX79" fmla="*/ 104473 w 1249680"/>
                        <a:gd name="connsiteY79" fmla="*/ 693138 h 1411233"/>
                        <a:gd name="connsiteX80" fmla="*/ 77629 w 1249680"/>
                        <a:gd name="connsiteY80" fmla="*/ 617855 h 1411233"/>
                        <a:gd name="connsiteX81" fmla="*/ 39683 w 1249680"/>
                        <a:gd name="connsiteY81" fmla="*/ 611505 h 1411233"/>
                        <a:gd name="connsiteX82" fmla="*/ 0 w 1249680"/>
                        <a:gd name="connsiteY82"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7740 w 1249680"/>
                        <a:gd name="connsiteY16" fmla="*/ 297180 h 1411233"/>
                        <a:gd name="connsiteX17" fmla="*/ 975360 w 1249680"/>
                        <a:gd name="connsiteY17" fmla="*/ 320040 h 1411233"/>
                        <a:gd name="connsiteX18" fmla="*/ 1023138 w 1249680"/>
                        <a:gd name="connsiteY18" fmla="*/ 349568 h 1411233"/>
                        <a:gd name="connsiteX19" fmla="*/ 1134428 w 1249680"/>
                        <a:gd name="connsiteY19" fmla="*/ 400526 h 1411233"/>
                        <a:gd name="connsiteX20" fmla="*/ 1158716 w 1249680"/>
                        <a:gd name="connsiteY20" fmla="*/ 368142 h 1411233"/>
                        <a:gd name="connsiteX21" fmla="*/ 1173480 w 1249680"/>
                        <a:gd name="connsiteY21" fmla="*/ 441960 h 1411233"/>
                        <a:gd name="connsiteX22" fmla="*/ 1249680 w 1249680"/>
                        <a:gd name="connsiteY22" fmla="*/ 419100 h 1411233"/>
                        <a:gd name="connsiteX23" fmla="*/ 1216819 w 1249680"/>
                        <a:gd name="connsiteY23" fmla="*/ 481012 h 1411233"/>
                        <a:gd name="connsiteX24" fmla="*/ 1159193 w 1249680"/>
                        <a:gd name="connsiteY24" fmla="*/ 536734 h 1411233"/>
                        <a:gd name="connsiteX25" fmla="*/ 1094577 w 1249680"/>
                        <a:gd name="connsiteY25" fmla="*/ 621031 h 1411233"/>
                        <a:gd name="connsiteX26" fmla="*/ 1025843 w 1249680"/>
                        <a:gd name="connsiteY26" fmla="*/ 632460 h 1411233"/>
                        <a:gd name="connsiteX27" fmla="*/ 1023139 w 1249680"/>
                        <a:gd name="connsiteY27" fmla="*/ 754380 h 1411233"/>
                        <a:gd name="connsiteX28" fmla="*/ 980122 w 1249680"/>
                        <a:gd name="connsiteY28" fmla="*/ 807244 h 1411233"/>
                        <a:gd name="connsiteX29" fmla="*/ 1015995 w 1249680"/>
                        <a:gd name="connsiteY29" fmla="*/ 847249 h 1411233"/>
                        <a:gd name="connsiteX30" fmla="*/ 993933 w 1249680"/>
                        <a:gd name="connsiteY30" fmla="*/ 891063 h 1411233"/>
                        <a:gd name="connsiteX31" fmla="*/ 1018376 w 1249680"/>
                        <a:gd name="connsiteY31" fmla="*/ 947261 h 1411233"/>
                        <a:gd name="connsiteX32" fmla="*/ 1049179 w 1249680"/>
                        <a:gd name="connsiteY32" fmla="*/ 1024414 h 1411233"/>
                        <a:gd name="connsiteX33" fmla="*/ 1092041 w 1249680"/>
                        <a:gd name="connsiteY33" fmla="*/ 1055370 h 1411233"/>
                        <a:gd name="connsiteX34" fmla="*/ 1093470 w 1249680"/>
                        <a:gd name="connsiteY34" fmla="*/ 1161574 h 1411233"/>
                        <a:gd name="connsiteX35" fmla="*/ 1010127 w 1249680"/>
                        <a:gd name="connsiteY35" fmla="*/ 1155382 h 1411233"/>
                        <a:gd name="connsiteX36" fmla="*/ 1137439 w 1249680"/>
                        <a:gd name="connsiteY36" fmla="*/ 1211579 h 1411233"/>
                        <a:gd name="connsiteX37" fmla="*/ 1171098 w 1249680"/>
                        <a:gd name="connsiteY37" fmla="*/ 1251586 h 1411233"/>
                        <a:gd name="connsiteX38" fmla="*/ 1113626 w 1249680"/>
                        <a:gd name="connsiteY38" fmla="*/ 1373505 h 1411233"/>
                        <a:gd name="connsiteX39" fmla="*/ 1082516 w 1249680"/>
                        <a:gd name="connsiteY39" fmla="*/ 1361598 h 1411233"/>
                        <a:gd name="connsiteX40" fmla="*/ 1063466 w 1249680"/>
                        <a:gd name="connsiteY40" fmla="*/ 1390650 h 1411233"/>
                        <a:gd name="connsiteX41" fmla="*/ 1044570 w 1249680"/>
                        <a:gd name="connsiteY41" fmla="*/ 1359218 h 1411233"/>
                        <a:gd name="connsiteX42" fmla="*/ 918210 w 1249680"/>
                        <a:gd name="connsiteY42" fmla="*/ 1344930 h 1411233"/>
                        <a:gd name="connsiteX43" fmla="*/ 876097 w 1249680"/>
                        <a:gd name="connsiteY43" fmla="*/ 1307028 h 1411233"/>
                        <a:gd name="connsiteX44" fmla="*/ 821650 w 1249680"/>
                        <a:gd name="connsiteY44" fmla="*/ 1340540 h 1411233"/>
                        <a:gd name="connsiteX45" fmla="*/ 749071 w 1249680"/>
                        <a:gd name="connsiteY45" fmla="*/ 1357779 h 1411233"/>
                        <a:gd name="connsiteX46" fmla="*/ 623341 w 1249680"/>
                        <a:gd name="connsiteY46" fmla="*/ 1411233 h 1411233"/>
                        <a:gd name="connsiteX47" fmla="*/ 596895 w 1249680"/>
                        <a:gd name="connsiteY47" fmla="*/ 1375886 h 1411233"/>
                        <a:gd name="connsiteX48" fmla="*/ 391001 w 1249680"/>
                        <a:gd name="connsiteY48" fmla="*/ 1287303 h 1411233"/>
                        <a:gd name="connsiteX49" fmla="*/ 223038 w 1249680"/>
                        <a:gd name="connsiteY49" fmla="*/ 1230630 h 1411233"/>
                        <a:gd name="connsiteX50" fmla="*/ 127788 w 1249680"/>
                        <a:gd name="connsiteY50" fmla="*/ 1223486 h 1411233"/>
                        <a:gd name="connsiteX51" fmla="*/ 123026 w 1249680"/>
                        <a:gd name="connsiteY51" fmla="*/ 1156811 h 1411233"/>
                        <a:gd name="connsiteX52" fmla="*/ 134932 w 1249680"/>
                        <a:gd name="connsiteY52" fmla="*/ 1171098 h 1411233"/>
                        <a:gd name="connsiteX53" fmla="*/ 143351 w 1249680"/>
                        <a:gd name="connsiteY53" fmla="*/ 1202532 h 1411233"/>
                        <a:gd name="connsiteX54" fmla="*/ 180975 w 1249680"/>
                        <a:gd name="connsiteY54" fmla="*/ 1200626 h 1411233"/>
                        <a:gd name="connsiteX55" fmla="*/ 163354 w 1249680"/>
                        <a:gd name="connsiteY55" fmla="*/ 1141095 h 1411233"/>
                        <a:gd name="connsiteX56" fmla="*/ 234791 w 1249680"/>
                        <a:gd name="connsiteY56" fmla="*/ 1096804 h 1411233"/>
                        <a:gd name="connsiteX57" fmla="*/ 249232 w 1249680"/>
                        <a:gd name="connsiteY57" fmla="*/ 1180623 h 1411233"/>
                        <a:gd name="connsiteX58" fmla="*/ 277807 w 1249680"/>
                        <a:gd name="connsiteY58" fmla="*/ 1190149 h 1411233"/>
                        <a:gd name="connsiteX59" fmla="*/ 292417 w 1249680"/>
                        <a:gd name="connsiteY59" fmla="*/ 1068705 h 1411233"/>
                        <a:gd name="connsiteX60" fmla="*/ 323051 w 1249680"/>
                        <a:gd name="connsiteY60" fmla="*/ 1078230 h 1411233"/>
                        <a:gd name="connsiteX61" fmla="*/ 294476 w 1249680"/>
                        <a:gd name="connsiteY61" fmla="*/ 944880 h 1411233"/>
                        <a:gd name="connsiteX62" fmla="*/ 258758 w 1249680"/>
                        <a:gd name="connsiteY62" fmla="*/ 961549 h 1411233"/>
                        <a:gd name="connsiteX63" fmla="*/ 149220 w 1249680"/>
                        <a:gd name="connsiteY63" fmla="*/ 909162 h 1411233"/>
                        <a:gd name="connsiteX64" fmla="*/ 158745 w 1249680"/>
                        <a:gd name="connsiteY64" fmla="*/ 882967 h 1411233"/>
                        <a:gd name="connsiteX65" fmla="*/ 130765 w 1249680"/>
                        <a:gd name="connsiteY65" fmla="*/ 864017 h 1411233"/>
                        <a:gd name="connsiteX66" fmla="*/ 108738 w 1249680"/>
                        <a:gd name="connsiteY66" fmla="*/ 897255 h 1411233"/>
                        <a:gd name="connsiteX67" fmla="*/ 111120 w 1249680"/>
                        <a:gd name="connsiteY67" fmla="*/ 840105 h 1411233"/>
                        <a:gd name="connsiteX68" fmla="*/ 92070 w 1249680"/>
                        <a:gd name="connsiteY68" fmla="*/ 835343 h 1411233"/>
                        <a:gd name="connsiteX69" fmla="*/ 80163 w 1249680"/>
                        <a:gd name="connsiteY69" fmla="*/ 906780 h 1411233"/>
                        <a:gd name="connsiteX70" fmla="*/ 58732 w 1249680"/>
                        <a:gd name="connsiteY70" fmla="*/ 911543 h 1411233"/>
                        <a:gd name="connsiteX71" fmla="*/ 70639 w 1249680"/>
                        <a:gd name="connsiteY71" fmla="*/ 825817 h 1411233"/>
                        <a:gd name="connsiteX72" fmla="*/ 122872 w 1249680"/>
                        <a:gd name="connsiteY72" fmla="*/ 819626 h 1411233"/>
                        <a:gd name="connsiteX73" fmla="*/ 125407 w 1249680"/>
                        <a:gd name="connsiteY73" fmla="*/ 799623 h 1411233"/>
                        <a:gd name="connsiteX74" fmla="*/ 78581 w 1249680"/>
                        <a:gd name="connsiteY74" fmla="*/ 799624 h 1411233"/>
                        <a:gd name="connsiteX75" fmla="*/ 82867 w 1249680"/>
                        <a:gd name="connsiteY75" fmla="*/ 761047 h 1411233"/>
                        <a:gd name="connsiteX76" fmla="*/ 142076 w 1249680"/>
                        <a:gd name="connsiteY76" fmla="*/ 742474 h 1411233"/>
                        <a:gd name="connsiteX77" fmla="*/ 130169 w 1249680"/>
                        <a:gd name="connsiteY77" fmla="*/ 716280 h 1411233"/>
                        <a:gd name="connsiteX78" fmla="*/ 48568 w 1249680"/>
                        <a:gd name="connsiteY78" fmla="*/ 756737 h 1411233"/>
                        <a:gd name="connsiteX79" fmla="*/ 29527 w 1249680"/>
                        <a:gd name="connsiteY79" fmla="*/ 718344 h 1411233"/>
                        <a:gd name="connsiteX80" fmla="*/ 104473 w 1249680"/>
                        <a:gd name="connsiteY80" fmla="*/ 693138 h 1411233"/>
                        <a:gd name="connsiteX81" fmla="*/ 77629 w 1249680"/>
                        <a:gd name="connsiteY81" fmla="*/ 617855 h 1411233"/>
                        <a:gd name="connsiteX82" fmla="*/ 39683 w 1249680"/>
                        <a:gd name="connsiteY82" fmla="*/ 611505 h 1411233"/>
                        <a:gd name="connsiteX83" fmla="*/ 0 w 1249680"/>
                        <a:gd name="connsiteY83"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134428 w 1249680"/>
                        <a:gd name="connsiteY20" fmla="*/ 400526 h 1411233"/>
                        <a:gd name="connsiteX21" fmla="*/ 1158716 w 1249680"/>
                        <a:gd name="connsiteY21" fmla="*/ 368142 h 1411233"/>
                        <a:gd name="connsiteX22" fmla="*/ 1173480 w 1249680"/>
                        <a:gd name="connsiteY22" fmla="*/ 441960 h 1411233"/>
                        <a:gd name="connsiteX23" fmla="*/ 1249680 w 1249680"/>
                        <a:gd name="connsiteY23" fmla="*/ 419100 h 1411233"/>
                        <a:gd name="connsiteX24" fmla="*/ 1216819 w 1249680"/>
                        <a:gd name="connsiteY24" fmla="*/ 481012 h 1411233"/>
                        <a:gd name="connsiteX25" fmla="*/ 1159193 w 1249680"/>
                        <a:gd name="connsiteY25" fmla="*/ 536734 h 1411233"/>
                        <a:gd name="connsiteX26" fmla="*/ 1094577 w 1249680"/>
                        <a:gd name="connsiteY26" fmla="*/ 621031 h 1411233"/>
                        <a:gd name="connsiteX27" fmla="*/ 1025843 w 1249680"/>
                        <a:gd name="connsiteY27" fmla="*/ 632460 h 1411233"/>
                        <a:gd name="connsiteX28" fmla="*/ 1023139 w 1249680"/>
                        <a:gd name="connsiteY28" fmla="*/ 754380 h 1411233"/>
                        <a:gd name="connsiteX29" fmla="*/ 980122 w 1249680"/>
                        <a:gd name="connsiteY29" fmla="*/ 807244 h 1411233"/>
                        <a:gd name="connsiteX30" fmla="*/ 1015995 w 1249680"/>
                        <a:gd name="connsiteY30" fmla="*/ 847249 h 1411233"/>
                        <a:gd name="connsiteX31" fmla="*/ 993933 w 1249680"/>
                        <a:gd name="connsiteY31" fmla="*/ 891063 h 1411233"/>
                        <a:gd name="connsiteX32" fmla="*/ 1018376 w 1249680"/>
                        <a:gd name="connsiteY32" fmla="*/ 947261 h 1411233"/>
                        <a:gd name="connsiteX33" fmla="*/ 1049179 w 1249680"/>
                        <a:gd name="connsiteY33" fmla="*/ 1024414 h 1411233"/>
                        <a:gd name="connsiteX34" fmla="*/ 1092041 w 1249680"/>
                        <a:gd name="connsiteY34" fmla="*/ 1055370 h 1411233"/>
                        <a:gd name="connsiteX35" fmla="*/ 1093470 w 1249680"/>
                        <a:gd name="connsiteY35" fmla="*/ 1161574 h 1411233"/>
                        <a:gd name="connsiteX36" fmla="*/ 1010127 w 1249680"/>
                        <a:gd name="connsiteY36" fmla="*/ 1155382 h 1411233"/>
                        <a:gd name="connsiteX37" fmla="*/ 1137439 w 1249680"/>
                        <a:gd name="connsiteY37" fmla="*/ 1211579 h 1411233"/>
                        <a:gd name="connsiteX38" fmla="*/ 1171098 w 1249680"/>
                        <a:gd name="connsiteY38" fmla="*/ 1251586 h 1411233"/>
                        <a:gd name="connsiteX39" fmla="*/ 1113626 w 1249680"/>
                        <a:gd name="connsiteY39" fmla="*/ 1373505 h 1411233"/>
                        <a:gd name="connsiteX40" fmla="*/ 1082516 w 1249680"/>
                        <a:gd name="connsiteY40" fmla="*/ 1361598 h 1411233"/>
                        <a:gd name="connsiteX41" fmla="*/ 1063466 w 1249680"/>
                        <a:gd name="connsiteY41" fmla="*/ 1390650 h 1411233"/>
                        <a:gd name="connsiteX42" fmla="*/ 1044570 w 1249680"/>
                        <a:gd name="connsiteY42" fmla="*/ 1359218 h 1411233"/>
                        <a:gd name="connsiteX43" fmla="*/ 918210 w 1249680"/>
                        <a:gd name="connsiteY43" fmla="*/ 1344930 h 1411233"/>
                        <a:gd name="connsiteX44" fmla="*/ 876097 w 1249680"/>
                        <a:gd name="connsiteY44" fmla="*/ 1307028 h 1411233"/>
                        <a:gd name="connsiteX45" fmla="*/ 821650 w 1249680"/>
                        <a:gd name="connsiteY45" fmla="*/ 1340540 h 1411233"/>
                        <a:gd name="connsiteX46" fmla="*/ 749071 w 1249680"/>
                        <a:gd name="connsiteY46" fmla="*/ 1357779 h 1411233"/>
                        <a:gd name="connsiteX47" fmla="*/ 623341 w 1249680"/>
                        <a:gd name="connsiteY47" fmla="*/ 1411233 h 1411233"/>
                        <a:gd name="connsiteX48" fmla="*/ 596895 w 1249680"/>
                        <a:gd name="connsiteY48" fmla="*/ 1375886 h 1411233"/>
                        <a:gd name="connsiteX49" fmla="*/ 391001 w 1249680"/>
                        <a:gd name="connsiteY49" fmla="*/ 1287303 h 1411233"/>
                        <a:gd name="connsiteX50" fmla="*/ 223038 w 1249680"/>
                        <a:gd name="connsiteY50" fmla="*/ 1230630 h 1411233"/>
                        <a:gd name="connsiteX51" fmla="*/ 127788 w 1249680"/>
                        <a:gd name="connsiteY51" fmla="*/ 1223486 h 1411233"/>
                        <a:gd name="connsiteX52" fmla="*/ 123026 w 1249680"/>
                        <a:gd name="connsiteY52" fmla="*/ 1156811 h 1411233"/>
                        <a:gd name="connsiteX53" fmla="*/ 134932 w 1249680"/>
                        <a:gd name="connsiteY53" fmla="*/ 1171098 h 1411233"/>
                        <a:gd name="connsiteX54" fmla="*/ 143351 w 1249680"/>
                        <a:gd name="connsiteY54" fmla="*/ 1202532 h 1411233"/>
                        <a:gd name="connsiteX55" fmla="*/ 180975 w 1249680"/>
                        <a:gd name="connsiteY55" fmla="*/ 1200626 h 1411233"/>
                        <a:gd name="connsiteX56" fmla="*/ 163354 w 1249680"/>
                        <a:gd name="connsiteY56" fmla="*/ 1141095 h 1411233"/>
                        <a:gd name="connsiteX57" fmla="*/ 234791 w 1249680"/>
                        <a:gd name="connsiteY57" fmla="*/ 1096804 h 1411233"/>
                        <a:gd name="connsiteX58" fmla="*/ 249232 w 1249680"/>
                        <a:gd name="connsiteY58" fmla="*/ 1180623 h 1411233"/>
                        <a:gd name="connsiteX59" fmla="*/ 277807 w 1249680"/>
                        <a:gd name="connsiteY59" fmla="*/ 1190149 h 1411233"/>
                        <a:gd name="connsiteX60" fmla="*/ 292417 w 1249680"/>
                        <a:gd name="connsiteY60" fmla="*/ 1068705 h 1411233"/>
                        <a:gd name="connsiteX61" fmla="*/ 323051 w 1249680"/>
                        <a:gd name="connsiteY61" fmla="*/ 1078230 h 1411233"/>
                        <a:gd name="connsiteX62" fmla="*/ 294476 w 1249680"/>
                        <a:gd name="connsiteY62" fmla="*/ 944880 h 1411233"/>
                        <a:gd name="connsiteX63" fmla="*/ 258758 w 1249680"/>
                        <a:gd name="connsiteY63" fmla="*/ 961549 h 1411233"/>
                        <a:gd name="connsiteX64" fmla="*/ 149220 w 1249680"/>
                        <a:gd name="connsiteY64" fmla="*/ 909162 h 1411233"/>
                        <a:gd name="connsiteX65" fmla="*/ 158745 w 1249680"/>
                        <a:gd name="connsiteY65" fmla="*/ 882967 h 1411233"/>
                        <a:gd name="connsiteX66" fmla="*/ 130765 w 1249680"/>
                        <a:gd name="connsiteY66" fmla="*/ 864017 h 1411233"/>
                        <a:gd name="connsiteX67" fmla="*/ 108738 w 1249680"/>
                        <a:gd name="connsiteY67" fmla="*/ 897255 h 1411233"/>
                        <a:gd name="connsiteX68" fmla="*/ 111120 w 1249680"/>
                        <a:gd name="connsiteY68" fmla="*/ 840105 h 1411233"/>
                        <a:gd name="connsiteX69" fmla="*/ 92070 w 1249680"/>
                        <a:gd name="connsiteY69" fmla="*/ 835343 h 1411233"/>
                        <a:gd name="connsiteX70" fmla="*/ 80163 w 1249680"/>
                        <a:gd name="connsiteY70" fmla="*/ 906780 h 1411233"/>
                        <a:gd name="connsiteX71" fmla="*/ 58732 w 1249680"/>
                        <a:gd name="connsiteY71" fmla="*/ 911543 h 1411233"/>
                        <a:gd name="connsiteX72" fmla="*/ 70639 w 1249680"/>
                        <a:gd name="connsiteY72" fmla="*/ 825817 h 1411233"/>
                        <a:gd name="connsiteX73" fmla="*/ 122872 w 1249680"/>
                        <a:gd name="connsiteY73" fmla="*/ 819626 h 1411233"/>
                        <a:gd name="connsiteX74" fmla="*/ 125407 w 1249680"/>
                        <a:gd name="connsiteY74" fmla="*/ 799623 h 1411233"/>
                        <a:gd name="connsiteX75" fmla="*/ 78581 w 1249680"/>
                        <a:gd name="connsiteY75" fmla="*/ 799624 h 1411233"/>
                        <a:gd name="connsiteX76" fmla="*/ 82867 w 1249680"/>
                        <a:gd name="connsiteY76" fmla="*/ 761047 h 1411233"/>
                        <a:gd name="connsiteX77" fmla="*/ 142076 w 1249680"/>
                        <a:gd name="connsiteY77" fmla="*/ 742474 h 1411233"/>
                        <a:gd name="connsiteX78" fmla="*/ 130169 w 1249680"/>
                        <a:gd name="connsiteY78" fmla="*/ 716280 h 1411233"/>
                        <a:gd name="connsiteX79" fmla="*/ 48568 w 1249680"/>
                        <a:gd name="connsiteY79" fmla="*/ 756737 h 1411233"/>
                        <a:gd name="connsiteX80" fmla="*/ 29527 w 1249680"/>
                        <a:gd name="connsiteY80" fmla="*/ 718344 h 1411233"/>
                        <a:gd name="connsiteX81" fmla="*/ 104473 w 1249680"/>
                        <a:gd name="connsiteY81" fmla="*/ 693138 h 1411233"/>
                        <a:gd name="connsiteX82" fmla="*/ 77629 w 1249680"/>
                        <a:gd name="connsiteY82" fmla="*/ 617855 h 1411233"/>
                        <a:gd name="connsiteX83" fmla="*/ 39683 w 1249680"/>
                        <a:gd name="connsiteY83" fmla="*/ 611505 h 1411233"/>
                        <a:gd name="connsiteX84" fmla="*/ 0 w 1249680"/>
                        <a:gd name="connsiteY84"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288 w 1249680"/>
                        <a:gd name="connsiteY20" fmla="*/ 378143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34428 w 1249680"/>
                        <a:gd name="connsiteY21" fmla="*/ 400526 h 1411233"/>
                        <a:gd name="connsiteX22" fmla="*/ 1158716 w 1249680"/>
                        <a:gd name="connsiteY22" fmla="*/ 368142 h 1411233"/>
                        <a:gd name="connsiteX23" fmla="*/ 1173480 w 1249680"/>
                        <a:gd name="connsiteY23" fmla="*/ 441960 h 1411233"/>
                        <a:gd name="connsiteX24" fmla="*/ 1249680 w 1249680"/>
                        <a:gd name="connsiteY24" fmla="*/ 419100 h 1411233"/>
                        <a:gd name="connsiteX25" fmla="*/ 1216819 w 1249680"/>
                        <a:gd name="connsiteY25" fmla="*/ 481012 h 1411233"/>
                        <a:gd name="connsiteX26" fmla="*/ 1159193 w 1249680"/>
                        <a:gd name="connsiteY26" fmla="*/ 536734 h 1411233"/>
                        <a:gd name="connsiteX27" fmla="*/ 1094577 w 1249680"/>
                        <a:gd name="connsiteY27" fmla="*/ 621031 h 1411233"/>
                        <a:gd name="connsiteX28" fmla="*/ 1025843 w 1249680"/>
                        <a:gd name="connsiteY28" fmla="*/ 632460 h 1411233"/>
                        <a:gd name="connsiteX29" fmla="*/ 1023139 w 1249680"/>
                        <a:gd name="connsiteY29" fmla="*/ 754380 h 1411233"/>
                        <a:gd name="connsiteX30" fmla="*/ 980122 w 1249680"/>
                        <a:gd name="connsiteY30" fmla="*/ 807244 h 1411233"/>
                        <a:gd name="connsiteX31" fmla="*/ 1015995 w 1249680"/>
                        <a:gd name="connsiteY31" fmla="*/ 847249 h 1411233"/>
                        <a:gd name="connsiteX32" fmla="*/ 993933 w 1249680"/>
                        <a:gd name="connsiteY32" fmla="*/ 891063 h 1411233"/>
                        <a:gd name="connsiteX33" fmla="*/ 1018376 w 1249680"/>
                        <a:gd name="connsiteY33" fmla="*/ 947261 h 1411233"/>
                        <a:gd name="connsiteX34" fmla="*/ 1049179 w 1249680"/>
                        <a:gd name="connsiteY34" fmla="*/ 1024414 h 1411233"/>
                        <a:gd name="connsiteX35" fmla="*/ 1092041 w 1249680"/>
                        <a:gd name="connsiteY35" fmla="*/ 1055370 h 1411233"/>
                        <a:gd name="connsiteX36" fmla="*/ 1093470 w 1249680"/>
                        <a:gd name="connsiteY36" fmla="*/ 1161574 h 1411233"/>
                        <a:gd name="connsiteX37" fmla="*/ 1010127 w 1249680"/>
                        <a:gd name="connsiteY37" fmla="*/ 1155382 h 1411233"/>
                        <a:gd name="connsiteX38" fmla="*/ 1137439 w 1249680"/>
                        <a:gd name="connsiteY38" fmla="*/ 1211579 h 1411233"/>
                        <a:gd name="connsiteX39" fmla="*/ 1171098 w 1249680"/>
                        <a:gd name="connsiteY39" fmla="*/ 1251586 h 1411233"/>
                        <a:gd name="connsiteX40" fmla="*/ 1113626 w 1249680"/>
                        <a:gd name="connsiteY40" fmla="*/ 1373505 h 1411233"/>
                        <a:gd name="connsiteX41" fmla="*/ 1082516 w 1249680"/>
                        <a:gd name="connsiteY41" fmla="*/ 1361598 h 1411233"/>
                        <a:gd name="connsiteX42" fmla="*/ 1063466 w 1249680"/>
                        <a:gd name="connsiteY42" fmla="*/ 1390650 h 1411233"/>
                        <a:gd name="connsiteX43" fmla="*/ 1044570 w 1249680"/>
                        <a:gd name="connsiteY43" fmla="*/ 1359218 h 1411233"/>
                        <a:gd name="connsiteX44" fmla="*/ 918210 w 1249680"/>
                        <a:gd name="connsiteY44" fmla="*/ 1344930 h 1411233"/>
                        <a:gd name="connsiteX45" fmla="*/ 876097 w 1249680"/>
                        <a:gd name="connsiteY45" fmla="*/ 1307028 h 1411233"/>
                        <a:gd name="connsiteX46" fmla="*/ 821650 w 1249680"/>
                        <a:gd name="connsiteY46" fmla="*/ 1340540 h 1411233"/>
                        <a:gd name="connsiteX47" fmla="*/ 749071 w 1249680"/>
                        <a:gd name="connsiteY47" fmla="*/ 1357779 h 1411233"/>
                        <a:gd name="connsiteX48" fmla="*/ 623341 w 1249680"/>
                        <a:gd name="connsiteY48" fmla="*/ 1411233 h 1411233"/>
                        <a:gd name="connsiteX49" fmla="*/ 596895 w 1249680"/>
                        <a:gd name="connsiteY49" fmla="*/ 1375886 h 1411233"/>
                        <a:gd name="connsiteX50" fmla="*/ 391001 w 1249680"/>
                        <a:gd name="connsiteY50" fmla="*/ 1287303 h 1411233"/>
                        <a:gd name="connsiteX51" fmla="*/ 223038 w 1249680"/>
                        <a:gd name="connsiteY51" fmla="*/ 1230630 h 1411233"/>
                        <a:gd name="connsiteX52" fmla="*/ 127788 w 1249680"/>
                        <a:gd name="connsiteY52" fmla="*/ 1223486 h 1411233"/>
                        <a:gd name="connsiteX53" fmla="*/ 123026 w 1249680"/>
                        <a:gd name="connsiteY53" fmla="*/ 1156811 h 1411233"/>
                        <a:gd name="connsiteX54" fmla="*/ 134932 w 1249680"/>
                        <a:gd name="connsiteY54" fmla="*/ 1171098 h 1411233"/>
                        <a:gd name="connsiteX55" fmla="*/ 143351 w 1249680"/>
                        <a:gd name="connsiteY55" fmla="*/ 1202532 h 1411233"/>
                        <a:gd name="connsiteX56" fmla="*/ 180975 w 1249680"/>
                        <a:gd name="connsiteY56" fmla="*/ 1200626 h 1411233"/>
                        <a:gd name="connsiteX57" fmla="*/ 163354 w 1249680"/>
                        <a:gd name="connsiteY57" fmla="*/ 1141095 h 1411233"/>
                        <a:gd name="connsiteX58" fmla="*/ 234791 w 1249680"/>
                        <a:gd name="connsiteY58" fmla="*/ 1096804 h 1411233"/>
                        <a:gd name="connsiteX59" fmla="*/ 249232 w 1249680"/>
                        <a:gd name="connsiteY59" fmla="*/ 1180623 h 1411233"/>
                        <a:gd name="connsiteX60" fmla="*/ 277807 w 1249680"/>
                        <a:gd name="connsiteY60" fmla="*/ 1190149 h 1411233"/>
                        <a:gd name="connsiteX61" fmla="*/ 292417 w 1249680"/>
                        <a:gd name="connsiteY61" fmla="*/ 1068705 h 1411233"/>
                        <a:gd name="connsiteX62" fmla="*/ 323051 w 1249680"/>
                        <a:gd name="connsiteY62" fmla="*/ 1078230 h 1411233"/>
                        <a:gd name="connsiteX63" fmla="*/ 294476 w 1249680"/>
                        <a:gd name="connsiteY63" fmla="*/ 944880 h 1411233"/>
                        <a:gd name="connsiteX64" fmla="*/ 258758 w 1249680"/>
                        <a:gd name="connsiteY64" fmla="*/ 961549 h 1411233"/>
                        <a:gd name="connsiteX65" fmla="*/ 149220 w 1249680"/>
                        <a:gd name="connsiteY65" fmla="*/ 909162 h 1411233"/>
                        <a:gd name="connsiteX66" fmla="*/ 158745 w 1249680"/>
                        <a:gd name="connsiteY66" fmla="*/ 882967 h 1411233"/>
                        <a:gd name="connsiteX67" fmla="*/ 130765 w 1249680"/>
                        <a:gd name="connsiteY67" fmla="*/ 864017 h 1411233"/>
                        <a:gd name="connsiteX68" fmla="*/ 108738 w 1249680"/>
                        <a:gd name="connsiteY68" fmla="*/ 897255 h 1411233"/>
                        <a:gd name="connsiteX69" fmla="*/ 111120 w 1249680"/>
                        <a:gd name="connsiteY69" fmla="*/ 840105 h 1411233"/>
                        <a:gd name="connsiteX70" fmla="*/ 92070 w 1249680"/>
                        <a:gd name="connsiteY70" fmla="*/ 835343 h 1411233"/>
                        <a:gd name="connsiteX71" fmla="*/ 80163 w 1249680"/>
                        <a:gd name="connsiteY71" fmla="*/ 906780 h 1411233"/>
                        <a:gd name="connsiteX72" fmla="*/ 58732 w 1249680"/>
                        <a:gd name="connsiteY72" fmla="*/ 911543 h 1411233"/>
                        <a:gd name="connsiteX73" fmla="*/ 70639 w 1249680"/>
                        <a:gd name="connsiteY73" fmla="*/ 825817 h 1411233"/>
                        <a:gd name="connsiteX74" fmla="*/ 122872 w 1249680"/>
                        <a:gd name="connsiteY74" fmla="*/ 819626 h 1411233"/>
                        <a:gd name="connsiteX75" fmla="*/ 125407 w 1249680"/>
                        <a:gd name="connsiteY75" fmla="*/ 799623 h 1411233"/>
                        <a:gd name="connsiteX76" fmla="*/ 78581 w 1249680"/>
                        <a:gd name="connsiteY76" fmla="*/ 799624 h 1411233"/>
                        <a:gd name="connsiteX77" fmla="*/ 82867 w 1249680"/>
                        <a:gd name="connsiteY77" fmla="*/ 761047 h 1411233"/>
                        <a:gd name="connsiteX78" fmla="*/ 142076 w 1249680"/>
                        <a:gd name="connsiteY78" fmla="*/ 742474 h 1411233"/>
                        <a:gd name="connsiteX79" fmla="*/ 130169 w 1249680"/>
                        <a:gd name="connsiteY79" fmla="*/ 716280 h 1411233"/>
                        <a:gd name="connsiteX80" fmla="*/ 48568 w 1249680"/>
                        <a:gd name="connsiteY80" fmla="*/ 756737 h 1411233"/>
                        <a:gd name="connsiteX81" fmla="*/ 29527 w 1249680"/>
                        <a:gd name="connsiteY81" fmla="*/ 718344 h 1411233"/>
                        <a:gd name="connsiteX82" fmla="*/ 104473 w 1249680"/>
                        <a:gd name="connsiteY82" fmla="*/ 693138 h 1411233"/>
                        <a:gd name="connsiteX83" fmla="*/ 77629 w 1249680"/>
                        <a:gd name="connsiteY83" fmla="*/ 617855 h 1411233"/>
                        <a:gd name="connsiteX84" fmla="*/ 39683 w 1249680"/>
                        <a:gd name="connsiteY84" fmla="*/ 611505 h 1411233"/>
                        <a:gd name="connsiteX85" fmla="*/ 0 w 1249680"/>
                        <a:gd name="connsiteY85"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47211 w 1249680"/>
                        <a:gd name="connsiteY21" fmla="*/ 390148 h 1411233"/>
                        <a:gd name="connsiteX22" fmla="*/ 1134428 w 1249680"/>
                        <a:gd name="connsiteY22" fmla="*/ 400526 h 1411233"/>
                        <a:gd name="connsiteX23" fmla="*/ 1158716 w 1249680"/>
                        <a:gd name="connsiteY23" fmla="*/ 368142 h 1411233"/>
                        <a:gd name="connsiteX24" fmla="*/ 1173480 w 1249680"/>
                        <a:gd name="connsiteY24" fmla="*/ 441960 h 1411233"/>
                        <a:gd name="connsiteX25" fmla="*/ 1249680 w 1249680"/>
                        <a:gd name="connsiteY25" fmla="*/ 419100 h 1411233"/>
                        <a:gd name="connsiteX26" fmla="*/ 1216819 w 1249680"/>
                        <a:gd name="connsiteY26" fmla="*/ 481012 h 1411233"/>
                        <a:gd name="connsiteX27" fmla="*/ 1159193 w 1249680"/>
                        <a:gd name="connsiteY27" fmla="*/ 536734 h 1411233"/>
                        <a:gd name="connsiteX28" fmla="*/ 1094577 w 1249680"/>
                        <a:gd name="connsiteY28" fmla="*/ 621031 h 1411233"/>
                        <a:gd name="connsiteX29" fmla="*/ 1025843 w 1249680"/>
                        <a:gd name="connsiteY29" fmla="*/ 632460 h 1411233"/>
                        <a:gd name="connsiteX30" fmla="*/ 1023139 w 1249680"/>
                        <a:gd name="connsiteY30" fmla="*/ 754380 h 1411233"/>
                        <a:gd name="connsiteX31" fmla="*/ 980122 w 1249680"/>
                        <a:gd name="connsiteY31" fmla="*/ 807244 h 1411233"/>
                        <a:gd name="connsiteX32" fmla="*/ 1015995 w 1249680"/>
                        <a:gd name="connsiteY32" fmla="*/ 847249 h 1411233"/>
                        <a:gd name="connsiteX33" fmla="*/ 993933 w 1249680"/>
                        <a:gd name="connsiteY33" fmla="*/ 891063 h 1411233"/>
                        <a:gd name="connsiteX34" fmla="*/ 1018376 w 1249680"/>
                        <a:gd name="connsiteY34" fmla="*/ 947261 h 1411233"/>
                        <a:gd name="connsiteX35" fmla="*/ 1049179 w 1249680"/>
                        <a:gd name="connsiteY35" fmla="*/ 1024414 h 1411233"/>
                        <a:gd name="connsiteX36" fmla="*/ 1092041 w 1249680"/>
                        <a:gd name="connsiteY36" fmla="*/ 1055370 h 1411233"/>
                        <a:gd name="connsiteX37" fmla="*/ 1093470 w 1249680"/>
                        <a:gd name="connsiteY37" fmla="*/ 1161574 h 1411233"/>
                        <a:gd name="connsiteX38" fmla="*/ 1010127 w 1249680"/>
                        <a:gd name="connsiteY38" fmla="*/ 1155382 h 1411233"/>
                        <a:gd name="connsiteX39" fmla="*/ 1137439 w 1249680"/>
                        <a:gd name="connsiteY39" fmla="*/ 1211579 h 1411233"/>
                        <a:gd name="connsiteX40" fmla="*/ 1171098 w 1249680"/>
                        <a:gd name="connsiteY40" fmla="*/ 1251586 h 1411233"/>
                        <a:gd name="connsiteX41" fmla="*/ 1113626 w 1249680"/>
                        <a:gd name="connsiteY41" fmla="*/ 1373505 h 1411233"/>
                        <a:gd name="connsiteX42" fmla="*/ 1082516 w 1249680"/>
                        <a:gd name="connsiteY42" fmla="*/ 1361598 h 1411233"/>
                        <a:gd name="connsiteX43" fmla="*/ 1063466 w 1249680"/>
                        <a:gd name="connsiteY43" fmla="*/ 1390650 h 1411233"/>
                        <a:gd name="connsiteX44" fmla="*/ 1044570 w 1249680"/>
                        <a:gd name="connsiteY44" fmla="*/ 1359218 h 1411233"/>
                        <a:gd name="connsiteX45" fmla="*/ 918210 w 1249680"/>
                        <a:gd name="connsiteY45" fmla="*/ 1344930 h 1411233"/>
                        <a:gd name="connsiteX46" fmla="*/ 876097 w 1249680"/>
                        <a:gd name="connsiteY46" fmla="*/ 1307028 h 1411233"/>
                        <a:gd name="connsiteX47" fmla="*/ 821650 w 1249680"/>
                        <a:gd name="connsiteY47" fmla="*/ 1340540 h 1411233"/>
                        <a:gd name="connsiteX48" fmla="*/ 749071 w 1249680"/>
                        <a:gd name="connsiteY48" fmla="*/ 1357779 h 1411233"/>
                        <a:gd name="connsiteX49" fmla="*/ 623341 w 1249680"/>
                        <a:gd name="connsiteY49" fmla="*/ 1411233 h 1411233"/>
                        <a:gd name="connsiteX50" fmla="*/ 596895 w 1249680"/>
                        <a:gd name="connsiteY50" fmla="*/ 1375886 h 1411233"/>
                        <a:gd name="connsiteX51" fmla="*/ 391001 w 1249680"/>
                        <a:gd name="connsiteY51" fmla="*/ 1287303 h 1411233"/>
                        <a:gd name="connsiteX52" fmla="*/ 223038 w 1249680"/>
                        <a:gd name="connsiteY52" fmla="*/ 1230630 h 1411233"/>
                        <a:gd name="connsiteX53" fmla="*/ 127788 w 1249680"/>
                        <a:gd name="connsiteY53" fmla="*/ 1223486 h 1411233"/>
                        <a:gd name="connsiteX54" fmla="*/ 123026 w 1249680"/>
                        <a:gd name="connsiteY54" fmla="*/ 1156811 h 1411233"/>
                        <a:gd name="connsiteX55" fmla="*/ 134932 w 1249680"/>
                        <a:gd name="connsiteY55" fmla="*/ 1171098 h 1411233"/>
                        <a:gd name="connsiteX56" fmla="*/ 143351 w 1249680"/>
                        <a:gd name="connsiteY56" fmla="*/ 1202532 h 1411233"/>
                        <a:gd name="connsiteX57" fmla="*/ 180975 w 1249680"/>
                        <a:gd name="connsiteY57" fmla="*/ 1200626 h 1411233"/>
                        <a:gd name="connsiteX58" fmla="*/ 163354 w 1249680"/>
                        <a:gd name="connsiteY58" fmla="*/ 1141095 h 1411233"/>
                        <a:gd name="connsiteX59" fmla="*/ 234791 w 1249680"/>
                        <a:gd name="connsiteY59" fmla="*/ 1096804 h 1411233"/>
                        <a:gd name="connsiteX60" fmla="*/ 249232 w 1249680"/>
                        <a:gd name="connsiteY60" fmla="*/ 1180623 h 1411233"/>
                        <a:gd name="connsiteX61" fmla="*/ 277807 w 1249680"/>
                        <a:gd name="connsiteY61" fmla="*/ 1190149 h 1411233"/>
                        <a:gd name="connsiteX62" fmla="*/ 292417 w 1249680"/>
                        <a:gd name="connsiteY62" fmla="*/ 1068705 h 1411233"/>
                        <a:gd name="connsiteX63" fmla="*/ 323051 w 1249680"/>
                        <a:gd name="connsiteY63" fmla="*/ 1078230 h 1411233"/>
                        <a:gd name="connsiteX64" fmla="*/ 294476 w 1249680"/>
                        <a:gd name="connsiteY64" fmla="*/ 944880 h 1411233"/>
                        <a:gd name="connsiteX65" fmla="*/ 258758 w 1249680"/>
                        <a:gd name="connsiteY65" fmla="*/ 961549 h 1411233"/>
                        <a:gd name="connsiteX66" fmla="*/ 149220 w 1249680"/>
                        <a:gd name="connsiteY66" fmla="*/ 909162 h 1411233"/>
                        <a:gd name="connsiteX67" fmla="*/ 158745 w 1249680"/>
                        <a:gd name="connsiteY67" fmla="*/ 882967 h 1411233"/>
                        <a:gd name="connsiteX68" fmla="*/ 130765 w 1249680"/>
                        <a:gd name="connsiteY68" fmla="*/ 864017 h 1411233"/>
                        <a:gd name="connsiteX69" fmla="*/ 108738 w 1249680"/>
                        <a:gd name="connsiteY69" fmla="*/ 897255 h 1411233"/>
                        <a:gd name="connsiteX70" fmla="*/ 111120 w 1249680"/>
                        <a:gd name="connsiteY70" fmla="*/ 840105 h 1411233"/>
                        <a:gd name="connsiteX71" fmla="*/ 92070 w 1249680"/>
                        <a:gd name="connsiteY71" fmla="*/ 835343 h 1411233"/>
                        <a:gd name="connsiteX72" fmla="*/ 80163 w 1249680"/>
                        <a:gd name="connsiteY72" fmla="*/ 906780 h 1411233"/>
                        <a:gd name="connsiteX73" fmla="*/ 58732 w 1249680"/>
                        <a:gd name="connsiteY73" fmla="*/ 911543 h 1411233"/>
                        <a:gd name="connsiteX74" fmla="*/ 70639 w 1249680"/>
                        <a:gd name="connsiteY74" fmla="*/ 825817 h 1411233"/>
                        <a:gd name="connsiteX75" fmla="*/ 122872 w 1249680"/>
                        <a:gd name="connsiteY75" fmla="*/ 819626 h 1411233"/>
                        <a:gd name="connsiteX76" fmla="*/ 125407 w 1249680"/>
                        <a:gd name="connsiteY76" fmla="*/ 799623 h 1411233"/>
                        <a:gd name="connsiteX77" fmla="*/ 78581 w 1249680"/>
                        <a:gd name="connsiteY77" fmla="*/ 799624 h 1411233"/>
                        <a:gd name="connsiteX78" fmla="*/ 82867 w 1249680"/>
                        <a:gd name="connsiteY78" fmla="*/ 761047 h 1411233"/>
                        <a:gd name="connsiteX79" fmla="*/ 142076 w 1249680"/>
                        <a:gd name="connsiteY79" fmla="*/ 742474 h 1411233"/>
                        <a:gd name="connsiteX80" fmla="*/ 130169 w 1249680"/>
                        <a:gd name="connsiteY80" fmla="*/ 716280 h 1411233"/>
                        <a:gd name="connsiteX81" fmla="*/ 48568 w 1249680"/>
                        <a:gd name="connsiteY81" fmla="*/ 756737 h 1411233"/>
                        <a:gd name="connsiteX82" fmla="*/ 29527 w 1249680"/>
                        <a:gd name="connsiteY82" fmla="*/ 718344 h 1411233"/>
                        <a:gd name="connsiteX83" fmla="*/ 104473 w 1249680"/>
                        <a:gd name="connsiteY83" fmla="*/ 693138 h 1411233"/>
                        <a:gd name="connsiteX84" fmla="*/ 77629 w 1249680"/>
                        <a:gd name="connsiteY84" fmla="*/ 617855 h 1411233"/>
                        <a:gd name="connsiteX85" fmla="*/ 39683 w 1249680"/>
                        <a:gd name="connsiteY85" fmla="*/ 611505 h 1411233"/>
                        <a:gd name="connsiteX86" fmla="*/ 0 w 1249680"/>
                        <a:gd name="connsiteY86"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1720 w 1249680"/>
                        <a:gd name="connsiteY21" fmla="*/ 437674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82657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5840 w 1249680"/>
                        <a:gd name="connsiteY15" fmla="*/ 190500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82980 w 1249680"/>
                        <a:gd name="connsiteY14" fmla="*/ 167640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44880 w 1249680"/>
                        <a:gd name="connsiteY12" fmla="*/ 76200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22960 w 1249680"/>
                        <a:gd name="connsiteY9" fmla="*/ 45720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906780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30580 w 1249680"/>
                        <a:gd name="connsiteY8" fmla="*/ 114300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8674 w 1249680"/>
                        <a:gd name="connsiteY8" fmla="*/ 61913 h 1411233"/>
                        <a:gd name="connsiteX9" fmla="*/ 853916 w 1249680"/>
                        <a:gd name="connsiteY9" fmla="*/ 50482 h 1411233"/>
                        <a:gd name="connsiteX10" fmla="*/ 885349 w 1249680"/>
                        <a:gd name="connsiteY10" fmla="*/ 0 h 1411233"/>
                        <a:gd name="connsiteX11" fmla="*/ 937260 w 1249680"/>
                        <a:gd name="connsiteY11" fmla="*/ 0 h 1411233"/>
                        <a:gd name="connsiteX12" fmla="*/ 932974 w 1249680"/>
                        <a:gd name="connsiteY12" fmla="*/ 59531 h 1411233"/>
                        <a:gd name="connsiteX13" fmla="*/ 1013460 w 1249680"/>
                        <a:gd name="connsiteY13" fmla="*/ 99060 h 1411233"/>
                        <a:gd name="connsiteX14" fmla="*/ 971074 w 1249680"/>
                        <a:gd name="connsiteY14" fmla="*/ 177165 h 1411233"/>
                        <a:gd name="connsiteX15" fmla="*/ 1001077 w 1249680"/>
                        <a:gd name="connsiteY15" fmla="*/ 197644 h 1411233"/>
                        <a:gd name="connsiteX16" fmla="*/ 968369 w 1249680"/>
                        <a:gd name="connsiteY16" fmla="*/ 249555 h 1411233"/>
                        <a:gd name="connsiteX17" fmla="*/ 967740 w 1249680"/>
                        <a:gd name="connsiteY17" fmla="*/ 297180 h 1411233"/>
                        <a:gd name="connsiteX18" fmla="*/ 975360 w 1249680"/>
                        <a:gd name="connsiteY18" fmla="*/ 320040 h 1411233"/>
                        <a:gd name="connsiteX19" fmla="*/ 1023138 w 1249680"/>
                        <a:gd name="connsiteY19" fmla="*/ 349568 h 1411233"/>
                        <a:gd name="connsiteX20" fmla="*/ 1080611 w 1249680"/>
                        <a:gd name="connsiteY20" fmla="*/ 461388 h 1411233"/>
                        <a:gd name="connsiteX21" fmla="*/ 1106805 w 1249680"/>
                        <a:gd name="connsiteY21" fmla="*/ 403667 h 1411233"/>
                        <a:gd name="connsiteX22" fmla="*/ 1147211 w 1249680"/>
                        <a:gd name="connsiteY22" fmla="*/ 390148 h 1411233"/>
                        <a:gd name="connsiteX23" fmla="*/ 1134428 w 1249680"/>
                        <a:gd name="connsiteY23" fmla="*/ 400526 h 1411233"/>
                        <a:gd name="connsiteX24" fmla="*/ 1158716 w 1249680"/>
                        <a:gd name="connsiteY24" fmla="*/ 368142 h 1411233"/>
                        <a:gd name="connsiteX25" fmla="*/ 1173480 w 1249680"/>
                        <a:gd name="connsiteY25" fmla="*/ 441960 h 1411233"/>
                        <a:gd name="connsiteX26" fmla="*/ 1249680 w 1249680"/>
                        <a:gd name="connsiteY26" fmla="*/ 419100 h 1411233"/>
                        <a:gd name="connsiteX27" fmla="*/ 1216819 w 1249680"/>
                        <a:gd name="connsiteY27" fmla="*/ 481012 h 1411233"/>
                        <a:gd name="connsiteX28" fmla="*/ 1159193 w 1249680"/>
                        <a:gd name="connsiteY28" fmla="*/ 536734 h 1411233"/>
                        <a:gd name="connsiteX29" fmla="*/ 1094577 w 1249680"/>
                        <a:gd name="connsiteY29" fmla="*/ 621031 h 1411233"/>
                        <a:gd name="connsiteX30" fmla="*/ 1025843 w 1249680"/>
                        <a:gd name="connsiteY30" fmla="*/ 632460 h 1411233"/>
                        <a:gd name="connsiteX31" fmla="*/ 1023139 w 1249680"/>
                        <a:gd name="connsiteY31" fmla="*/ 754380 h 1411233"/>
                        <a:gd name="connsiteX32" fmla="*/ 980122 w 1249680"/>
                        <a:gd name="connsiteY32" fmla="*/ 807244 h 1411233"/>
                        <a:gd name="connsiteX33" fmla="*/ 1015995 w 1249680"/>
                        <a:gd name="connsiteY33" fmla="*/ 847249 h 1411233"/>
                        <a:gd name="connsiteX34" fmla="*/ 993933 w 1249680"/>
                        <a:gd name="connsiteY34" fmla="*/ 891063 h 1411233"/>
                        <a:gd name="connsiteX35" fmla="*/ 1018376 w 1249680"/>
                        <a:gd name="connsiteY35" fmla="*/ 947261 h 1411233"/>
                        <a:gd name="connsiteX36" fmla="*/ 1049179 w 1249680"/>
                        <a:gd name="connsiteY36" fmla="*/ 1024414 h 1411233"/>
                        <a:gd name="connsiteX37" fmla="*/ 1092041 w 1249680"/>
                        <a:gd name="connsiteY37" fmla="*/ 1055370 h 1411233"/>
                        <a:gd name="connsiteX38" fmla="*/ 1093470 w 1249680"/>
                        <a:gd name="connsiteY38" fmla="*/ 1161574 h 1411233"/>
                        <a:gd name="connsiteX39" fmla="*/ 1010127 w 1249680"/>
                        <a:gd name="connsiteY39" fmla="*/ 1155382 h 1411233"/>
                        <a:gd name="connsiteX40" fmla="*/ 1137439 w 1249680"/>
                        <a:gd name="connsiteY40" fmla="*/ 1211579 h 1411233"/>
                        <a:gd name="connsiteX41" fmla="*/ 1171098 w 1249680"/>
                        <a:gd name="connsiteY41" fmla="*/ 1251586 h 1411233"/>
                        <a:gd name="connsiteX42" fmla="*/ 1113626 w 1249680"/>
                        <a:gd name="connsiteY42" fmla="*/ 1373505 h 1411233"/>
                        <a:gd name="connsiteX43" fmla="*/ 1082516 w 1249680"/>
                        <a:gd name="connsiteY43" fmla="*/ 1361598 h 1411233"/>
                        <a:gd name="connsiteX44" fmla="*/ 1063466 w 1249680"/>
                        <a:gd name="connsiteY44" fmla="*/ 1390650 h 1411233"/>
                        <a:gd name="connsiteX45" fmla="*/ 1044570 w 1249680"/>
                        <a:gd name="connsiteY45" fmla="*/ 1359218 h 1411233"/>
                        <a:gd name="connsiteX46" fmla="*/ 918210 w 1249680"/>
                        <a:gd name="connsiteY46" fmla="*/ 1344930 h 1411233"/>
                        <a:gd name="connsiteX47" fmla="*/ 876097 w 1249680"/>
                        <a:gd name="connsiteY47" fmla="*/ 1307028 h 1411233"/>
                        <a:gd name="connsiteX48" fmla="*/ 821650 w 1249680"/>
                        <a:gd name="connsiteY48" fmla="*/ 1340540 h 1411233"/>
                        <a:gd name="connsiteX49" fmla="*/ 749071 w 1249680"/>
                        <a:gd name="connsiteY49" fmla="*/ 1357779 h 1411233"/>
                        <a:gd name="connsiteX50" fmla="*/ 623341 w 1249680"/>
                        <a:gd name="connsiteY50" fmla="*/ 1411233 h 1411233"/>
                        <a:gd name="connsiteX51" fmla="*/ 596895 w 1249680"/>
                        <a:gd name="connsiteY51" fmla="*/ 1375886 h 1411233"/>
                        <a:gd name="connsiteX52" fmla="*/ 391001 w 1249680"/>
                        <a:gd name="connsiteY52" fmla="*/ 1287303 h 1411233"/>
                        <a:gd name="connsiteX53" fmla="*/ 223038 w 1249680"/>
                        <a:gd name="connsiteY53" fmla="*/ 1230630 h 1411233"/>
                        <a:gd name="connsiteX54" fmla="*/ 127788 w 1249680"/>
                        <a:gd name="connsiteY54" fmla="*/ 1223486 h 1411233"/>
                        <a:gd name="connsiteX55" fmla="*/ 123026 w 1249680"/>
                        <a:gd name="connsiteY55" fmla="*/ 1156811 h 1411233"/>
                        <a:gd name="connsiteX56" fmla="*/ 134932 w 1249680"/>
                        <a:gd name="connsiteY56" fmla="*/ 1171098 h 1411233"/>
                        <a:gd name="connsiteX57" fmla="*/ 143351 w 1249680"/>
                        <a:gd name="connsiteY57" fmla="*/ 1202532 h 1411233"/>
                        <a:gd name="connsiteX58" fmla="*/ 180975 w 1249680"/>
                        <a:gd name="connsiteY58" fmla="*/ 1200626 h 1411233"/>
                        <a:gd name="connsiteX59" fmla="*/ 163354 w 1249680"/>
                        <a:gd name="connsiteY59" fmla="*/ 1141095 h 1411233"/>
                        <a:gd name="connsiteX60" fmla="*/ 234791 w 1249680"/>
                        <a:gd name="connsiteY60" fmla="*/ 1096804 h 1411233"/>
                        <a:gd name="connsiteX61" fmla="*/ 249232 w 1249680"/>
                        <a:gd name="connsiteY61" fmla="*/ 1180623 h 1411233"/>
                        <a:gd name="connsiteX62" fmla="*/ 277807 w 1249680"/>
                        <a:gd name="connsiteY62" fmla="*/ 1190149 h 1411233"/>
                        <a:gd name="connsiteX63" fmla="*/ 292417 w 1249680"/>
                        <a:gd name="connsiteY63" fmla="*/ 1068705 h 1411233"/>
                        <a:gd name="connsiteX64" fmla="*/ 323051 w 1249680"/>
                        <a:gd name="connsiteY64" fmla="*/ 1078230 h 1411233"/>
                        <a:gd name="connsiteX65" fmla="*/ 294476 w 1249680"/>
                        <a:gd name="connsiteY65" fmla="*/ 944880 h 1411233"/>
                        <a:gd name="connsiteX66" fmla="*/ 258758 w 1249680"/>
                        <a:gd name="connsiteY66" fmla="*/ 961549 h 1411233"/>
                        <a:gd name="connsiteX67" fmla="*/ 149220 w 1249680"/>
                        <a:gd name="connsiteY67" fmla="*/ 909162 h 1411233"/>
                        <a:gd name="connsiteX68" fmla="*/ 158745 w 1249680"/>
                        <a:gd name="connsiteY68" fmla="*/ 882967 h 1411233"/>
                        <a:gd name="connsiteX69" fmla="*/ 130765 w 1249680"/>
                        <a:gd name="connsiteY69" fmla="*/ 864017 h 1411233"/>
                        <a:gd name="connsiteX70" fmla="*/ 108738 w 1249680"/>
                        <a:gd name="connsiteY70" fmla="*/ 897255 h 1411233"/>
                        <a:gd name="connsiteX71" fmla="*/ 111120 w 1249680"/>
                        <a:gd name="connsiteY71" fmla="*/ 840105 h 1411233"/>
                        <a:gd name="connsiteX72" fmla="*/ 92070 w 1249680"/>
                        <a:gd name="connsiteY72" fmla="*/ 835343 h 1411233"/>
                        <a:gd name="connsiteX73" fmla="*/ 80163 w 1249680"/>
                        <a:gd name="connsiteY73" fmla="*/ 906780 h 1411233"/>
                        <a:gd name="connsiteX74" fmla="*/ 58732 w 1249680"/>
                        <a:gd name="connsiteY74" fmla="*/ 911543 h 1411233"/>
                        <a:gd name="connsiteX75" fmla="*/ 70639 w 1249680"/>
                        <a:gd name="connsiteY75" fmla="*/ 825817 h 1411233"/>
                        <a:gd name="connsiteX76" fmla="*/ 122872 w 1249680"/>
                        <a:gd name="connsiteY76" fmla="*/ 819626 h 1411233"/>
                        <a:gd name="connsiteX77" fmla="*/ 125407 w 1249680"/>
                        <a:gd name="connsiteY77" fmla="*/ 799623 h 1411233"/>
                        <a:gd name="connsiteX78" fmla="*/ 78581 w 1249680"/>
                        <a:gd name="connsiteY78" fmla="*/ 799624 h 1411233"/>
                        <a:gd name="connsiteX79" fmla="*/ 82867 w 1249680"/>
                        <a:gd name="connsiteY79" fmla="*/ 761047 h 1411233"/>
                        <a:gd name="connsiteX80" fmla="*/ 142076 w 1249680"/>
                        <a:gd name="connsiteY80" fmla="*/ 742474 h 1411233"/>
                        <a:gd name="connsiteX81" fmla="*/ 130169 w 1249680"/>
                        <a:gd name="connsiteY81" fmla="*/ 716280 h 1411233"/>
                        <a:gd name="connsiteX82" fmla="*/ 48568 w 1249680"/>
                        <a:gd name="connsiteY82" fmla="*/ 756737 h 1411233"/>
                        <a:gd name="connsiteX83" fmla="*/ 29527 w 1249680"/>
                        <a:gd name="connsiteY83" fmla="*/ 718344 h 1411233"/>
                        <a:gd name="connsiteX84" fmla="*/ 104473 w 1249680"/>
                        <a:gd name="connsiteY84" fmla="*/ 693138 h 1411233"/>
                        <a:gd name="connsiteX85" fmla="*/ 77629 w 1249680"/>
                        <a:gd name="connsiteY85" fmla="*/ 617855 h 1411233"/>
                        <a:gd name="connsiteX86" fmla="*/ 39683 w 1249680"/>
                        <a:gd name="connsiteY86" fmla="*/ 611505 h 1411233"/>
                        <a:gd name="connsiteX87" fmla="*/ 0 w 1249680"/>
                        <a:gd name="connsiteY87"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20720 w 1249680"/>
                        <a:gd name="connsiteY8" fmla="*/ 125730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815970 w 1249680"/>
                        <a:gd name="connsiteY8" fmla="*/ 113824 h 1411233"/>
                        <a:gd name="connsiteX9" fmla="*/ 818674 w 1249680"/>
                        <a:gd name="connsiteY9" fmla="*/ 61913 h 1411233"/>
                        <a:gd name="connsiteX10" fmla="*/ 853916 w 1249680"/>
                        <a:gd name="connsiteY10" fmla="*/ 50482 h 1411233"/>
                        <a:gd name="connsiteX11" fmla="*/ 885349 w 1249680"/>
                        <a:gd name="connsiteY11" fmla="*/ 0 h 1411233"/>
                        <a:gd name="connsiteX12" fmla="*/ 937260 w 1249680"/>
                        <a:gd name="connsiteY12" fmla="*/ 0 h 1411233"/>
                        <a:gd name="connsiteX13" fmla="*/ 932974 w 1249680"/>
                        <a:gd name="connsiteY13" fmla="*/ 59531 h 1411233"/>
                        <a:gd name="connsiteX14" fmla="*/ 1013460 w 1249680"/>
                        <a:gd name="connsiteY14" fmla="*/ 99060 h 1411233"/>
                        <a:gd name="connsiteX15" fmla="*/ 971074 w 1249680"/>
                        <a:gd name="connsiteY15" fmla="*/ 177165 h 1411233"/>
                        <a:gd name="connsiteX16" fmla="*/ 1001077 w 1249680"/>
                        <a:gd name="connsiteY16" fmla="*/ 197644 h 1411233"/>
                        <a:gd name="connsiteX17" fmla="*/ 968369 w 1249680"/>
                        <a:gd name="connsiteY17" fmla="*/ 249555 h 1411233"/>
                        <a:gd name="connsiteX18" fmla="*/ 967740 w 1249680"/>
                        <a:gd name="connsiteY18" fmla="*/ 297180 h 1411233"/>
                        <a:gd name="connsiteX19" fmla="*/ 975360 w 1249680"/>
                        <a:gd name="connsiteY19" fmla="*/ 320040 h 1411233"/>
                        <a:gd name="connsiteX20" fmla="*/ 1023138 w 1249680"/>
                        <a:gd name="connsiteY20" fmla="*/ 349568 h 1411233"/>
                        <a:gd name="connsiteX21" fmla="*/ 1080611 w 1249680"/>
                        <a:gd name="connsiteY21" fmla="*/ 461388 h 1411233"/>
                        <a:gd name="connsiteX22" fmla="*/ 1106805 w 1249680"/>
                        <a:gd name="connsiteY22" fmla="*/ 403667 h 1411233"/>
                        <a:gd name="connsiteX23" fmla="*/ 1147211 w 1249680"/>
                        <a:gd name="connsiteY23" fmla="*/ 390148 h 1411233"/>
                        <a:gd name="connsiteX24" fmla="*/ 1134428 w 1249680"/>
                        <a:gd name="connsiteY24" fmla="*/ 400526 h 1411233"/>
                        <a:gd name="connsiteX25" fmla="*/ 1158716 w 1249680"/>
                        <a:gd name="connsiteY25" fmla="*/ 368142 h 1411233"/>
                        <a:gd name="connsiteX26" fmla="*/ 1173480 w 1249680"/>
                        <a:gd name="connsiteY26" fmla="*/ 441960 h 1411233"/>
                        <a:gd name="connsiteX27" fmla="*/ 1249680 w 1249680"/>
                        <a:gd name="connsiteY27" fmla="*/ 419100 h 1411233"/>
                        <a:gd name="connsiteX28" fmla="*/ 1216819 w 1249680"/>
                        <a:gd name="connsiteY28" fmla="*/ 481012 h 1411233"/>
                        <a:gd name="connsiteX29" fmla="*/ 1159193 w 1249680"/>
                        <a:gd name="connsiteY29" fmla="*/ 536734 h 1411233"/>
                        <a:gd name="connsiteX30" fmla="*/ 1094577 w 1249680"/>
                        <a:gd name="connsiteY30" fmla="*/ 621031 h 1411233"/>
                        <a:gd name="connsiteX31" fmla="*/ 1025843 w 1249680"/>
                        <a:gd name="connsiteY31" fmla="*/ 632460 h 1411233"/>
                        <a:gd name="connsiteX32" fmla="*/ 1023139 w 1249680"/>
                        <a:gd name="connsiteY32" fmla="*/ 754380 h 1411233"/>
                        <a:gd name="connsiteX33" fmla="*/ 980122 w 1249680"/>
                        <a:gd name="connsiteY33" fmla="*/ 807244 h 1411233"/>
                        <a:gd name="connsiteX34" fmla="*/ 1015995 w 1249680"/>
                        <a:gd name="connsiteY34" fmla="*/ 847249 h 1411233"/>
                        <a:gd name="connsiteX35" fmla="*/ 993933 w 1249680"/>
                        <a:gd name="connsiteY35" fmla="*/ 891063 h 1411233"/>
                        <a:gd name="connsiteX36" fmla="*/ 1018376 w 1249680"/>
                        <a:gd name="connsiteY36" fmla="*/ 947261 h 1411233"/>
                        <a:gd name="connsiteX37" fmla="*/ 1049179 w 1249680"/>
                        <a:gd name="connsiteY37" fmla="*/ 1024414 h 1411233"/>
                        <a:gd name="connsiteX38" fmla="*/ 1092041 w 1249680"/>
                        <a:gd name="connsiteY38" fmla="*/ 1055370 h 1411233"/>
                        <a:gd name="connsiteX39" fmla="*/ 1093470 w 1249680"/>
                        <a:gd name="connsiteY39" fmla="*/ 1161574 h 1411233"/>
                        <a:gd name="connsiteX40" fmla="*/ 1010127 w 1249680"/>
                        <a:gd name="connsiteY40" fmla="*/ 1155382 h 1411233"/>
                        <a:gd name="connsiteX41" fmla="*/ 1137439 w 1249680"/>
                        <a:gd name="connsiteY41" fmla="*/ 1211579 h 1411233"/>
                        <a:gd name="connsiteX42" fmla="*/ 1171098 w 1249680"/>
                        <a:gd name="connsiteY42" fmla="*/ 1251586 h 1411233"/>
                        <a:gd name="connsiteX43" fmla="*/ 1113626 w 1249680"/>
                        <a:gd name="connsiteY43" fmla="*/ 1373505 h 1411233"/>
                        <a:gd name="connsiteX44" fmla="*/ 1082516 w 1249680"/>
                        <a:gd name="connsiteY44" fmla="*/ 1361598 h 1411233"/>
                        <a:gd name="connsiteX45" fmla="*/ 1063466 w 1249680"/>
                        <a:gd name="connsiteY45" fmla="*/ 1390650 h 1411233"/>
                        <a:gd name="connsiteX46" fmla="*/ 1044570 w 1249680"/>
                        <a:gd name="connsiteY46" fmla="*/ 1359218 h 1411233"/>
                        <a:gd name="connsiteX47" fmla="*/ 918210 w 1249680"/>
                        <a:gd name="connsiteY47" fmla="*/ 1344930 h 1411233"/>
                        <a:gd name="connsiteX48" fmla="*/ 876097 w 1249680"/>
                        <a:gd name="connsiteY48" fmla="*/ 1307028 h 1411233"/>
                        <a:gd name="connsiteX49" fmla="*/ 821650 w 1249680"/>
                        <a:gd name="connsiteY49" fmla="*/ 1340540 h 1411233"/>
                        <a:gd name="connsiteX50" fmla="*/ 749071 w 1249680"/>
                        <a:gd name="connsiteY50" fmla="*/ 1357779 h 1411233"/>
                        <a:gd name="connsiteX51" fmla="*/ 623341 w 1249680"/>
                        <a:gd name="connsiteY51" fmla="*/ 1411233 h 1411233"/>
                        <a:gd name="connsiteX52" fmla="*/ 596895 w 1249680"/>
                        <a:gd name="connsiteY52" fmla="*/ 1375886 h 1411233"/>
                        <a:gd name="connsiteX53" fmla="*/ 391001 w 1249680"/>
                        <a:gd name="connsiteY53" fmla="*/ 1287303 h 1411233"/>
                        <a:gd name="connsiteX54" fmla="*/ 223038 w 1249680"/>
                        <a:gd name="connsiteY54" fmla="*/ 1230630 h 1411233"/>
                        <a:gd name="connsiteX55" fmla="*/ 127788 w 1249680"/>
                        <a:gd name="connsiteY55" fmla="*/ 1223486 h 1411233"/>
                        <a:gd name="connsiteX56" fmla="*/ 123026 w 1249680"/>
                        <a:gd name="connsiteY56" fmla="*/ 1156811 h 1411233"/>
                        <a:gd name="connsiteX57" fmla="*/ 134932 w 1249680"/>
                        <a:gd name="connsiteY57" fmla="*/ 1171098 h 1411233"/>
                        <a:gd name="connsiteX58" fmla="*/ 143351 w 1249680"/>
                        <a:gd name="connsiteY58" fmla="*/ 1202532 h 1411233"/>
                        <a:gd name="connsiteX59" fmla="*/ 180975 w 1249680"/>
                        <a:gd name="connsiteY59" fmla="*/ 1200626 h 1411233"/>
                        <a:gd name="connsiteX60" fmla="*/ 163354 w 1249680"/>
                        <a:gd name="connsiteY60" fmla="*/ 1141095 h 1411233"/>
                        <a:gd name="connsiteX61" fmla="*/ 234791 w 1249680"/>
                        <a:gd name="connsiteY61" fmla="*/ 1096804 h 1411233"/>
                        <a:gd name="connsiteX62" fmla="*/ 249232 w 1249680"/>
                        <a:gd name="connsiteY62" fmla="*/ 1180623 h 1411233"/>
                        <a:gd name="connsiteX63" fmla="*/ 277807 w 1249680"/>
                        <a:gd name="connsiteY63" fmla="*/ 1190149 h 1411233"/>
                        <a:gd name="connsiteX64" fmla="*/ 292417 w 1249680"/>
                        <a:gd name="connsiteY64" fmla="*/ 1068705 h 1411233"/>
                        <a:gd name="connsiteX65" fmla="*/ 323051 w 1249680"/>
                        <a:gd name="connsiteY65" fmla="*/ 1078230 h 1411233"/>
                        <a:gd name="connsiteX66" fmla="*/ 294476 w 1249680"/>
                        <a:gd name="connsiteY66" fmla="*/ 944880 h 1411233"/>
                        <a:gd name="connsiteX67" fmla="*/ 258758 w 1249680"/>
                        <a:gd name="connsiteY67" fmla="*/ 961549 h 1411233"/>
                        <a:gd name="connsiteX68" fmla="*/ 149220 w 1249680"/>
                        <a:gd name="connsiteY68" fmla="*/ 909162 h 1411233"/>
                        <a:gd name="connsiteX69" fmla="*/ 158745 w 1249680"/>
                        <a:gd name="connsiteY69" fmla="*/ 882967 h 1411233"/>
                        <a:gd name="connsiteX70" fmla="*/ 130765 w 1249680"/>
                        <a:gd name="connsiteY70" fmla="*/ 864017 h 1411233"/>
                        <a:gd name="connsiteX71" fmla="*/ 108738 w 1249680"/>
                        <a:gd name="connsiteY71" fmla="*/ 897255 h 1411233"/>
                        <a:gd name="connsiteX72" fmla="*/ 111120 w 1249680"/>
                        <a:gd name="connsiteY72" fmla="*/ 840105 h 1411233"/>
                        <a:gd name="connsiteX73" fmla="*/ 92070 w 1249680"/>
                        <a:gd name="connsiteY73" fmla="*/ 835343 h 1411233"/>
                        <a:gd name="connsiteX74" fmla="*/ 80163 w 1249680"/>
                        <a:gd name="connsiteY74" fmla="*/ 906780 h 1411233"/>
                        <a:gd name="connsiteX75" fmla="*/ 58732 w 1249680"/>
                        <a:gd name="connsiteY75" fmla="*/ 911543 h 1411233"/>
                        <a:gd name="connsiteX76" fmla="*/ 70639 w 1249680"/>
                        <a:gd name="connsiteY76" fmla="*/ 825817 h 1411233"/>
                        <a:gd name="connsiteX77" fmla="*/ 122872 w 1249680"/>
                        <a:gd name="connsiteY77" fmla="*/ 819626 h 1411233"/>
                        <a:gd name="connsiteX78" fmla="*/ 125407 w 1249680"/>
                        <a:gd name="connsiteY78" fmla="*/ 799623 h 1411233"/>
                        <a:gd name="connsiteX79" fmla="*/ 78581 w 1249680"/>
                        <a:gd name="connsiteY79" fmla="*/ 799624 h 1411233"/>
                        <a:gd name="connsiteX80" fmla="*/ 82867 w 1249680"/>
                        <a:gd name="connsiteY80" fmla="*/ 761047 h 1411233"/>
                        <a:gd name="connsiteX81" fmla="*/ 142076 w 1249680"/>
                        <a:gd name="connsiteY81" fmla="*/ 742474 h 1411233"/>
                        <a:gd name="connsiteX82" fmla="*/ 130169 w 1249680"/>
                        <a:gd name="connsiteY82" fmla="*/ 716280 h 1411233"/>
                        <a:gd name="connsiteX83" fmla="*/ 48568 w 1249680"/>
                        <a:gd name="connsiteY83" fmla="*/ 756737 h 1411233"/>
                        <a:gd name="connsiteX84" fmla="*/ 29527 w 1249680"/>
                        <a:gd name="connsiteY84" fmla="*/ 718344 h 1411233"/>
                        <a:gd name="connsiteX85" fmla="*/ 104473 w 1249680"/>
                        <a:gd name="connsiteY85" fmla="*/ 693138 h 1411233"/>
                        <a:gd name="connsiteX86" fmla="*/ 77629 w 1249680"/>
                        <a:gd name="connsiteY86" fmla="*/ 617855 h 1411233"/>
                        <a:gd name="connsiteX87" fmla="*/ 39683 w 1249680"/>
                        <a:gd name="connsiteY87" fmla="*/ 611505 h 1411233"/>
                        <a:gd name="connsiteX88" fmla="*/ 0 w 1249680"/>
                        <a:gd name="connsiteY88"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04051 w 1249680"/>
                        <a:gd name="connsiteY8" fmla="*/ 151924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655320 w 1249680"/>
                        <a:gd name="connsiteY7" fmla="*/ 167640 h 1411233"/>
                        <a:gd name="connsiteX8" fmla="*/ 769139 w 1249680"/>
                        <a:gd name="connsiteY8" fmla="*/ 151155 h 1411233"/>
                        <a:gd name="connsiteX9" fmla="*/ 815970 w 1249680"/>
                        <a:gd name="connsiteY9" fmla="*/ 113824 h 1411233"/>
                        <a:gd name="connsiteX10" fmla="*/ 818674 w 1249680"/>
                        <a:gd name="connsiteY10" fmla="*/ 61913 h 1411233"/>
                        <a:gd name="connsiteX11" fmla="*/ 853916 w 1249680"/>
                        <a:gd name="connsiteY11" fmla="*/ 50482 h 1411233"/>
                        <a:gd name="connsiteX12" fmla="*/ 885349 w 1249680"/>
                        <a:gd name="connsiteY12" fmla="*/ 0 h 1411233"/>
                        <a:gd name="connsiteX13" fmla="*/ 937260 w 1249680"/>
                        <a:gd name="connsiteY13" fmla="*/ 0 h 1411233"/>
                        <a:gd name="connsiteX14" fmla="*/ 932974 w 1249680"/>
                        <a:gd name="connsiteY14" fmla="*/ 59531 h 1411233"/>
                        <a:gd name="connsiteX15" fmla="*/ 1013460 w 1249680"/>
                        <a:gd name="connsiteY15" fmla="*/ 99060 h 1411233"/>
                        <a:gd name="connsiteX16" fmla="*/ 971074 w 1249680"/>
                        <a:gd name="connsiteY16" fmla="*/ 177165 h 1411233"/>
                        <a:gd name="connsiteX17" fmla="*/ 1001077 w 1249680"/>
                        <a:gd name="connsiteY17" fmla="*/ 197644 h 1411233"/>
                        <a:gd name="connsiteX18" fmla="*/ 968369 w 1249680"/>
                        <a:gd name="connsiteY18" fmla="*/ 249555 h 1411233"/>
                        <a:gd name="connsiteX19" fmla="*/ 967740 w 1249680"/>
                        <a:gd name="connsiteY19" fmla="*/ 297180 h 1411233"/>
                        <a:gd name="connsiteX20" fmla="*/ 975360 w 1249680"/>
                        <a:gd name="connsiteY20" fmla="*/ 320040 h 1411233"/>
                        <a:gd name="connsiteX21" fmla="*/ 1023138 w 1249680"/>
                        <a:gd name="connsiteY21" fmla="*/ 349568 h 1411233"/>
                        <a:gd name="connsiteX22" fmla="*/ 1080611 w 1249680"/>
                        <a:gd name="connsiteY22" fmla="*/ 461388 h 1411233"/>
                        <a:gd name="connsiteX23" fmla="*/ 1106805 w 1249680"/>
                        <a:gd name="connsiteY23" fmla="*/ 403667 h 1411233"/>
                        <a:gd name="connsiteX24" fmla="*/ 1147211 w 1249680"/>
                        <a:gd name="connsiteY24" fmla="*/ 390148 h 1411233"/>
                        <a:gd name="connsiteX25" fmla="*/ 1134428 w 1249680"/>
                        <a:gd name="connsiteY25" fmla="*/ 400526 h 1411233"/>
                        <a:gd name="connsiteX26" fmla="*/ 1158716 w 1249680"/>
                        <a:gd name="connsiteY26" fmla="*/ 368142 h 1411233"/>
                        <a:gd name="connsiteX27" fmla="*/ 1173480 w 1249680"/>
                        <a:gd name="connsiteY27" fmla="*/ 441960 h 1411233"/>
                        <a:gd name="connsiteX28" fmla="*/ 1249680 w 1249680"/>
                        <a:gd name="connsiteY28" fmla="*/ 419100 h 1411233"/>
                        <a:gd name="connsiteX29" fmla="*/ 1216819 w 1249680"/>
                        <a:gd name="connsiteY29" fmla="*/ 481012 h 1411233"/>
                        <a:gd name="connsiteX30" fmla="*/ 1159193 w 1249680"/>
                        <a:gd name="connsiteY30" fmla="*/ 536734 h 1411233"/>
                        <a:gd name="connsiteX31" fmla="*/ 1094577 w 1249680"/>
                        <a:gd name="connsiteY31" fmla="*/ 621031 h 1411233"/>
                        <a:gd name="connsiteX32" fmla="*/ 1025843 w 1249680"/>
                        <a:gd name="connsiteY32" fmla="*/ 632460 h 1411233"/>
                        <a:gd name="connsiteX33" fmla="*/ 1023139 w 1249680"/>
                        <a:gd name="connsiteY33" fmla="*/ 754380 h 1411233"/>
                        <a:gd name="connsiteX34" fmla="*/ 980122 w 1249680"/>
                        <a:gd name="connsiteY34" fmla="*/ 807244 h 1411233"/>
                        <a:gd name="connsiteX35" fmla="*/ 1015995 w 1249680"/>
                        <a:gd name="connsiteY35" fmla="*/ 847249 h 1411233"/>
                        <a:gd name="connsiteX36" fmla="*/ 993933 w 1249680"/>
                        <a:gd name="connsiteY36" fmla="*/ 891063 h 1411233"/>
                        <a:gd name="connsiteX37" fmla="*/ 1018376 w 1249680"/>
                        <a:gd name="connsiteY37" fmla="*/ 947261 h 1411233"/>
                        <a:gd name="connsiteX38" fmla="*/ 1049179 w 1249680"/>
                        <a:gd name="connsiteY38" fmla="*/ 1024414 h 1411233"/>
                        <a:gd name="connsiteX39" fmla="*/ 1092041 w 1249680"/>
                        <a:gd name="connsiteY39" fmla="*/ 1055370 h 1411233"/>
                        <a:gd name="connsiteX40" fmla="*/ 1093470 w 1249680"/>
                        <a:gd name="connsiteY40" fmla="*/ 1161574 h 1411233"/>
                        <a:gd name="connsiteX41" fmla="*/ 1010127 w 1249680"/>
                        <a:gd name="connsiteY41" fmla="*/ 1155382 h 1411233"/>
                        <a:gd name="connsiteX42" fmla="*/ 1137439 w 1249680"/>
                        <a:gd name="connsiteY42" fmla="*/ 1211579 h 1411233"/>
                        <a:gd name="connsiteX43" fmla="*/ 1171098 w 1249680"/>
                        <a:gd name="connsiteY43" fmla="*/ 1251586 h 1411233"/>
                        <a:gd name="connsiteX44" fmla="*/ 1113626 w 1249680"/>
                        <a:gd name="connsiteY44" fmla="*/ 1373505 h 1411233"/>
                        <a:gd name="connsiteX45" fmla="*/ 1082516 w 1249680"/>
                        <a:gd name="connsiteY45" fmla="*/ 1361598 h 1411233"/>
                        <a:gd name="connsiteX46" fmla="*/ 1063466 w 1249680"/>
                        <a:gd name="connsiteY46" fmla="*/ 1390650 h 1411233"/>
                        <a:gd name="connsiteX47" fmla="*/ 1044570 w 1249680"/>
                        <a:gd name="connsiteY47" fmla="*/ 1359218 h 1411233"/>
                        <a:gd name="connsiteX48" fmla="*/ 918210 w 1249680"/>
                        <a:gd name="connsiteY48" fmla="*/ 1344930 h 1411233"/>
                        <a:gd name="connsiteX49" fmla="*/ 876097 w 1249680"/>
                        <a:gd name="connsiteY49" fmla="*/ 1307028 h 1411233"/>
                        <a:gd name="connsiteX50" fmla="*/ 821650 w 1249680"/>
                        <a:gd name="connsiteY50" fmla="*/ 1340540 h 1411233"/>
                        <a:gd name="connsiteX51" fmla="*/ 749071 w 1249680"/>
                        <a:gd name="connsiteY51" fmla="*/ 1357779 h 1411233"/>
                        <a:gd name="connsiteX52" fmla="*/ 623341 w 1249680"/>
                        <a:gd name="connsiteY52" fmla="*/ 1411233 h 1411233"/>
                        <a:gd name="connsiteX53" fmla="*/ 596895 w 1249680"/>
                        <a:gd name="connsiteY53" fmla="*/ 1375886 h 1411233"/>
                        <a:gd name="connsiteX54" fmla="*/ 391001 w 1249680"/>
                        <a:gd name="connsiteY54" fmla="*/ 1287303 h 1411233"/>
                        <a:gd name="connsiteX55" fmla="*/ 223038 w 1249680"/>
                        <a:gd name="connsiteY55" fmla="*/ 1230630 h 1411233"/>
                        <a:gd name="connsiteX56" fmla="*/ 127788 w 1249680"/>
                        <a:gd name="connsiteY56" fmla="*/ 1223486 h 1411233"/>
                        <a:gd name="connsiteX57" fmla="*/ 123026 w 1249680"/>
                        <a:gd name="connsiteY57" fmla="*/ 1156811 h 1411233"/>
                        <a:gd name="connsiteX58" fmla="*/ 134932 w 1249680"/>
                        <a:gd name="connsiteY58" fmla="*/ 1171098 h 1411233"/>
                        <a:gd name="connsiteX59" fmla="*/ 143351 w 1249680"/>
                        <a:gd name="connsiteY59" fmla="*/ 1202532 h 1411233"/>
                        <a:gd name="connsiteX60" fmla="*/ 180975 w 1249680"/>
                        <a:gd name="connsiteY60" fmla="*/ 1200626 h 1411233"/>
                        <a:gd name="connsiteX61" fmla="*/ 163354 w 1249680"/>
                        <a:gd name="connsiteY61" fmla="*/ 1141095 h 1411233"/>
                        <a:gd name="connsiteX62" fmla="*/ 234791 w 1249680"/>
                        <a:gd name="connsiteY62" fmla="*/ 1096804 h 1411233"/>
                        <a:gd name="connsiteX63" fmla="*/ 249232 w 1249680"/>
                        <a:gd name="connsiteY63" fmla="*/ 1180623 h 1411233"/>
                        <a:gd name="connsiteX64" fmla="*/ 277807 w 1249680"/>
                        <a:gd name="connsiteY64" fmla="*/ 1190149 h 1411233"/>
                        <a:gd name="connsiteX65" fmla="*/ 292417 w 1249680"/>
                        <a:gd name="connsiteY65" fmla="*/ 1068705 h 1411233"/>
                        <a:gd name="connsiteX66" fmla="*/ 323051 w 1249680"/>
                        <a:gd name="connsiteY66" fmla="*/ 1078230 h 1411233"/>
                        <a:gd name="connsiteX67" fmla="*/ 294476 w 1249680"/>
                        <a:gd name="connsiteY67" fmla="*/ 944880 h 1411233"/>
                        <a:gd name="connsiteX68" fmla="*/ 258758 w 1249680"/>
                        <a:gd name="connsiteY68" fmla="*/ 961549 h 1411233"/>
                        <a:gd name="connsiteX69" fmla="*/ 149220 w 1249680"/>
                        <a:gd name="connsiteY69" fmla="*/ 909162 h 1411233"/>
                        <a:gd name="connsiteX70" fmla="*/ 158745 w 1249680"/>
                        <a:gd name="connsiteY70" fmla="*/ 882967 h 1411233"/>
                        <a:gd name="connsiteX71" fmla="*/ 130765 w 1249680"/>
                        <a:gd name="connsiteY71" fmla="*/ 864017 h 1411233"/>
                        <a:gd name="connsiteX72" fmla="*/ 108738 w 1249680"/>
                        <a:gd name="connsiteY72" fmla="*/ 897255 h 1411233"/>
                        <a:gd name="connsiteX73" fmla="*/ 111120 w 1249680"/>
                        <a:gd name="connsiteY73" fmla="*/ 840105 h 1411233"/>
                        <a:gd name="connsiteX74" fmla="*/ 92070 w 1249680"/>
                        <a:gd name="connsiteY74" fmla="*/ 835343 h 1411233"/>
                        <a:gd name="connsiteX75" fmla="*/ 80163 w 1249680"/>
                        <a:gd name="connsiteY75" fmla="*/ 906780 h 1411233"/>
                        <a:gd name="connsiteX76" fmla="*/ 58732 w 1249680"/>
                        <a:gd name="connsiteY76" fmla="*/ 911543 h 1411233"/>
                        <a:gd name="connsiteX77" fmla="*/ 70639 w 1249680"/>
                        <a:gd name="connsiteY77" fmla="*/ 825817 h 1411233"/>
                        <a:gd name="connsiteX78" fmla="*/ 122872 w 1249680"/>
                        <a:gd name="connsiteY78" fmla="*/ 819626 h 1411233"/>
                        <a:gd name="connsiteX79" fmla="*/ 125407 w 1249680"/>
                        <a:gd name="connsiteY79" fmla="*/ 799623 h 1411233"/>
                        <a:gd name="connsiteX80" fmla="*/ 78581 w 1249680"/>
                        <a:gd name="connsiteY80" fmla="*/ 799624 h 1411233"/>
                        <a:gd name="connsiteX81" fmla="*/ 82867 w 1249680"/>
                        <a:gd name="connsiteY81" fmla="*/ 761047 h 1411233"/>
                        <a:gd name="connsiteX82" fmla="*/ 142076 w 1249680"/>
                        <a:gd name="connsiteY82" fmla="*/ 742474 h 1411233"/>
                        <a:gd name="connsiteX83" fmla="*/ 130169 w 1249680"/>
                        <a:gd name="connsiteY83" fmla="*/ 716280 h 1411233"/>
                        <a:gd name="connsiteX84" fmla="*/ 48568 w 1249680"/>
                        <a:gd name="connsiteY84" fmla="*/ 756737 h 1411233"/>
                        <a:gd name="connsiteX85" fmla="*/ 29527 w 1249680"/>
                        <a:gd name="connsiteY85" fmla="*/ 718344 h 1411233"/>
                        <a:gd name="connsiteX86" fmla="*/ 104473 w 1249680"/>
                        <a:gd name="connsiteY86" fmla="*/ 693138 h 1411233"/>
                        <a:gd name="connsiteX87" fmla="*/ 77629 w 1249680"/>
                        <a:gd name="connsiteY87" fmla="*/ 617855 h 1411233"/>
                        <a:gd name="connsiteX88" fmla="*/ 39683 w 1249680"/>
                        <a:gd name="connsiteY88" fmla="*/ 611505 h 1411233"/>
                        <a:gd name="connsiteX89" fmla="*/ 0 w 1249680"/>
                        <a:gd name="connsiteY89"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87370 w 1249680"/>
                        <a:gd name="connsiteY7" fmla="*/ 154305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44780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49580 w 1249680"/>
                        <a:gd name="connsiteY5" fmla="*/ 266700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388620 w 1249680"/>
                        <a:gd name="connsiteY4" fmla="*/ 266700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58140 w 1249680"/>
                        <a:gd name="connsiteY3" fmla="*/ 259080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66700 w 1249680"/>
                        <a:gd name="connsiteY2" fmla="*/ 266700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49680"/>
                        <a:gd name="connsiteY0" fmla="*/ 541020 h 1411233"/>
                        <a:gd name="connsiteX1" fmla="*/ 259080 w 1249680"/>
                        <a:gd name="connsiteY1" fmla="*/ 381000 h 1411233"/>
                        <a:gd name="connsiteX2" fmla="*/ 280987 w 1249680"/>
                        <a:gd name="connsiteY2" fmla="*/ 271462 h 1411233"/>
                        <a:gd name="connsiteX3" fmla="*/ 365284 w 1249680"/>
                        <a:gd name="connsiteY3" fmla="*/ 268605 h 1411233"/>
                        <a:gd name="connsiteX4" fmla="*/ 402907 w 1249680"/>
                        <a:gd name="connsiteY4" fmla="*/ 290512 h 1411233"/>
                        <a:gd name="connsiteX5" fmla="*/ 478155 w 1249680"/>
                        <a:gd name="connsiteY5" fmla="*/ 250031 h 1411233"/>
                        <a:gd name="connsiteX6" fmla="*/ 533400 w 1249680"/>
                        <a:gd name="connsiteY6" fmla="*/ 128111 h 1411233"/>
                        <a:gd name="connsiteX7" fmla="*/ 594514 w 1249680"/>
                        <a:gd name="connsiteY7" fmla="*/ 140018 h 1411233"/>
                        <a:gd name="connsiteX8" fmla="*/ 655320 w 1249680"/>
                        <a:gd name="connsiteY8" fmla="*/ 167640 h 1411233"/>
                        <a:gd name="connsiteX9" fmla="*/ 769139 w 1249680"/>
                        <a:gd name="connsiteY9" fmla="*/ 151155 h 1411233"/>
                        <a:gd name="connsiteX10" fmla="*/ 815970 w 1249680"/>
                        <a:gd name="connsiteY10" fmla="*/ 113824 h 1411233"/>
                        <a:gd name="connsiteX11" fmla="*/ 818674 w 1249680"/>
                        <a:gd name="connsiteY11" fmla="*/ 61913 h 1411233"/>
                        <a:gd name="connsiteX12" fmla="*/ 853916 w 1249680"/>
                        <a:gd name="connsiteY12" fmla="*/ 50482 h 1411233"/>
                        <a:gd name="connsiteX13" fmla="*/ 885349 w 1249680"/>
                        <a:gd name="connsiteY13" fmla="*/ 0 h 1411233"/>
                        <a:gd name="connsiteX14" fmla="*/ 937260 w 1249680"/>
                        <a:gd name="connsiteY14" fmla="*/ 0 h 1411233"/>
                        <a:gd name="connsiteX15" fmla="*/ 932974 w 1249680"/>
                        <a:gd name="connsiteY15" fmla="*/ 59531 h 1411233"/>
                        <a:gd name="connsiteX16" fmla="*/ 1013460 w 1249680"/>
                        <a:gd name="connsiteY16" fmla="*/ 99060 h 1411233"/>
                        <a:gd name="connsiteX17" fmla="*/ 971074 w 1249680"/>
                        <a:gd name="connsiteY17" fmla="*/ 177165 h 1411233"/>
                        <a:gd name="connsiteX18" fmla="*/ 1001077 w 1249680"/>
                        <a:gd name="connsiteY18" fmla="*/ 197644 h 1411233"/>
                        <a:gd name="connsiteX19" fmla="*/ 968369 w 1249680"/>
                        <a:gd name="connsiteY19" fmla="*/ 249555 h 1411233"/>
                        <a:gd name="connsiteX20" fmla="*/ 967740 w 1249680"/>
                        <a:gd name="connsiteY20" fmla="*/ 297180 h 1411233"/>
                        <a:gd name="connsiteX21" fmla="*/ 975360 w 1249680"/>
                        <a:gd name="connsiteY21" fmla="*/ 320040 h 1411233"/>
                        <a:gd name="connsiteX22" fmla="*/ 1023138 w 1249680"/>
                        <a:gd name="connsiteY22" fmla="*/ 349568 h 1411233"/>
                        <a:gd name="connsiteX23" fmla="*/ 1080611 w 1249680"/>
                        <a:gd name="connsiteY23" fmla="*/ 461388 h 1411233"/>
                        <a:gd name="connsiteX24" fmla="*/ 1106805 w 1249680"/>
                        <a:gd name="connsiteY24" fmla="*/ 403667 h 1411233"/>
                        <a:gd name="connsiteX25" fmla="*/ 1147211 w 1249680"/>
                        <a:gd name="connsiteY25" fmla="*/ 390148 h 1411233"/>
                        <a:gd name="connsiteX26" fmla="*/ 1134428 w 1249680"/>
                        <a:gd name="connsiteY26" fmla="*/ 400526 h 1411233"/>
                        <a:gd name="connsiteX27" fmla="*/ 1158716 w 1249680"/>
                        <a:gd name="connsiteY27" fmla="*/ 368142 h 1411233"/>
                        <a:gd name="connsiteX28" fmla="*/ 1173480 w 1249680"/>
                        <a:gd name="connsiteY28" fmla="*/ 441960 h 1411233"/>
                        <a:gd name="connsiteX29" fmla="*/ 1249680 w 1249680"/>
                        <a:gd name="connsiteY29" fmla="*/ 419100 h 1411233"/>
                        <a:gd name="connsiteX30" fmla="*/ 1216819 w 1249680"/>
                        <a:gd name="connsiteY30" fmla="*/ 481012 h 1411233"/>
                        <a:gd name="connsiteX31" fmla="*/ 1159193 w 1249680"/>
                        <a:gd name="connsiteY31" fmla="*/ 536734 h 1411233"/>
                        <a:gd name="connsiteX32" fmla="*/ 1094577 w 1249680"/>
                        <a:gd name="connsiteY32" fmla="*/ 621031 h 1411233"/>
                        <a:gd name="connsiteX33" fmla="*/ 1025843 w 1249680"/>
                        <a:gd name="connsiteY33" fmla="*/ 632460 h 1411233"/>
                        <a:gd name="connsiteX34" fmla="*/ 1023139 w 1249680"/>
                        <a:gd name="connsiteY34" fmla="*/ 754380 h 1411233"/>
                        <a:gd name="connsiteX35" fmla="*/ 980122 w 1249680"/>
                        <a:gd name="connsiteY35" fmla="*/ 807244 h 1411233"/>
                        <a:gd name="connsiteX36" fmla="*/ 1015995 w 1249680"/>
                        <a:gd name="connsiteY36" fmla="*/ 847249 h 1411233"/>
                        <a:gd name="connsiteX37" fmla="*/ 993933 w 1249680"/>
                        <a:gd name="connsiteY37" fmla="*/ 891063 h 1411233"/>
                        <a:gd name="connsiteX38" fmla="*/ 1018376 w 1249680"/>
                        <a:gd name="connsiteY38" fmla="*/ 947261 h 1411233"/>
                        <a:gd name="connsiteX39" fmla="*/ 1049179 w 1249680"/>
                        <a:gd name="connsiteY39" fmla="*/ 1024414 h 1411233"/>
                        <a:gd name="connsiteX40" fmla="*/ 1092041 w 1249680"/>
                        <a:gd name="connsiteY40" fmla="*/ 1055370 h 1411233"/>
                        <a:gd name="connsiteX41" fmla="*/ 1093470 w 1249680"/>
                        <a:gd name="connsiteY41" fmla="*/ 1161574 h 1411233"/>
                        <a:gd name="connsiteX42" fmla="*/ 1010127 w 1249680"/>
                        <a:gd name="connsiteY42" fmla="*/ 1155382 h 1411233"/>
                        <a:gd name="connsiteX43" fmla="*/ 1137439 w 1249680"/>
                        <a:gd name="connsiteY43" fmla="*/ 1211579 h 1411233"/>
                        <a:gd name="connsiteX44" fmla="*/ 1171098 w 1249680"/>
                        <a:gd name="connsiteY44" fmla="*/ 1251586 h 1411233"/>
                        <a:gd name="connsiteX45" fmla="*/ 1113626 w 1249680"/>
                        <a:gd name="connsiteY45" fmla="*/ 1373505 h 1411233"/>
                        <a:gd name="connsiteX46" fmla="*/ 1082516 w 1249680"/>
                        <a:gd name="connsiteY46" fmla="*/ 1361598 h 1411233"/>
                        <a:gd name="connsiteX47" fmla="*/ 1063466 w 1249680"/>
                        <a:gd name="connsiteY47" fmla="*/ 1390650 h 1411233"/>
                        <a:gd name="connsiteX48" fmla="*/ 1044570 w 1249680"/>
                        <a:gd name="connsiteY48" fmla="*/ 1359218 h 1411233"/>
                        <a:gd name="connsiteX49" fmla="*/ 918210 w 1249680"/>
                        <a:gd name="connsiteY49" fmla="*/ 1344930 h 1411233"/>
                        <a:gd name="connsiteX50" fmla="*/ 876097 w 1249680"/>
                        <a:gd name="connsiteY50" fmla="*/ 1307028 h 1411233"/>
                        <a:gd name="connsiteX51" fmla="*/ 821650 w 1249680"/>
                        <a:gd name="connsiteY51" fmla="*/ 1340540 h 1411233"/>
                        <a:gd name="connsiteX52" fmla="*/ 749071 w 1249680"/>
                        <a:gd name="connsiteY52" fmla="*/ 1357779 h 1411233"/>
                        <a:gd name="connsiteX53" fmla="*/ 623341 w 1249680"/>
                        <a:gd name="connsiteY53" fmla="*/ 1411233 h 1411233"/>
                        <a:gd name="connsiteX54" fmla="*/ 596895 w 1249680"/>
                        <a:gd name="connsiteY54" fmla="*/ 1375886 h 1411233"/>
                        <a:gd name="connsiteX55" fmla="*/ 391001 w 1249680"/>
                        <a:gd name="connsiteY55" fmla="*/ 1287303 h 1411233"/>
                        <a:gd name="connsiteX56" fmla="*/ 223038 w 1249680"/>
                        <a:gd name="connsiteY56" fmla="*/ 1230630 h 1411233"/>
                        <a:gd name="connsiteX57" fmla="*/ 127788 w 1249680"/>
                        <a:gd name="connsiteY57" fmla="*/ 1223486 h 1411233"/>
                        <a:gd name="connsiteX58" fmla="*/ 123026 w 1249680"/>
                        <a:gd name="connsiteY58" fmla="*/ 1156811 h 1411233"/>
                        <a:gd name="connsiteX59" fmla="*/ 134932 w 1249680"/>
                        <a:gd name="connsiteY59" fmla="*/ 1171098 h 1411233"/>
                        <a:gd name="connsiteX60" fmla="*/ 143351 w 1249680"/>
                        <a:gd name="connsiteY60" fmla="*/ 1202532 h 1411233"/>
                        <a:gd name="connsiteX61" fmla="*/ 180975 w 1249680"/>
                        <a:gd name="connsiteY61" fmla="*/ 1200626 h 1411233"/>
                        <a:gd name="connsiteX62" fmla="*/ 163354 w 1249680"/>
                        <a:gd name="connsiteY62" fmla="*/ 1141095 h 1411233"/>
                        <a:gd name="connsiteX63" fmla="*/ 234791 w 1249680"/>
                        <a:gd name="connsiteY63" fmla="*/ 1096804 h 1411233"/>
                        <a:gd name="connsiteX64" fmla="*/ 249232 w 1249680"/>
                        <a:gd name="connsiteY64" fmla="*/ 1180623 h 1411233"/>
                        <a:gd name="connsiteX65" fmla="*/ 277807 w 1249680"/>
                        <a:gd name="connsiteY65" fmla="*/ 1190149 h 1411233"/>
                        <a:gd name="connsiteX66" fmla="*/ 292417 w 1249680"/>
                        <a:gd name="connsiteY66" fmla="*/ 1068705 h 1411233"/>
                        <a:gd name="connsiteX67" fmla="*/ 323051 w 1249680"/>
                        <a:gd name="connsiteY67" fmla="*/ 1078230 h 1411233"/>
                        <a:gd name="connsiteX68" fmla="*/ 294476 w 1249680"/>
                        <a:gd name="connsiteY68" fmla="*/ 944880 h 1411233"/>
                        <a:gd name="connsiteX69" fmla="*/ 258758 w 1249680"/>
                        <a:gd name="connsiteY69" fmla="*/ 961549 h 1411233"/>
                        <a:gd name="connsiteX70" fmla="*/ 149220 w 1249680"/>
                        <a:gd name="connsiteY70" fmla="*/ 909162 h 1411233"/>
                        <a:gd name="connsiteX71" fmla="*/ 158745 w 1249680"/>
                        <a:gd name="connsiteY71" fmla="*/ 882967 h 1411233"/>
                        <a:gd name="connsiteX72" fmla="*/ 130765 w 1249680"/>
                        <a:gd name="connsiteY72" fmla="*/ 864017 h 1411233"/>
                        <a:gd name="connsiteX73" fmla="*/ 108738 w 1249680"/>
                        <a:gd name="connsiteY73" fmla="*/ 897255 h 1411233"/>
                        <a:gd name="connsiteX74" fmla="*/ 111120 w 1249680"/>
                        <a:gd name="connsiteY74" fmla="*/ 840105 h 1411233"/>
                        <a:gd name="connsiteX75" fmla="*/ 92070 w 1249680"/>
                        <a:gd name="connsiteY75" fmla="*/ 835343 h 1411233"/>
                        <a:gd name="connsiteX76" fmla="*/ 80163 w 1249680"/>
                        <a:gd name="connsiteY76" fmla="*/ 906780 h 1411233"/>
                        <a:gd name="connsiteX77" fmla="*/ 58732 w 1249680"/>
                        <a:gd name="connsiteY77" fmla="*/ 911543 h 1411233"/>
                        <a:gd name="connsiteX78" fmla="*/ 70639 w 1249680"/>
                        <a:gd name="connsiteY78" fmla="*/ 825817 h 1411233"/>
                        <a:gd name="connsiteX79" fmla="*/ 122872 w 1249680"/>
                        <a:gd name="connsiteY79" fmla="*/ 819626 h 1411233"/>
                        <a:gd name="connsiteX80" fmla="*/ 125407 w 1249680"/>
                        <a:gd name="connsiteY80" fmla="*/ 799623 h 1411233"/>
                        <a:gd name="connsiteX81" fmla="*/ 78581 w 1249680"/>
                        <a:gd name="connsiteY81" fmla="*/ 799624 h 1411233"/>
                        <a:gd name="connsiteX82" fmla="*/ 82867 w 1249680"/>
                        <a:gd name="connsiteY82" fmla="*/ 761047 h 1411233"/>
                        <a:gd name="connsiteX83" fmla="*/ 142076 w 1249680"/>
                        <a:gd name="connsiteY83" fmla="*/ 742474 h 1411233"/>
                        <a:gd name="connsiteX84" fmla="*/ 130169 w 1249680"/>
                        <a:gd name="connsiteY84" fmla="*/ 716280 h 1411233"/>
                        <a:gd name="connsiteX85" fmla="*/ 48568 w 1249680"/>
                        <a:gd name="connsiteY85" fmla="*/ 756737 h 1411233"/>
                        <a:gd name="connsiteX86" fmla="*/ 29527 w 1249680"/>
                        <a:gd name="connsiteY86" fmla="*/ 718344 h 1411233"/>
                        <a:gd name="connsiteX87" fmla="*/ 104473 w 1249680"/>
                        <a:gd name="connsiteY87" fmla="*/ 693138 h 1411233"/>
                        <a:gd name="connsiteX88" fmla="*/ 77629 w 1249680"/>
                        <a:gd name="connsiteY88" fmla="*/ 617855 h 1411233"/>
                        <a:gd name="connsiteX89" fmla="*/ 39683 w 1249680"/>
                        <a:gd name="connsiteY89" fmla="*/ 611505 h 1411233"/>
                        <a:gd name="connsiteX90" fmla="*/ 0 w 1249680"/>
                        <a:gd name="connsiteY90" fmla="*/ 541020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23014 w 1233011"/>
                        <a:gd name="connsiteY89" fmla="*/ 611505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04981 w 1233011"/>
                        <a:gd name="connsiteY51" fmla="*/ 1340540 h 1411233"/>
                        <a:gd name="connsiteX52" fmla="*/ 732402 w 1233011"/>
                        <a:gd name="connsiteY52" fmla="*/ 1357779 h 1411233"/>
                        <a:gd name="connsiteX53" fmla="*/ 606672 w 1233011"/>
                        <a:gd name="connsiteY53" fmla="*/ 1411233 h 1411233"/>
                        <a:gd name="connsiteX54" fmla="*/ 580226 w 1233011"/>
                        <a:gd name="connsiteY54" fmla="*/ 1375886 h 1411233"/>
                        <a:gd name="connsiteX55" fmla="*/ 374332 w 1233011"/>
                        <a:gd name="connsiteY55" fmla="*/ 1287303 h 1411233"/>
                        <a:gd name="connsiteX56" fmla="*/ 206369 w 1233011"/>
                        <a:gd name="connsiteY56" fmla="*/ 1230630 h 1411233"/>
                        <a:gd name="connsiteX57" fmla="*/ 111119 w 1233011"/>
                        <a:gd name="connsiteY57" fmla="*/ 1223486 h 1411233"/>
                        <a:gd name="connsiteX58" fmla="*/ 106357 w 1233011"/>
                        <a:gd name="connsiteY58" fmla="*/ 1156811 h 1411233"/>
                        <a:gd name="connsiteX59" fmla="*/ 118263 w 1233011"/>
                        <a:gd name="connsiteY59" fmla="*/ 1171098 h 1411233"/>
                        <a:gd name="connsiteX60" fmla="*/ 126682 w 1233011"/>
                        <a:gd name="connsiteY60" fmla="*/ 1202532 h 1411233"/>
                        <a:gd name="connsiteX61" fmla="*/ 164306 w 1233011"/>
                        <a:gd name="connsiteY61" fmla="*/ 1200626 h 1411233"/>
                        <a:gd name="connsiteX62" fmla="*/ 146685 w 1233011"/>
                        <a:gd name="connsiteY62" fmla="*/ 1141095 h 1411233"/>
                        <a:gd name="connsiteX63" fmla="*/ 218122 w 1233011"/>
                        <a:gd name="connsiteY63" fmla="*/ 1096804 h 1411233"/>
                        <a:gd name="connsiteX64" fmla="*/ 232563 w 1233011"/>
                        <a:gd name="connsiteY64" fmla="*/ 1180623 h 1411233"/>
                        <a:gd name="connsiteX65" fmla="*/ 261138 w 1233011"/>
                        <a:gd name="connsiteY65" fmla="*/ 1190149 h 1411233"/>
                        <a:gd name="connsiteX66" fmla="*/ 275748 w 1233011"/>
                        <a:gd name="connsiteY66" fmla="*/ 1068705 h 1411233"/>
                        <a:gd name="connsiteX67" fmla="*/ 306382 w 1233011"/>
                        <a:gd name="connsiteY67" fmla="*/ 1078230 h 1411233"/>
                        <a:gd name="connsiteX68" fmla="*/ 277807 w 1233011"/>
                        <a:gd name="connsiteY68" fmla="*/ 944880 h 1411233"/>
                        <a:gd name="connsiteX69" fmla="*/ 242089 w 1233011"/>
                        <a:gd name="connsiteY69" fmla="*/ 961549 h 1411233"/>
                        <a:gd name="connsiteX70" fmla="*/ 132551 w 1233011"/>
                        <a:gd name="connsiteY70" fmla="*/ 909162 h 1411233"/>
                        <a:gd name="connsiteX71" fmla="*/ 142076 w 1233011"/>
                        <a:gd name="connsiteY71" fmla="*/ 882967 h 1411233"/>
                        <a:gd name="connsiteX72" fmla="*/ 114096 w 1233011"/>
                        <a:gd name="connsiteY72" fmla="*/ 864017 h 1411233"/>
                        <a:gd name="connsiteX73" fmla="*/ 92069 w 1233011"/>
                        <a:gd name="connsiteY73" fmla="*/ 897255 h 1411233"/>
                        <a:gd name="connsiteX74" fmla="*/ 94451 w 1233011"/>
                        <a:gd name="connsiteY74" fmla="*/ 840105 h 1411233"/>
                        <a:gd name="connsiteX75" fmla="*/ 75401 w 1233011"/>
                        <a:gd name="connsiteY75" fmla="*/ 835343 h 1411233"/>
                        <a:gd name="connsiteX76" fmla="*/ 63494 w 1233011"/>
                        <a:gd name="connsiteY76" fmla="*/ 906780 h 1411233"/>
                        <a:gd name="connsiteX77" fmla="*/ 42063 w 1233011"/>
                        <a:gd name="connsiteY77" fmla="*/ 911543 h 1411233"/>
                        <a:gd name="connsiteX78" fmla="*/ 53970 w 1233011"/>
                        <a:gd name="connsiteY78" fmla="*/ 825817 h 1411233"/>
                        <a:gd name="connsiteX79" fmla="*/ 106203 w 1233011"/>
                        <a:gd name="connsiteY79" fmla="*/ 819626 h 1411233"/>
                        <a:gd name="connsiteX80" fmla="*/ 108738 w 1233011"/>
                        <a:gd name="connsiteY80" fmla="*/ 799623 h 1411233"/>
                        <a:gd name="connsiteX81" fmla="*/ 61912 w 1233011"/>
                        <a:gd name="connsiteY81" fmla="*/ 799624 h 1411233"/>
                        <a:gd name="connsiteX82" fmla="*/ 66198 w 1233011"/>
                        <a:gd name="connsiteY82" fmla="*/ 761047 h 1411233"/>
                        <a:gd name="connsiteX83" fmla="*/ 125407 w 1233011"/>
                        <a:gd name="connsiteY83" fmla="*/ 742474 h 1411233"/>
                        <a:gd name="connsiteX84" fmla="*/ 113500 w 1233011"/>
                        <a:gd name="connsiteY84" fmla="*/ 716280 h 1411233"/>
                        <a:gd name="connsiteX85" fmla="*/ 31899 w 1233011"/>
                        <a:gd name="connsiteY85" fmla="*/ 756737 h 1411233"/>
                        <a:gd name="connsiteX86" fmla="*/ 12858 w 1233011"/>
                        <a:gd name="connsiteY86" fmla="*/ 718344 h 1411233"/>
                        <a:gd name="connsiteX87" fmla="*/ 87804 w 1233011"/>
                        <a:gd name="connsiteY87" fmla="*/ 693138 h 1411233"/>
                        <a:gd name="connsiteX88" fmla="*/ 60960 w 1233011"/>
                        <a:gd name="connsiteY88" fmla="*/ 617855 h 1411233"/>
                        <a:gd name="connsiteX89" fmla="*/ 34920 w 1233011"/>
                        <a:gd name="connsiteY89" fmla="*/ 604361 h 1411233"/>
                        <a:gd name="connsiteX90" fmla="*/ 0 w 1233011"/>
                        <a:gd name="connsiteY90"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804981 w 1233011"/>
                        <a:gd name="connsiteY52" fmla="*/ 134054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32638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32551 w 1233011"/>
                        <a:gd name="connsiteY71" fmla="*/ 909162 h 1411233"/>
                        <a:gd name="connsiteX72" fmla="*/ 142076 w 1233011"/>
                        <a:gd name="connsiteY72" fmla="*/ 882967 h 1411233"/>
                        <a:gd name="connsiteX73" fmla="*/ 114096 w 1233011"/>
                        <a:gd name="connsiteY73" fmla="*/ 864017 h 1411233"/>
                        <a:gd name="connsiteX74" fmla="*/ 92069 w 1233011"/>
                        <a:gd name="connsiteY74" fmla="*/ 897255 h 1411233"/>
                        <a:gd name="connsiteX75" fmla="*/ 94451 w 1233011"/>
                        <a:gd name="connsiteY75" fmla="*/ 840105 h 1411233"/>
                        <a:gd name="connsiteX76" fmla="*/ 75401 w 1233011"/>
                        <a:gd name="connsiteY76" fmla="*/ 835343 h 1411233"/>
                        <a:gd name="connsiteX77" fmla="*/ 63494 w 1233011"/>
                        <a:gd name="connsiteY77" fmla="*/ 906780 h 1411233"/>
                        <a:gd name="connsiteX78" fmla="*/ 42063 w 1233011"/>
                        <a:gd name="connsiteY78" fmla="*/ 911543 h 1411233"/>
                        <a:gd name="connsiteX79" fmla="*/ 53970 w 1233011"/>
                        <a:gd name="connsiteY79" fmla="*/ 825817 h 1411233"/>
                        <a:gd name="connsiteX80" fmla="*/ 106203 w 1233011"/>
                        <a:gd name="connsiteY80" fmla="*/ 819626 h 1411233"/>
                        <a:gd name="connsiteX81" fmla="*/ 108738 w 1233011"/>
                        <a:gd name="connsiteY81" fmla="*/ 799623 h 1411233"/>
                        <a:gd name="connsiteX82" fmla="*/ 61912 w 1233011"/>
                        <a:gd name="connsiteY82" fmla="*/ 799624 h 1411233"/>
                        <a:gd name="connsiteX83" fmla="*/ 66198 w 1233011"/>
                        <a:gd name="connsiteY83" fmla="*/ 761047 h 1411233"/>
                        <a:gd name="connsiteX84" fmla="*/ 125407 w 1233011"/>
                        <a:gd name="connsiteY84" fmla="*/ 742474 h 1411233"/>
                        <a:gd name="connsiteX85" fmla="*/ 113500 w 1233011"/>
                        <a:gd name="connsiteY85" fmla="*/ 716280 h 1411233"/>
                        <a:gd name="connsiteX86" fmla="*/ 31899 w 1233011"/>
                        <a:gd name="connsiteY86" fmla="*/ 756737 h 1411233"/>
                        <a:gd name="connsiteX87" fmla="*/ 12858 w 1233011"/>
                        <a:gd name="connsiteY87" fmla="*/ 718344 h 1411233"/>
                        <a:gd name="connsiteX88" fmla="*/ 87804 w 1233011"/>
                        <a:gd name="connsiteY88" fmla="*/ 693138 h 1411233"/>
                        <a:gd name="connsiteX89" fmla="*/ 60960 w 1233011"/>
                        <a:gd name="connsiteY89" fmla="*/ 617855 h 1411233"/>
                        <a:gd name="connsiteX90" fmla="*/ 34920 w 1233011"/>
                        <a:gd name="connsiteY90" fmla="*/ 604361 h 1411233"/>
                        <a:gd name="connsiteX91" fmla="*/ 0 w 1233011"/>
                        <a:gd name="connsiteY91"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161126 w 1233011"/>
                        <a:gd name="connsiteY71" fmla="*/ 923449 h 1411233"/>
                        <a:gd name="connsiteX72" fmla="*/ 132551 w 1233011"/>
                        <a:gd name="connsiteY72" fmla="*/ 909162 h 1411233"/>
                        <a:gd name="connsiteX73" fmla="*/ 142076 w 1233011"/>
                        <a:gd name="connsiteY73" fmla="*/ 882967 h 1411233"/>
                        <a:gd name="connsiteX74" fmla="*/ 114096 w 1233011"/>
                        <a:gd name="connsiteY74" fmla="*/ 864017 h 1411233"/>
                        <a:gd name="connsiteX75" fmla="*/ 92069 w 1233011"/>
                        <a:gd name="connsiteY75" fmla="*/ 897255 h 1411233"/>
                        <a:gd name="connsiteX76" fmla="*/ 94451 w 1233011"/>
                        <a:gd name="connsiteY76" fmla="*/ 840105 h 1411233"/>
                        <a:gd name="connsiteX77" fmla="*/ 75401 w 1233011"/>
                        <a:gd name="connsiteY77" fmla="*/ 835343 h 1411233"/>
                        <a:gd name="connsiteX78" fmla="*/ 63494 w 1233011"/>
                        <a:gd name="connsiteY78" fmla="*/ 906780 h 1411233"/>
                        <a:gd name="connsiteX79" fmla="*/ 42063 w 1233011"/>
                        <a:gd name="connsiteY79" fmla="*/ 911543 h 1411233"/>
                        <a:gd name="connsiteX80" fmla="*/ 53970 w 1233011"/>
                        <a:gd name="connsiteY80" fmla="*/ 825817 h 1411233"/>
                        <a:gd name="connsiteX81" fmla="*/ 106203 w 1233011"/>
                        <a:gd name="connsiteY81" fmla="*/ 819626 h 1411233"/>
                        <a:gd name="connsiteX82" fmla="*/ 108738 w 1233011"/>
                        <a:gd name="connsiteY82" fmla="*/ 799623 h 1411233"/>
                        <a:gd name="connsiteX83" fmla="*/ 61912 w 1233011"/>
                        <a:gd name="connsiteY83" fmla="*/ 799624 h 1411233"/>
                        <a:gd name="connsiteX84" fmla="*/ 66198 w 1233011"/>
                        <a:gd name="connsiteY84" fmla="*/ 761047 h 1411233"/>
                        <a:gd name="connsiteX85" fmla="*/ 125407 w 1233011"/>
                        <a:gd name="connsiteY85" fmla="*/ 742474 h 1411233"/>
                        <a:gd name="connsiteX86" fmla="*/ 113500 w 1233011"/>
                        <a:gd name="connsiteY86" fmla="*/ 716280 h 1411233"/>
                        <a:gd name="connsiteX87" fmla="*/ 31899 w 1233011"/>
                        <a:gd name="connsiteY87" fmla="*/ 756737 h 1411233"/>
                        <a:gd name="connsiteX88" fmla="*/ 12858 w 1233011"/>
                        <a:gd name="connsiteY88" fmla="*/ 718344 h 1411233"/>
                        <a:gd name="connsiteX89" fmla="*/ 87804 w 1233011"/>
                        <a:gd name="connsiteY89" fmla="*/ 693138 h 1411233"/>
                        <a:gd name="connsiteX90" fmla="*/ 60960 w 1233011"/>
                        <a:gd name="connsiteY90" fmla="*/ 617855 h 1411233"/>
                        <a:gd name="connsiteX91" fmla="*/ 34920 w 1233011"/>
                        <a:gd name="connsiteY91" fmla="*/ 604361 h 1411233"/>
                        <a:gd name="connsiteX92" fmla="*/ 0 w 1233011"/>
                        <a:gd name="connsiteY92"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61126 w 1233011"/>
                        <a:gd name="connsiteY72" fmla="*/ 923449 h 1411233"/>
                        <a:gd name="connsiteX73" fmla="*/ 132551 w 1233011"/>
                        <a:gd name="connsiteY73" fmla="*/ 909162 h 1411233"/>
                        <a:gd name="connsiteX74" fmla="*/ 142076 w 1233011"/>
                        <a:gd name="connsiteY74" fmla="*/ 882967 h 1411233"/>
                        <a:gd name="connsiteX75" fmla="*/ 114096 w 1233011"/>
                        <a:gd name="connsiteY75" fmla="*/ 864017 h 1411233"/>
                        <a:gd name="connsiteX76" fmla="*/ 92069 w 1233011"/>
                        <a:gd name="connsiteY76" fmla="*/ 897255 h 1411233"/>
                        <a:gd name="connsiteX77" fmla="*/ 94451 w 1233011"/>
                        <a:gd name="connsiteY77" fmla="*/ 840105 h 1411233"/>
                        <a:gd name="connsiteX78" fmla="*/ 75401 w 1233011"/>
                        <a:gd name="connsiteY78" fmla="*/ 835343 h 1411233"/>
                        <a:gd name="connsiteX79" fmla="*/ 63494 w 1233011"/>
                        <a:gd name="connsiteY79" fmla="*/ 906780 h 1411233"/>
                        <a:gd name="connsiteX80" fmla="*/ 42063 w 1233011"/>
                        <a:gd name="connsiteY80" fmla="*/ 911543 h 1411233"/>
                        <a:gd name="connsiteX81" fmla="*/ 53970 w 1233011"/>
                        <a:gd name="connsiteY81" fmla="*/ 825817 h 1411233"/>
                        <a:gd name="connsiteX82" fmla="*/ 106203 w 1233011"/>
                        <a:gd name="connsiteY82" fmla="*/ 819626 h 1411233"/>
                        <a:gd name="connsiteX83" fmla="*/ 108738 w 1233011"/>
                        <a:gd name="connsiteY83" fmla="*/ 799623 h 1411233"/>
                        <a:gd name="connsiteX84" fmla="*/ 61912 w 1233011"/>
                        <a:gd name="connsiteY84" fmla="*/ 799624 h 1411233"/>
                        <a:gd name="connsiteX85" fmla="*/ 66198 w 1233011"/>
                        <a:gd name="connsiteY85" fmla="*/ 761047 h 1411233"/>
                        <a:gd name="connsiteX86" fmla="*/ 125407 w 1233011"/>
                        <a:gd name="connsiteY86" fmla="*/ 742474 h 1411233"/>
                        <a:gd name="connsiteX87" fmla="*/ 113500 w 1233011"/>
                        <a:gd name="connsiteY87" fmla="*/ 716280 h 1411233"/>
                        <a:gd name="connsiteX88" fmla="*/ 31899 w 1233011"/>
                        <a:gd name="connsiteY88" fmla="*/ 756737 h 1411233"/>
                        <a:gd name="connsiteX89" fmla="*/ 12858 w 1233011"/>
                        <a:gd name="connsiteY89" fmla="*/ 718344 h 1411233"/>
                        <a:gd name="connsiteX90" fmla="*/ 87804 w 1233011"/>
                        <a:gd name="connsiteY90" fmla="*/ 693138 h 1411233"/>
                        <a:gd name="connsiteX91" fmla="*/ 60960 w 1233011"/>
                        <a:gd name="connsiteY91" fmla="*/ 617855 h 1411233"/>
                        <a:gd name="connsiteX92" fmla="*/ 34920 w 1233011"/>
                        <a:gd name="connsiteY92" fmla="*/ 604361 h 1411233"/>
                        <a:gd name="connsiteX93" fmla="*/ 0 w 1233011"/>
                        <a:gd name="connsiteY93"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77807 w 1233011"/>
                        <a:gd name="connsiteY69" fmla="*/ 944880 h 1411233"/>
                        <a:gd name="connsiteX70" fmla="*/ 242089 w 1233011"/>
                        <a:gd name="connsiteY70" fmla="*/ 961549 h 1411233"/>
                        <a:gd name="connsiteX71" fmla="*/ 218276 w 1233011"/>
                        <a:gd name="connsiteY71" fmla="*/ 952024 h 1411233"/>
                        <a:gd name="connsiteX72" fmla="*/ 177794 w 1233011"/>
                        <a:gd name="connsiteY72" fmla="*/ 932974 h 1411233"/>
                        <a:gd name="connsiteX73" fmla="*/ 161126 w 1233011"/>
                        <a:gd name="connsiteY73" fmla="*/ 923449 h 1411233"/>
                        <a:gd name="connsiteX74" fmla="*/ 132551 w 1233011"/>
                        <a:gd name="connsiteY74" fmla="*/ 909162 h 1411233"/>
                        <a:gd name="connsiteX75" fmla="*/ 142076 w 1233011"/>
                        <a:gd name="connsiteY75" fmla="*/ 882967 h 1411233"/>
                        <a:gd name="connsiteX76" fmla="*/ 114096 w 1233011"/>
                        <a:gd name="connsiteY76" fmla="*/ 864017 h 1411233"/>
                        <a:gd name="connsiteX77" fmla="*/ 92069 w 1233011"/>
                        <a:gd name="connsiteY77" fmla="*/ 897255 h 1411233"/>
                        <a:gd name="connsiteX78" fmla="*/ 94451 w 1233011"/>
                        <a:gd name="connsiteY78" fmla="*/ 840105 h 1411233"/>
                        <a:gd name="connsiteX79" fmla="*/ 75401 w 1233011"/>
                        <a:gd name="connsiteY79" fmla="*/ 835343 h 1411233"/>
                        <a:gd name="connsiteX80" fmla="*/ 63494 w 1233011"/>
                        <a:gd name="connsiteY80" fmla="*/ 906780 h 1411233"/>
                        <a:gd name="connsiteX81" fmla="*/ 42063 w 1233011"/>
                        <a:gd name="connsiteY81" fmla="*/ 911543 h 1411233"/>
                        <a:gd name="connsiteX82" fmla="*/ 53970 w 1233011"/>
                        <a:gd name="connsiteY82" fmla="*/ 825817 h 1411233"/>
                        <a:gd name="connsiteX83" fmla="*/ 106203 w 1233011"/>
                        <a:gd name="connsiteY83" fmla="*/ 819626 h 1411233"/>
                        <a:gd name="connsiteX84" fmla="*/ 108738 w 1233011"/>
                        <a:gd name="connsiteY84" fmla="*/ 799623 h 1411233"/>
                        <a:gd name="connsiteX85" fmla="*/ 61912 w 1233011"/>
                        <a:gd name="connsiteY85" fmla="*/ 799624 h 1411233"/>
                        <a:gd name="connsiteX86" fmla="*/ 66198 w 1233011"/>
                        <a:gd name="connsiteY86" fmla="*/ 761047 h 1411233"/>
                        <a:gd name="connsiteX87" fmla="*/ 125407 w 1233011"/>
                        <a:gd name="connsiteY87" fmla="*/ 742474 h 1411233"/>
                        <a:gd name="connsiteX88" fmla="*/ 113500 w 1233011"/>
                        <a:gd name="connsiteY88" fmla="*/ 716280 h 1411233"/>
                        <a:gd name="connsiteX89" fmla="*/ 31899 w 1233011"/>
                        <a:gd name="connsiteY89" fmla="*/ 756737 h 1411233"/>
                        <a:gd name="connsiteX90" fmla="*/ 12858 w 1233011"/>
                        <a:gd name="connsiteY90" fmla="*/ 718344 h 1411233"/>
                        <a:gd name="connsiteX91" fmla="*/ 87804 w 1233011"/>
                        <a:gd name="connsiteY91" fmla="*/ 693138 h 1411233"/>
                        <a:gd name="connsiteX92" fmla="*/ 60960 w 1233011"/>
                        <a:gd name="connsiteY92" fmla="*/ 617855 h 1411233"/>
                        <a:gd name="connsiteX93" fmla="*/ 34920 w 1233011"/>
                        <a:gd name="connsiteY93" fmla="*/ 604361 h 1411233"/>
                        <a:gd name="connsiteX94" fmla="*/ 0 w 1233011"/>
                        <a:gd name="connsiteY94"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177794 w 1233011"/>
                        <a:gd name="connsiteY73" fmla="*/ 932974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18276 w 1233011"/>
                        <a:gd name="connsiteY72" fmla="*/ 952024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242089 w 1233011"/>
                        <a:gd name="connsiteY71" fmla="*/ 961549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77807 w 1233011"/>
                        <a:gd name="connsiteY70" fmla="*/ 944880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89713 w 1233011"/>
                        <a:gd name="connsiteY69" fmla="*/ 987743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306382 w 1233011"/>
                        <a:gd name="connsiteY68" fmla="*/ 107823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748 w 1233011"/>
                        <a:gd name="connsiteY67" fmla="*/ 1068705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30505 w 1233011"/>
                        <a:gd name="connsiteY67" fmla="*/ 959168 h 1411233"/>
                        <a:gd name="connsiteX68" fmla="*/ 249232 w 1233011"/>
                        <a:gd name="connsiteY68" fmla="*/ 944880 h 1411233"/>
                        <a:gd name="connsiteX69" fmla="*/ 242088 w 1233011"/>
                        <a:gd name="connsiteY69" fmla="*/ 921068 h 1411233"/>
                        <a:gd name="connsiteX70" fmla="*/ 208750 w 1233011"/>
                        <a:gd name="connsiteY70" fmla="*/ 947261 h 1411233"/>
                        <a:gd name="connsiteX71" fmla="*/ 180177 w 1233011"/>
                        <a:gd name="connsiteY71" fmla="*/ 935355 h 1411233"/>
                        <a:gd name="connsiteX72" fmla="*/ 220657 w 1233011"/>
                        <a:gd name="connsiteY72" fmla="*/ 918686 h 1411233"/>
                        <a:gd name="connsiteX73" fmla="*/ 208750 w 1233011"/>
                        <a:gd name="connsiteY73" fmla="*/ 899636 h 1411233"/>
                        <a:gd name="connsiteX74" fmla="*/ 161126 w 1233011"/>
                        <a:gd name="connsiteY74" fmla="*/ 923449 h 1411233"/>
                        <a:gd name="connsiteX75" fmla="*/ 132551 w 1233011"/>
                        <a:gd name="connsiteY75" fmla="*/ 909162 h 1411233"/>
                        <a:gd name="connsiteX76" fmla="*/ 142076 w 1233011"/>
                        <a:gd name="connsiteY76" fmla="*/ 882967 h 1411233"/>
                        <a:gd name="connsiteX77" fmla="*/ 114096 w 1233011"/>
                        <a:gd name="connsiteY77" fmla="*/ 864017 h 1411233"/>
                        <a:gd name="connsiteX78" fmla="*/ 92069 w 1233011"/>
                        <a:gd name="connsiteY78" fmla="*/ 897255 h 1411233"/>
                        <a:gd name="connsiteX79" fmla="*/ 94451 w 1233011"/>
                        <a:gd name="connsiteY79" fmla="*/ 840105 h 1411233"/>
                        <a:gd name="connsiteX80" fmla="*/ 75401 w 1233011"/>
                        <a:gd name="connsiteY80" fmla="*/ 835343 h 1411233"/>
                        <a:gd name="connsiteX81" fmla="*/ 63494 w 1233011"/>
                        <a:gd name="connsiteY81" fmla="*/ 906780 h 1411233"/>
                        <a:gd name="connsiteX82" fmla="*/ 42063 w 1233011"/>
                        <a:gd name="connsiteY82" fmla="*/ 911543 h 1411233"/>
                        <a:gd name="connsiteX83" fmla="*/ 53970 w 1233011"/>
                        <a:gd name="connsiteY83" fmla="*/ 825817 h 1411233"/>
                        <a:gd name="connsiteX84" fmla="*/ 106203 w 1233011"/>
                        <a:gd name="connsiteY84" fmla="*/ 819626 h 1411233"/>
                        <a:gd name="connsiteX85" fmla="*/ 108738 w 1233011"/>
                        <a:gd name="connsiteY85" fmla="*/ 799623 h 1411233"/>
                        <a:gd name="connsiteX86" fmla="*/ 61912 w 1233011"/>
                        <a:gd name="connsiteY86" fmla="*/ 799624 h 1411233"/>
                        <a:gd name="connsiteX87" fmla="*/ 66198 w 1233011"/>
                        <a:gd name="connsiteY87" fmla="*/ 761047 h 1411233"/>
                        <a:gd name="connsiteX88" fmla="*/ 125407 w 1233011"/>
                        <a:gd name="connsiteY88" fmla="*/ 742474 h 1411233"/>
                        <a:gd name="connsiteX89" fmla="*/ 113500 w 1233011"/>
                        <a:gd name="connsiteY89" fmla="*/ 716280 h 1411233"/>
                        <a:gd name="connsiteX90" fmla="*/ 31899 w 1233011"/>
                        <a:gd name="connsiteY90" fmla="*/ 756737 h 1411233"/>
                        <a:gd name="connsiteX91" fmla="*/ 12858 w 1233011"/>
                        <a:gd name="connsiteY91" fmla="*/ 718344 h 1411233"/>
                        <a:gd name="connsiteX92" fmla="*/ 87804 w 1233011"/>
                        <a:gd name="connsiteY92" fmla="*/ 693138 h 1411233"/>
                        <a:gd name="connsiteX93" fmla="*/ 60960 w 1233011"/>
                        <a:gd name="connsiteY93" fmla="*/ 617855 h 1411233"/>
                        <a:gd name="connsiteX94" fmla="*/ 34920 w 1233011"/>
                        <a:gd name="connsiteY94" fmla="*/ 604361 h 1411233"/>
                        <a:gd name="connsiteX95" fmla="*/ 0 w 1233011"/>
                        <a:gd name="connsiteY95"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0505 w 1233011"/>
                        <a:gd name="connsiteY68" fmla="*/ 959168 h 1411233"/>
                        <a:gd name="connsiteX69" fmla="*/ 249232 w 1233011"/>
                        <a:gd name="connsiteY69" fmla="*/ 944880 h 1411233"/>
                        <a:gd name="connsiteX70" fmla="*/ 242088 w 1233011"/>
                        <a:gd name="connsiteY70" fmla="*/ 921068 h 1411233"/>
                        <a:gd name="connsiteX71" fmla="*/ 208750 w 1233011"/>
                        <a:gd name="connsiteY71" fmla="*/ 947261 h 1411233"/>
                        <a:gd name="connsiteX72" fmla="*/ 180177 w 1233011"/>
                        <a:gd name="connsiteY72" fmla="*/ 935355 h 1411233"/>
                        <a:gd name="connsiteX73" fmla="*/ 220657 w 1233011"/>
                        <a:gd name="connsiteY73" fmla="*/ 918686 h 1411233"/>
                        <a:gd name="connsiteX74" fmla="*/ 208750 w 1233011"/>
                        <a:gd name="connsiteY74" fmla="*/ 899636 h 1411233"/>
                        <a:gd name="connsiteX75" fmla="*/ 161126 w 1233011"/>
                        <a:gd name="connsiteY75" fmla="*/ 923449 h 1411233"/>
                        <a:gd name="connsiteX76" fmla="*/ 132551 w 1233011"/>
                        <a:gd name="connsiteY76" fmla="*/ 909162 h 1411233"/>
                        <a:gd name="connsiteX77" fmla="*/ 142076 w 1233011"/>
                        <a:gd name="connsiteY77" fmla="*/ 882967 h 1411233"/>
                        <a:gd name="connsiteX78" fmla="*/ 114096 w 1233011"/>
                        <a:gd name="connsiteY78" fmla="*/ 864017 h 1411233"/>
                        <a:gd name="connsiteX79" fmla="*/ 92069 w 1233011"/>
                        <a:gd name="connsiteY79" fmla="*/ 897255 h 1411233"/>
                        <a:gd name="connsiteX80" fmla="*/ 94451 w 1233011"/>
                        <a:gd name="connsiteY80" fmla="*/ 840105 h 1411233"/>
                        <a:gd name="connsiteX81" fmla="*/ 75401 w 1233011"/>
                        <a:gd name="connsiteY81" fmla="*/ 835343 h 1411233"/>
                        <a:gd name="connsiteX82" fmla="*/ 63494 w 1233011"/>
                        <a:gd name="connsiteY82" fmla="*/ 906780 h 1411233"/>
                        <a:gd name="connsiteX83" fmla="*/ 42063 w 1233011"/>
                        <a:gd name="connsiteY83" fmla="*/ 911543 h 1411233"/>
                        <a:gd name="connsiteX84" fmla="*/ 53970 w 1233011"/>
                        <a:gd name="connsiteY84" fmla="*/ 825817 h 1411233"/>
                        <a:gd name="connsiteX85" fmla="*/ 106203 w 1233011"/>
                        <a:gd name="connsiteY85" fmla="*/ 819626 h 1411233"/>
                        <a:gd name="connsiteX86" fmla="*/ 108738 w 1233011"/>
                        <a:gd name="connsiteY86" fmla="*/ 799623 h 1411233"/>
                        <a:gd name="connsiteX87" fmla="*/ 61912 w 1233011"/>
                        <a:gd name="connsiteY87" fmla="*/ 799624 h 1411233"/>
                        <a:gd name="connsiteX88" fmla="*/ 66198 w 1233011"/>
                        <a:gd name="connsiteY88" fmla="*/ 761047 h 1411233"/>
                        <a:gd name="connsiteX89" fmla="*/ 125407 w 1233011"/>
                        <a:gd name="connsiteY89" fmla="*/ 742474 h 1411233"/>
                        <a:gd name="connsiteX90" fmla="*/ 113500 w 1233011"/>
                        <a:gd name="connsiteY90" fmla="*/ 716280 h 1411233"/>
                        <a:gd name="connsiteX91" fmla="*/ 31899 w 1233011"/>
                        <a:gd name="connsiteY91" fmla="*/ 756737 h 1411233"/>
                        <a:gd name="connsiteX92" fmla="*/ 12858 w 1233011"/>
                        <a:gd name="connsiteY92" fmla="*/ 718344 h 1411233"/>
                        <a:gd name="connsiteX93" fmla="*/ 87804 w 1233011"/>
                        <a:gd name="connsiteY93" fmla="*/ 693138 h 1411233"/>
                        <a:gd name="connsiteX94" fmla="*/ 60960 w 1233011"/>
                        <a:gd name="connsiteY94" fmla="*/ 617855 h 1411233"/>
                        <a:gd name="connsiteX95" fmla="*/ 34920 w 1233011"/>
                        <a:gd name="connsiteY95" fmla="*/ 604361 h 1411233"/>
                        <a:gd name="connsiteX96" fmla="*/ 0 w 1233011"/>
                        <a:gd name="connsiteY96"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37326 w 1233011"/>
                        <a:gd name="connsiteY68" fmla="*/ 997268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49232 w 1233011"/>
                        <a:gd name="connsiteY67" fmla="*/ 1090136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304000 w 1233011"/>
                        <a:gd name="connsiteY67" fmla="*/ 1073468 h 1411233"/>
                        <a:gd name="connsiteX68" fmla="*/ 284406 w 1233011"/>
                        <a:gd name="connsiteY68" fmla="*/ 949172 h 1411233"/>
                        <a:gd name="connsiteX69" fmla="*/ 230505 w 1233011"/>
                        <a:gd name="connsiteY69" fmla="*/ 959168 h 1411233"/>
                        <a:gd name="connsiteX70" fmla="*/ 249232 w 1233011"/>
                        <a:gd name="connsiteY70" fmla="*/ 944880 h 1411233"/>
                        <a:gd name="connsiteX71" fmla="*/ 242088 w 1233011"/>
                        <a:gd name="connsiteY71" fmla="*/ 921068 h 1411233"/>
                        <a:gd name="connsiteX72" fmla="*/ 208750 w 1233011"/>
                        <a:gd name="connsiteY72" fmla="*/ 947261 h 1411233"/>
                        <a:gd name="connsiteX73" fmla="*/ 180177 w 1233011"/>
                        <a:gd name="connsiteY73" fmla="*/ 935355 h 1411233"/>
                        <a:gd name="connsiteX74" fmla="*/ 220657 w 1233011"/>
                        <a:gd name="connsiteY74" fmla="*/ 918686 h 1411233"/>
                        <a:gd name="connsiteX75" fmla="*/ 208750 w 1233011"/>
                        <a:gd name="connsiteY75" fmla="*/ 899636 h 1411233"/>
                        <a:gd name="connsiteX76" fmla="*/ 161126 w 1233011"/>
                        <a:gd name="connsiteY76" fmla="*/ 923449 h 1411233"/>
                        <a:gd name="connsiteX77" fmla="*/ 132551 w 1233011"/>
                        <a:gd name="connsiteY77" fmla="*/ 909162 h 1411233"/>
                        <a:gd name="connsiteX78" fmla="*/ 142076 w 1233011"/>
                        <a:gd name="connsiteY78" fmla="*/ 882967 h 1411233"/>
                        <a:gd name="connsiteX79" fmla="*/ 114096 w 1233011"/>
                        <a:gd name="connsiteY79" fmla="*/ 864017 h 1411233"/>
                        <a:gd name="connsiteX80" fmla="*/ 92069 w 1233011"/>
                        <a:gd name="connsiteY80" fmla="*/ 897255 h 1411233"/>
                        <a:gd name="connsiteX81" fmla="*/ 94451 w 1233011"/>
                        <a:gd name="connsiteY81" fmla="*/ 840105 h 1411233"/>
                        <a:gd name="connsiteX82" fmla="*/ 75401 w 1233011"/>
                        <a:gd name="connsiteY82" fmla="*/ 835343 h 1411233"/>
                        <a:gd name="connsiteX83" fmla="*/ 63494 w 1233011"/>
                        <a:gd name="connsiteY83" fmla="*/ 906780 h 1411233"/>
                        <a:gd name="connsiteX84" fmla="*/ 42063 w 1233011"/>
                        <a:gd name="connsiteY84" fmla="*/ 911543 h 1411233"/>
                        <a:gd name="connsiteX85" fmla="*/ 53970 w 1233011"/>
                        <a:gd name="connsiteY85" fmla="*/ 825817 h 1411233"/>
                        <a:gd name="connsiteX86" fmla="*/ 106203 w 1233011"/>
                        <a:gd name="connsiteY86" fmla="*/ 819626 h 1411233"/>
                        <a:gd name="connsiteX87" fmla="*/ 108738 w 1233011"/>
                        <a:gd name="connsiteY87" fmla="*/ 799623 h 1411233"/>
                        <a:gd name="connsiteX88" fmla="*/ 61912 w 1233011"/>
                        <a:gd name="connsiteY88" fmla="*/ 799624 h 1411233"/>
                        <a:gd name="connsiteX89" fmla="*/ 66198 w 1233011"/>
                        <a:gd name="connsiteY89" fmla="*/ 761047 h 1411233"/>
                        <a:gd name="connsiteX90" fmla="*/ 125407 w 1233011"/>
                        <a:gd name="connsiteY90" fmla="*/ 742474 h 1411233"/>
                        <a:gd name="connsiteX91" fmla="*/ 113500 w 1233011"/>
                        <a:gd name="connsiteY91" fmla="*/ 716280 h 1411233"/>
                        <a:gd name="connsiteX92" fmla="*/ 31899 w 1233011"/>
                        <a:gd name="connsiteY92" fmla="*/ 756737 h 1411233"/>
                        <a:gd name="connsiteX93" fmla="*/ 12858 w 1233011"/>
                        <a:gd name="connsiteY93" fmla="*/ 718344 h 1411233"/>
                        <a:gd name="connsiteX94" fmla="*/ 87804 w 1233011"/>
                        <a:gd name="connsiteY94" fmla="*/ 693138 h 1411233"/>
                        <a:gd name="connsiteX95" fmla="*/ 60960 w 1233011"/>
                        <a:gd name="connsiteY95" fmla="*/ 617855 h 1411233"/>
                        <a:gd name="connsiteX96" fmla="*/ 34920 w 1233011"/>
                        <a:gd name="connsiteY96" fmla="*/ 604361 h 1411233"/>
                        <a:gd name="connsiteX97" fmla="*/ 0 w 1233011"/>
                        <a:gd name="connsiteY97"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5426 w 1233011"/>
                        <a:gd name="connsiteY67" fmla="*/ 1154430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31899 w 1233011"/>
                        <a:gd name="connsiteY93" fmla="*/ 756737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208750 w 1233011"/>
                        <a:gd name="connsiteY76" fmla="*/ 899636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20657 w 1233011"/>
                        <a:gd name="connsiteY75" fmla="*/ 918686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92069 w 1233011"/>
                        <a:gd name="connsiteY81" fmla="*/ 897255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 name="connsiteX0" fmla="*/ 0 w 1233011"/>
                        <a:gd name="connsiteY0" fmla="*/ 543401 h 1411233"/>
                        <a:gd name="connsiteX1" fmla="*/ 242411 w 1233011"/>
                        <a:gd name="connsiteY1" fmla="*/ 381000 h 1411233"/>
                        <a:gd name="connsiteX2" fmla="*/ 264318 w 1233011"/>
                        <a:gd name="connsiteY2" fmla="*/ 271462 h 1411233"/>
                        <a:gd name="connsiteX3" fmla="*/ 348615 w 1233011"/>
                        <a:gd name="connsiteY3" fmla="*/ 268605 h 1411233"/>
                        <a:gd name="connsiteX4" fmla="*/ 386238 w 1233011"/>
                        <a:gd name="connsiteY4" fmla="*/ 290512 h 1411233"/>
                        <a:gd name="connsiteX5" fmla="*/ 461486 w 1233011"/>
                        <a:gd name="connsiteY5" fmla="*/ 250031 h 1411233"/>
                        <a:gd name="connsiteX6" fmla="*/ 516731 w 1233011"/>
                        <a:gd name="connsiteY6" fmla="*/ 128111 h 1411233"/>
                        <a:gd name="connsiteX7" fmla="*/ 577845 w 1233011"/>
                        <a:gd name="connsiteY7" fmla="*/ 140018 h 1411233"/>
                        <a:gd name="connsiteX8" fmla="*/ 638651 w 1233011"/>
                        <a:gd name="connsiteY8" fmla="*/ 167640 h 1411233"/>
                        <a:gd name="connsiteX9" fmla="*/ 752470 w 1233011"/>
                        <a:gd name="connsiteY9" fmla="*/ 151155 h 1411233"/>
                        <a:gd name="connsiteX10" fmla="*/ 799301 w 1233011"/>
                        <a:gd name="connsiteY10" fmla="*/ 113824 h 1411233"/>
                        <a:gd name="connsiteX11" fmla="*/ 802005 w 1233011"/>
                        <a:gd name="connsiteY11" fmla="*/ 61913 h 1411233"/>
                        <a:gd name="connsiteX12" fmla="*/ 837247 w 1233011"/>
                        <a:gd name="connsiteY12" fmla="*/ 50482 h 1411233"/>
                        <a:gd name="connsiteX13" fmla="*/ 868680 w 1233011"/>
                        <a:gd name="connsiteY13" fmla="*/ 0 h 1411233"/>
                        <a:gd name="connsiteX14" fmla="*/ 920591 w 1233011"/>
                        <a:gd name="connsiteY14" fmla="*/ 0 h 1411233"/>
                        <a:gd name="connsiteX15" fmla="*/ 916305 w 1233011"/>
                        <a:gd name="connsiteY15" fmla="*/ 59531 h 1411233"/>
                        <a:gd name="connsiteX16" fmla="*/ 996791 w 1233011"/>
                        <a:gd name="connsiteY16" fmla="*/ 99060 h 1411233"/>
                        <a:gd name="connsiteX17" fmla="*/ 954405 w 1233011"/>
                        <a:gd name="connsiteY17" fmla="*/ 177165 h 1411233"/>
                        <a:gd name="connsiteX18" fmla="*/ 984408 w 1233011"/>
                        <a:gd name="connsiteY18" fmla="*/ 197644 h 1411233"/>
                        <a:gd name="connsiteX19" fmla="*/ 951700 w 1233011"/>
                        <a:gd name="connsiteY19" fmla="*/ 249555 h 1411233"/>
                        <a:gd name="connsiteX20" fmla="*/ 951071 w 1233011"/>
                        <a:gd name="connsiteY20" fmla="*/ 297180 h 1411233"/>
                        <a:gd name="connsiteX21" fmla="*/ 958691 w 1233011"/>
                        <a:gd name="connsiteY21" fmla="*/ 320040 h 1411233"/>
                        <a:gd name="connsiteX22" fmla="*/ 1006469 w 1233011"/>
                        <a:gd name="connsiteY22" fmla="*/ 349568 h 1411233"/>
                        <a:gd name="connsiteX23" fmla="*/ 1063942 w 1233011"/>
                        <a:gd name="connsiteY23" fmla="*/ 461388 h 1411233"/>
                        <a:gd name="connsiteX24" fmla="*/ 1090136 w 1233011"/>
                        <a:gd name="connsiteY24" fmla="*/ 403667 h 1411233"/>
                        <a:gd name="connsiteX25" fmla="*/ 1130542 w 1233011"/>
                        <a:gd name="connsiteY25" fmla="*/ 390148 h 1411233"/>
                        <a:gd name="connsiteX26" fmla="*/ 1117759 w 1233011"/>
                        <a:gd name="connsiteY26" fmla="*/ 400526 h 1411233"/>
                        <a:gd name="connsiteX27" fmla="*/ 1142047 w 1233011"/>
                        <a:gd name="connsiteY27" fmla="*/ 368142 h 1411233"/>
                        <a:gd name="connsiteX28" fmla="*/ 1156811 w 1233011"/>
                        <a:gd name="connsiteY28" fmla="*/ 441960 h 1411233"/>
                        <a:gd name="connsiteX29" fmla="*/ 1233011 w 1233011"/>
                        <a:gd name="connsiteY29" fmla="*/ 419100 h 1411233"/>
                        <a:gd name="connsiteX30" fmla="*/ 1200150 w 1233011"/>
                        <a:gd name="connsiteY30" fmla="*/ 481012 h 1411233"/>
                        <a:gd name="connsiteX31" fmla="*/ 1142524 w 1233011"/>
                        <a:gd name="connsiteY31" fmla="*/ 536734 h 1411233"/>
                        <a:gd name="connsiteX32" fmla="*/ 1077908 w 1233011"/>
                        <a:gd name="connsiteY32" fmla="*/ 621031 h 1411233"/>
                        <a:gd name="connsiteX33" fmla="*/ 1009174 w 1233011"/>
                        <a:gd name="connsiteY33" fmla="*/ 632460 h 1411233"/>
                        <a:gd name="connsiteX34" fmla="*/ 1006470 w 1233011"/>
                        <a:gd name="connsiteY34" fmla="*/ 754380 h 1411233"/>
                        <a:gd name="connsiteX35" fmla="*/ 963453 w 1233011"/>
                        <a:gd name="connsiteY35" fmla="*/ 807244 h 1411233"/>
                        <a:gd name="connsiteX36" fmla="*/ 999326 w 1233011"/>
                        <a:gd name="connsiteY36" fmla="*/ 847249 h 1411233"/>
                        <a:gd name="connsiteX37" fmla="*/ 977264 w 1233011"/>
                        <a:gd name="connsiteY37" fmla="*/ 891063 h 1411233"/>
                        <a:gd name="connsiteX38" fmla="*/ 1001707 w 1233011"/>
                        <a:gd name="connsiteY38" fmla="*/ 947261 h 1411233"/>
                        <a:gd name="connsiteX39" fmla="*/ 1032510 w 1233011"/>
                        <a:gd name="connsiteY39" fmla="*/ 1024414 h 1411233"/>
                        <a:gd name="connsiteX40" fmla="*/ 1075372 w 1233011"/>
                        <a:gd name="connsiteY40" fmla="*/ 1055370 h 1411233"/>
                        <a:gd name="connsiteX41" fmla="*/ 1076801 w 1233011"/>
                        <a:gd name="connsiteY41" fmla="*/ 1161574 h 1411233"/>
                        <a:gd name="connsiteX42" fmla="*/ 993458 w 1233011"/>
                        <a:gd name="connsiteY42" fmla="*/ 1155382 h 1411233"/>
                        <a:gd name="connsiteX43" fmla="*/ 1120770 w 1233011"/>
                        <a:gd name="connsiteY43" fmla="*/ 1211579 h 1411233"/>
                        <a:gd name="connsiteX44" fmla="*/ 1154429 w 1233011"/>
                        <a:gd name="connsiteY44" fmla="*/ 1251586 h 1411233"/>
                        <a:gd name="connsiteX45" fmla="*/ 1096957 w 1233011"/>
                        <a:gd name="connsiteY45" fmla="*/ 1373505 h 1411233"/>
                        <a:gd name="connsiteX46" fmla="*/ 1065847 w 1233011"/>
                        <a:gd name="connsiteY46" fmla="*/ 1361598 h 1411233"/>
                        <a:gd name="connsiteX47" fmla="*/ 1046797 w 1233011"/>
                        <a:gd name="connsiteY47" fmla="*/ 1390650 h 1411233"/>
                        <a:gd name="connsiteX48" fmla="*/ 1027901 w 1233011"/>
                        <a:gd name="connsiteY48" fmla="*/ 1359218 h 1411233"/>
                        <a:gd name="connsiteX49" fmla="*/ 901541 w 1233011"/>
                        <a:gd name="connsiteY49" fmla="*/ 1344930 h 1411233"/>
                        <a:gd name="connsiteX50" fmla="*/ 859428 w 1233011"/>
                        <a:gd name="connsiteY50" fmla="*/ 1307028 h 1411233"/>
                        <a:gd name="connsiteX51" fmla="*/ 818351 w 1233011"/>
                        <a:gd name="connsiteY51" fmla="*/ 1321118 h 1411233"/>
                        <a:gd name="connsiteX52" fmla="*/ 788313 w 1233011"/>
                        <a:gd name="connsiteY52" fmla="*/ 1359590 h 1411233"/>
                        <a:gd name="connsiteX53" fmla="*/ 732402 w 1233011"/>
                        <a:gd name="connsiteY53" fmla="*/ 1357779 h 1411233"/>
                        <a:gd name="connsiteX54" fmla="*/ 606672 w 1233011"/>
                        <a:gd name="connsiteY54" fmla="*/ 1411233 h 1411233"/>
                        <a:gd name="connsiteX55" fmla="*/ 580226 w 1233011"/>
                        <a:gd name="connsiteY55" fmla="*/ 1375886 h 1411233"/>
                        <a:gd name="connsiteX56" fmla="*/ 374332 w 1233011"/>
                        <a:gd name="connsiteY56" fmla="*/ 1287303 h 1411233"/>
                        <a:gd name="connsiteX57" fmla="*/ 206369 w 1233011"/>
                        <a:gd name="connsiteY57" fmla="*/ 1230630 h 1411233"/>
                        <a:gd name="connsiteX58" fmla="*/ 111119 w 1233011"/>
                        <a:gd name="connsiteY58" fmla="*/ 1223486 h 1411233"/>
                        <a:gd name="connsiteX59" fmla="*/ 106357 w 1233011"/>
                        <a:gd name="connsiteY59" fmla="*/ 1156811 h 1411233"/>
                        <a:gd name="connsiteX60" fmla="*/ 118263 w 1233011"/>
                        <a:gd name="connsiteY60" fmla="*/ 1171098 h 1411233"/>
                        <a:gd name="connsiteX61" fmla="*/ 126682 w 1233011"/>
                        <a:gd name="connsiteY61" fmla="*/ 1202532 h 1411233"/>
                        <a:gd name="connsiteX62" fmla="*/ 164306 w 1233011"/>
                        <a:gd name="connsiteY62" fmla="*/ 1200626 h 1411233"/>
                        <a:gd name="connsiteX63" fmla="*/ 146685 w 1233011"/>
                        <a:gd name="connsiteY63" fmla="*/ 1141095 h 1411233"/>
                        <a:gd name="connsiteX64" fmla="*/ 218122 w 1233011"/>
                        <a:gd name="connsiteY64" fmla="*/ 1096804 h 1411233"/>
                        <a:gd name="connsiteX65" fmla="*/ 232563 w 1233011"/>
                        <a:gd name="connsiteY65" fmla="*/ 1180623 h 1411233"/>
                        <a:gd name="connsiteX66" fmla="*/ 261138 w 1233011"/>
                        <a:gd name="connsiteY66" fmla="*/ 1190149 h 1411233"/>
                        <a:gd name="connsiteX67" fmla="*/ 277262 w 1233011"/>
                        <a:gd name="connsiteY67" fmla="*/ 1048043 h 1411233"/>
                        <a:gd name="connsiteX68" fmla="*/ 304000 w 1233011"/>
                        <a:gd name="connsiteY68" fmla="*/ 1073468 h 1411233"/>
                        <a:gd name="connsiteX69" fmla="*/ 284406 w 1233011"/>
                        <a:gd name="connsiteY69" fmla="*/ 949172 h 1411233"/>
                        <a:gd name="connsiteX70" fmla="*/ 230505 w 1233011"/>
                        <a:gd name="connsiteY70" fmla="*/ 959168 h 1411233"/>
                        <a:gd name="connsiteX71" fmla="*/ 249232 w 1233011"/>
                        <a:gd name="connsiteY71" fmla="*/ 944880 h 1411233"/>
                        <a:gd name="connsiteX72" fmla="*/ 242088 w 1233011"/>
                        <a:gd name="connsiteY72" fmla="*/ 921068 h 1411233"/>
                        <a:gd name="connsiteX73" fmla="*/ 208750 w 1233011"/>
                        <a:gd name="connsiteY73" fmla="*/ 947261 h 1411233"/>
                        <a:gd name="connsiteX74" fmla="*/ 180177 w 1233011"/>
                        <a:gd name="connsiteY74" fmla="*/ 935355 h 1411233"/>
                        <a:gd name="connsiteX75" fmla="*/ 206369 w 1233011"/>
                        <a:gd name="connsiteY75" fmla="*/ 925830 h 1411233"/>
                        <a:gd name="connsiteX76" fmla="*/ 196844 w 1233011"/>
                        <a:gd name="connsiteY76" fmla="*/ 909161 h 1411233"/>
                        <a:gd name="connsiteX77" fmla="*/ 161126 w 1233011"/>
                        <a:gd name="connsiteY77" fmla="*/ 923449 h 1411233"/>
                        <a:gd name="connsiteX78" fmla="*/ 132551 w 1233011"/>
                        <a:gd name="connsiteY78" fmla="*/ 909162 h 1411233"/>
                        <a:gd name="connsiteX79" fmla="*/ 142076 w 1233011"/>
                        <a:gd name="connsiteY79" fmla="*/ 882967 h 1411233"/>
                        <a:gd name="connsiteX80" fmla="*/ 114096 w 1233011"/>
                        <a:gd name="connsiteY80" fmla="*/ 864017 h 1411233"/>
                        <a:gd name="connsiteX81" fmla="*/ 77782 w 1233011"/>
                        <a:gd name="connsiteY81" fmla="*/ 894874 h 1411233"/>
                        <a:gd name="connsiteX82" fmla="*/ 94451 w 1233011"/>
                        <a:gd name="connsiteY82" fmla="*/ 840105 h 1411233"/>
                        <a:gd name="connsiteX83" fmla="*/ 75401 w 1233011"/>
                        <a:gd name="connsiteY83" fmla="*/ 835343 h 1411233"/>
                        <a:gd name="connsiteX84" fmla="*/ 63494 w 1233011"/>
                        <a:gd name="connsiteY84" fmla="*/ 906780 h 1411233"/>
                        <a:gd name="connsiteX85" fmla="*/ 42063 w 1233011"/>
                        <a:gd name="connsiteY85" fmla="*/ 911543 h 1411233"/>
                        <a:gd name="connsiteX86" fmla="*/ 53970 w 1233011"/>
                        <a:gd name="connsiteY86" fmla="*/ 825817 h 1411233"/>
                        <a:gd name="connsiteX87" fmla="*/ 106203 w 1233011"/>
                        <a:gd name="connsiteY87" fmla="*/ 819626 h 1411233"/>
                        <a:gd name="connsiteX88" fmla="*/ 108738 w 1233011"/>
                        <a:gd name="connsiteY88" fmla="*/ 799623 h 1411233"/>
                        <a:gd name="connsiteX89" fmla="*/ 61912 w 1233011"/>
                        <a:gd name="connsiteY89" fmla="*/ 799624 h 1411233"/>
                        <a:gd name="connsiteX90" fmla="*/ 66198 w 1233011"/>
                        <a:gd name="connsiteY90" fmla="*/ 761047 h 1411233"/>
                        <a:gd name="connsiteX91" fmla="*/ 125407 w 1233011"/>
                        <a:gd name="connsiteY91" fmla="*/ 742474 h 1411233"/>
                        <a:gd name="connsiteX92" fmla="*/ 113500 w 1233011"/>
                        <a:gd name="connsiteY92" fmla="*/ 716280 h 1411233"/>
                        <a:gd name="connsiteX93" fmla="*/ 15230 w 1233011"/>
                        <a:gd name="connsiteY93" fmla="*/ 751975 h 1411233"/>
                        <a:gd name="connsiteX94" fmla="*/ 12858 w 1233011"/>
                        <a:gd name="connsiteY94" fmla="*/ 718344 h 1411233"/>
                        <a:gd name="connsiteX95" fmla="*/ 87804 w 1233011"/>
                        <a:gd name="connsiteY95" fmla="*/ 693138 h 1411233"/>
                        <a:gd name="connsiteX96" fmla="*/ 60960 w 1233011"/>
                        <a:gd name="connsiteY96" fmla="*/ 617855 h 1411233"/>
                        <a:gd name="connsiteX97" fmla="*/ 34920 w 1233011"/>
                        <a:gd name="connsiteY97" fmla="*/ 604361 h 1411233"/>
                        <a:gd name="connsiteX98" fmla="*/ 0 w 1233011"/>
                        <a:gd name="connsiteY98" fmla="*/ 543401 h 141123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Lst>
                      <a:rect l="l" t="t" r="r" b="b"/>
                      <a:pathLst>
                        <a:path w="1233011" h="1411233">
                          <a:moveTo>
                            <a:pt x="0" y="543401"/>
                          </a:moveTo>
                          <a:lnTo>
                            <a:pt x="242411" y="381000"/>
                          </a:lnTo>
                          <a:lnTo>
                            <a:pt x="264318" y="271462"/>
                          </a:lnTo>
                          <a:lnTo>
                            <a:pt x="348615" y="268605"/>
                          </a:lnTo>
                          <a:lnTo>
                            <a:pt x="386238" y="290512"/>
                          </a:lnTo>
                          <a:lnTo>
                            <a:pt x="461486" y="250031"/>
                          </a:lnTo>
                          <a:lnTo>
                            <a:pt x="516731" y="128111"/>
                          </a:lnTo>
                          <a:lnTo>
                            <a:pt x="577845" y="140018"/>
                          </a:lnTo>
                          <a:lnTo>
                            <a:pt x="638651" y="167640"/>
                          </a:lnTo>
                          <a:lnTo>
                            <a:pt x="752470" y="151155"/>
                          </a:lnTo>
                          <a:lnTo>
                            <a:pt x="799301" y="113824"/>
                          </a:lnTo>
                          <a:lnTo>
                            <a:pt x="802005" y="61913"/>
                          </a:lnTo>
                          <a:lnTo>
                            <a:pt x="837247" y="50482"/>
                          </a:lnTo>
                          <a:lnTo>
                            <a:pt x="868680" y="0"/>
                          </a:lnTo>
                          <a:lnTo>
                            <a:pt x="920591" y="0"/>
                          </a:lnTo>
                          <a:lnTo>
                            <a:pt x="916305" y="59531"/>
                          </a:lnTo>
                          <a:lnTo>
                            <a:pt x="996791" y="99060"/>
                          </a:lnTo>
                          <a:lnTo>
                            <a:pt x="954405" y="177165"/>
                          </a:lnTo>
                          <a:lnTo>
                            <a:pt x="984408" y="197644"/>
                          </a:lnTo>
                          <a:lnTo>
                            <a:pt x="951700" y="249555"/>
                          </a:lnTo>
                          <a:cubicBezTo>
                            <a:pt x="951490" y="265430"/>
                            <a:pt x="951281" y="281305"/>
                            <a:pt x="951071" y="297180"/>
                          </a:cubicBezTo>
                          <a:lnTo>
                            <a:pt x="958691" y="320040"/>
                          </a:lnTo>
                          <a:lnTo>
                            <a:pt x="1006469" y="349568"/>
                          </a:lnTo>
                          <a:lnTo>
                            <a:pt x="1063942" y="461388"/>
                          </a:lnTo>
                          <a:lnTo>
                            <a:pt x="1090136" y="403667"/>
                          </a:lnTo>
                          <a:lnTo>
                            <a:pt x="1130542" y="390148"/>
                          </a:lnTo>
                          <a:lnTo>
                            <a:pt x="1117759" y="400526"/>
                          </a:lnTo>
                          <a:lnTo>
                            <a:pt x="1142047" y="368142"/>
                          </a:lnTo>
                          <a:lnTo>
                            <a:pt x="1156811" y="441960"/>
                          </a:lnTo>
                          <a:lnTo>
                            <a:pt x="1233011" y="419100"/>
                          </a:lnTo>
                          <a:lnTo>
                            <a:pt x="1200150" y="481012"/>
                          </a:lnTo>
                          <a:lnTo>
                            <a:pt x="1142524" y="536734"/>
                          </a:lnTo>
                          <a:lnTo>
                            <a:pt x="1077908" y="621031"/>
                          </a:lnTo>
                          <a:lnTo>
                            <a:pt x="1009174" y="632460"/>
                          </a:lnTo>
                          <a:cubicBezTo>
                            <a:pt x="1009860" y="673100"/>
                            <a:pt x="1005784" y="713740"/>
                            <a:pt x="1006470" y="754380"/>
                          </a:cubicBezTo>
                          <a:lnTo>
                            <a:pt x="963453" y="807244"/>
                          </a:lnTo>
                          <a:lnTo>
                            <a:pt x="999326" y="847249"/>
                          </a:lnTo>
                          <a:lnTo>
                            <a:pt x="977264" y="891063"/>
                          </a:lnTo>
                          <a:lnTo>
                            <a:pt x="1001707" y="947261"/>
                          </a:lnTo>
                          <a:lnTo>
                            <a:pt x="1032510" y="1024414"/>
                          </a:lnTo>
                          <a:lnTo>
                            <a:pt x="1075372" y="1055370"/>
                          </a:lnTo>
                          <a:cubicBezTo>
                            <a:pt x="1075848" y="1090771"/>
                            <a:pt x="1076325" y="1126173"/>
                            <a:pt x="1076801" y="1161574"/>
                          </a:cubicBezTo>
                          <a:lnTo>
                            <a:pt x="993458" y="1155382"/>
                          </a:lnTo>
                          <a:lnTo>
                            <a:pt x="1120770" y="1211579"/>
                          </a:lnTo>
                          <a:lnTo>
                            <a:pt x="1154429" y="1251586"/>
                          </a:lnTo>
                          <a:cubicBezTo>
                            <a:pt x="1154321" y="1262857"/>
                            <a:pt x="1097065" y="1362234"/>
                            <a:pt x="1096957" y="1373505"/>
                          </a:cubicBezTo>
                          <a:lnTo>
                            <a:pt x="1065847" y="1361598"/>
                          </a:lnTo>
                          <a:lnTo>
                            <a:pt x="1046797" y="1390650"/>
                          </a:lnTo>
                          <a:lnTo>
                            <a:pt x="1027901" y="1359218"/>
                          </a:lnTo>
                          <a:lnTo>
                            <a:pt x="901541" y="1344930"/>
                          </a:lnTo>
                          <a:lnTo>
                            <a:pt x="859428" y="1307028"/>
                          </a:lnTo>
                          <a:lnTo>
                            <a:pt x="818351" y="1321118"/>
                          </a:lnTo>
                          <a:lnTo>
                            <a:pt x="788313" y="1359590"/>
                          </a:lnTo>
                          <a:lnTo>
                            <a:pt x="732402" y="1357779"/>
                          </a:lnTo>
                          <a:lnTo>
                            <a:pt x="606672" y="1411233"/>
                          </a:lnTo>
                          <a:lnTo>
                            <a:pt x="580226" y="1375886"/>
                          </a:lnTo>
                          <a:lnTo>
                            <a:pt x="374332" y="1287303"/>
                          </a:lnTo>
                          <a:lnTo>
                            <a:pt x="206369" y="1230630"/>
                          </a:lnTo>
                          <a:lnTo>
                            <a:pt x="111119" y="1223486"/>
                          </a:lnTo>
                          <a:lnTo>
                            <a:pt x="106357" y="1156811"/>
                          </a:lnTo>
                          <a:lnTo>
                            <a:pt x="118263" y="1171098"/>
                          </a:lnTo>
                          <a:lnTo>
                            <a:pt x="126682" y="1202532"/>
                          </a:lnTo>
                          <a:lnTo>
                            <a:pt x="164306" y="1200626"/>
                          </a:lnTo>
                          <a:lnTo>
                            <a:pt x="146685" y="1141095"/>
                          </a:lnTo>
                          <a:lnTo>
                            <a:pt x="218122" y="1096804"/>
                          </a:lnTo>
                          <a:lnTo>
                            <a:pt x="232563" y="1180623"/>
                          </a:lnTo>
                          <a:lnTo>
                            <a:pt x="261138" y="1190149"/>
                          </a:lnTo>
                          <a:lnTo>
                            <a:pt x="277262" y="1048043"/>
                          </a:lnTo>
                          <a:lnTo>
                            <a:pt x="304000" y="1073468"/>
                          </a:lnTo>
                          <a:lnTo>
                            <a:pt x="284406" y="949172"/>
                          </a:lnTo>
                          <a:lnTo>
                            <a:pt x="230505" y="959168"/>
                          </a:lnTo>
                          <a:lnTo>
                            <a:pt x="249232" y="944880"/>
                          </a:lnTo>
                          <a:lnTo>
                            <a:pt x="242088" y="921068"/>
                          </a:lnTo>
                          <a:lnTo>
                            <a:pt x="208750" y="947261"/>
                          </a:lnTo>
                          <a:lnTo>
                            <a:pt x="180177" y="935355"/>
                          </a:lnTo>
                          <a:lnTo>
                            <a:pt x="206369" y="925830"/>
                          </a:lnTo>
                          <a:cubicBezTo>
                            <a:pt x="202400" y="919480"/>
                            <a:pt x="204384" y="909558"/>
                            <a:pt x="196844" y="909161"/>
                          </a:cubicBezTo>
                          <a:cubicBezTo>
                            <a:pt x="189304" y="908764"/>
                            <a:pt x="177001" y="915511"/>
                            <a:pt x="161126" y="923449"/>
                          </a:cubicBezTo>
                          <a:lnTo>
                            <a:pt x="132551" y="909162"/>
                          </a:lnTo>
                          <a:lnTo>
                            <a:pt x="142076" y="882967"/>
                          </a:lnTo>
                          <a:lnTo>
                            <a:pt x="114096" y="864017"/>
                          </a:lnTo>
                          <a:lnTo>
                            <a:pt x="77782" y="894874"/>
                          </a:lnTo>
                          <a:lnTo>
                            <a:pt x="94451" y="840105"/>
                          </a:lnTo>
                          <a:lnTo>
                            <a:pt x="75401" y="835343"/>
                          </a:lnTo>
                          <a:lnTo>
                            <a:pt x="63494" y="906780"/>
                          </a:lnTo>
                          <a:lnTo>
                            <a:pt x="42063" y="911543"/>
                          </a:lnTo>
                          <a:lnTo>
                            <a:pt x="53970" y="825817"/>
                          </a:lnTo>
                          <a:lnTo>
                            <a:pt x="106203" y="819626"/>
                          </a:lnTo>
                          <a:lnTo>
                            <a:pt x="108738" y="799623"/>
                          </a:lnTo>
                          <a:lnTo>
                            <a:pt x="61912" y="799624"/>
                          </a:lnTo>
                          <a:lnTo>
                            <a:pt x="66198" y="761047"/>
                          </a:lnTo>
                          <a:lnTo>
                            <a:pt x="125407" y="742474"/>
                          </a:lnTo>
                          <a:lnTo>
                            <a:pt x="113500" y="716280"/>
                          </a:lnTo>
                          <a:lnTo>
                            <a:pt x="15230" y="751975"/>
                          </a:lnTo>
                          <a:lnTo>
                            <a:pt x="12858" y="718344"/>
                          </a:lnTo>
                          <a:lnTo>
                            <a:pt x="87804" y="693138"/>
                          </a:lnTo>
                          <a:lnTo>
                            <a:pt x="60960" y="617855"/>
                          </a:lnTo>
                          <a:lnTo>
                            <a:pt x="34920" y="604361"/>
                          </a:lnTo>
                          <a:lnTo>
                            <a:pt x="0" y="543401"/>
                          </a:lnTo>
                          <a:close/>
                        </a:path>
                      </a:pathLst>
                    </a:custGeom>
                    <a:solidFill>
                      <a:srgbClr val="FF0000">
                        <a:alpha val="25000"/>
                      </a:srgbClr>
                    </a:solidFill>
                    <a:ln w="63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grpSp>
              <p:sp>
                <p:nvSpPr>
                  <p:cNvPr id="100" name="円/楕円 99"/>
                  <p:cNvSpPr/>
                  <p:nvPr/>
                </p:nvSpPr>
                <p:spPr>
                  <a:xfrm>
                    <a:off x="6855304" y="1773257"/>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dirty="0"/>
                  </a:p>
                </p:txBody>
              </p:sp>
              <p:sp>
                <p:nvSpPr>
                  <p:cNvPr id="101" name="円/楕円 100"/>
                  <p:cNvSpPr/>
                  <p:nvPr/>
                </p:nvSpPr>
                <p:spPr>
                  <a:xfrm>
                    <a:off x="7373213" y="1957459"/>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dirty="0"/>
                  </a:p>
                </p:txBody>
              </p:sp>
              <p:sp>
                <p:nvSpPr>
                  <p:cNvPr id="103" name="円/楕円 102"/>
                  <p:cNvSpPr/>
                  <p:nvPr/>
                </p:nvSpPr>
                <p:spPr>
                  <a:xfrm>
                    <a:off x="7468696" y="252379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dirty="0"/>
                  </a:p>
                </p:txBody>
              </p:sp>
              <p:sp>
                <p:nvSpPr>
                  <p:cNvPr id="104" name="円/楕円 103"/>
                  <p:cNvSpPr/>
                  <p:nvPr/>
                </p:nvSpPr>
                <p:spPr>
                  <a:xfrm>
                    <a:off x="7109809" y="2301320"/>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dirty="0"/>
                  </a:p>
                </p:txBody>
              </p:sp>
              <p:sp>
                <p:nvSpPr>
                  <p:cNvPr id="105" name="円/楕円 104"/>
                  <p:cNvSpPr/>
                  <p:nvPr/>
                </p:nvSpPr>
                <p:spPr>
                  <a:xfrm>
                    <a:off x="7113592" y="4941453"/>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dirty="0"/>
                  </a:p>
                </p:txBody>
              </p:sp>
              <p:sp>
                <p:nvSpPr>
                  <p:cNvPr id="106" name="円/楕円 105"/>
                  <p:cNvSpPr/>
                  <p:nvPr/>
                </p:nvSpPr>
                <p:spPr>
                  <a:xfrm>
                    <a:off x="5508104" y="5301208"/>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dirty="0"/>
                  </a:p>
                </p:txBody>
              </p:sp>
              <p:sp>
                <p:nvSpPr>
                  <p:cNvPr id="107" name="円/楕円 106"/>
                  <p:cNvSpPr/>
                  <p:nvPr/>
                </p:nvSpPr>
                <p:spPr>
                  <a:xfrm>
                    <a:off x="5849476" y="5486732"/>
                    <a:ext cx="160432" cy="147424"/>
                  </a:xfrm>
                  <a:prstGeom prst="ellipse">
                    <a:avLst/>
                  </a:prstGeom>
                  <a:no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dirty="0"/>
                  </a:p>
                </p:txBody>
              </p:sp>
              <p:sp>
                <p:nvSpPr>
                  <p:cNvPr id="109" name="線吹き出し 1 108"/>
                  <p:cNvSpPr/>
                  <p:nvPr/>
                </p:nvSpPr>
                <p:spPr>
                  <a:xfrm>
                    <a:off x="7053728" y="5391394"/>
                    <a:ext cx="1820655" cy="280411"/>
                  </a:xfrm>
                  <a:prstGeom prst="callout1">
                    <a:avLst>
                      <a:gd name="adj1" fmla="val 1023"/>
                      <a:gd name="adj2" fmla="val 13849"/>
                      <a:gd name="adj3" fmla="val -95738"/>
                      <a:gd name="adj4" fmla="val 9798"/>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pPr marL="266700" indent="-266700"/>
                    <a:r>
                      <a:rPr lang="ja-JP" altLang="en-US" sz="1400" dirty="0"/>
                      <a:t>９</a:t>
                    </a:r>
                    <a:r>
                      <a:rPr kumimoji="1" lang="ja-JP" altLang="en-US" sz="1400" dirty="0" smtClean="0"/>
                      <a:t>．泉北ニュータウン</a:t>
                    </a:r>
                    <a:r>
                      <a:rPr lang="en-US" altLang="ja-JP" sz="1400" dirty="0" smtClean="0"/>
                      <a:t/>
                    </a:r>
                    <a:br>
                      <a:rPr lang="en-US" altLang="ja-JP" sz="1400" dirty="0" smtClean="0"/>
                    </a:br>
                    <a:r>
                      <a:rPr lang="ja-JP" altLang="en-US" sz="1400" dirty="0" smtClean="0">
                        <a:latin typeface="+mn-ea"/>
                      </a:rPr>
                      <a:t>（</a:t>
                    </a:r>
                    <a:r>
                      <a:rPr lang="en-US" altLang="ja-JP" sz="1400" dirty="0" smtClean="0"/>
                      <a:t>P.40</a:t>
                    </a:r>
                    <a:r>
                      <a:rPr lang="ja-JP" altLang="en-US" sz="1400" dirty="0" smtClean="0">
                        <a:latin typeface="+mn-ea"/>
                      </a:rPr>
                      <a:t>）</a:t>
                    </a:r>
                    <a:endParaRPr kumimoji="1" lang="en-US" altLang="ja-JP" sz="1400" dirty="0" smtClean="0"/>
                  </a:p>
                </p:txBody>
              </p:sp>
              <p:grpSp>
                <p:nvGrpSpPr>
                  <p:cNvPr id="9" name="グループ化 110"/>
                  <p:cNvGrpSpPr/>
                  <p:nvPr/>
                </p:nvGrpSpPr>
                <p:grpSpPr>
                  <a:xfrm>
                    <a:off x="6797149" y="929948"/>
                    <a:ext cx="2129077" cy="1027511"/>
                    <a:chOff x="6797149" y="929948"/>
                    <a:chExt cx="2129077" cy="1027511"/>
                  </a:xfrm>
                </p:grpSpPr>
                <p:sp>
                  <p:nvSpPr>
                    <p:cNvPr id="112" name="線吹き出し 1 111"/>
                    <p:cNvSpPr/>
                    <p:nvPr/>
                  </p:nvSpPr>
                  <p:spPr>
                    <a:xfrm>
                      <a:off x="6797149" y="929948"/>
                      <a:ext cx="2129077" cy="280411"/>
                    </a:xfrm>
                    <a:prstGeom prst="callout1">
                      <a:avLst>
                        <a:gd name="adj1" fmla="val 97832"/>
                        <a:gd name="adj2" fmla="val 36983"/>
                        <a:gd name="adj3" fmla="val 303046"/>
                        <a:gd name="adj4" fmla="val 1024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pPr marL="266700" indent="-266700"/>
                      <a:r>
                        <a:rPr lang="en-US" altLang="ja-JP" sz="1400" dirty="0" smtClean="0">
                          <a:latin typeface="ＭＳ Ｐゴシック" panose="020B0600070205080204" pitchFamily="50" charset="-128"/>
                          <a:ea typeface="ＭＳ Ｐゴシック" panose="020B0600070205080204" pitchFamily="50" charset="-128"/>
                        </a:rPr>
                        <a:t>11</a:t>
                      </a:r>
                      <a:r>
                        <a:rPr kumimoji="1" lang="ja-JP" altLang="en-US" sz="1400" dirty="0" err="1" smtClean="0">
                          <a:latin typeface="ＭＳ Ｐゴシック" panose="020B0600070205080204" pitchFamily="50" charset="-128"/>
                          <a:ea typeface="ＭＳ Ｐゴシック" panose="020B0600070205080204" pitchFamily="50" charset="-128"/>
                        </a:rPr>
                        <a:t>．</a:t>
                      </a:r>
                      <a:r>
                        <a:rPr kumimoji="1" lang="ja-JP" altLang="en-US" sz="1400" dirty="0" smtClean="0">
                          <a:latin typeface="ＭＳ Ｐゴシック" panose="020B0600070205080204" pitchFamily="50" charset="-128"/>
                          <a:ea typeface="ＭＳ Ｐゴシック" panose="020B0600070205080204" pitchFamily="50" charset="-128"/>
                        </a:rPr>
                        <a:t>箕面森町・彩都</a:t>
                      </a:r>
                      <a:r>
                        <a:rPr lang="ja-JP" altLang="en-US" sz="1400" dirty="0" smtClean="0">
                          <a:latin typeface="+mn-ea"/>
                        </a:rPr>
                        <a:t>（</a:t>
                      </a:r>
                      <a:r>
                        <a:rPr lang="en-US" altLang="ja-JP" sz="1400" dirty="0" smtClean="0"/>
                        <a:t>P.45</a:t>
                      </a:r>
                      <a:r>
                        <a:rPr lang="ja-JP" altLang="en-US" sz="1400" dirty="0" smtClean="0">
                          <a:latin typeface="+mn-ea"/>
                        </a:rPr>
                        <a:t>）</a:t>
                      </a:r>
                      <a:endParaRPr kumimoji="1" lang="ja-JP" altLang="en-US" sz="1400" dirty="0">
                        <a:latin typeface="ＭＳ Ｐゴシック" panose="020B0600070205080204" pitchFamily="50" charset="-128"/>
                        <a:ea typeface="ＭＳ Ｐゴシック" panose="020B0600070205080204" pitchFamily="50" charset="-128"/>
                      </a:endParaRPr>
                    </a:p>
                  </p:txBody>
                </p:sp>
                <p:cxnSp>
                  <p:nvCxnSpPr>
                    <p:cNvPr id="113" name="直線矢印コネクタ 112"/>
                    <p:cNvCxnSpPr>
                      <a:endCxn id="101" idx="0"/>
                    </p:cNvCxnSpPr>
                    <p:nvPr/>
                  </p:nvCxnSpPr>
                  <p:spPr>
                    <a:xfrm flipH="1">
                      <a:off x="7453430" y="1210359"/>
                      <a:ext cx="119682" cy="747100"/>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grpSp>
            <p:cxnSp>
              <p:nvCxnSpPr>
                <p:cNvPr id="98" name="直線矢印コネクタ 97"/>
                <p:cNvCxnSpPr/>
                <p:nvPr/>
              </p:nvCxnSpPr>
              <p:spPr>
                <a:xfrm flipH="1" flipV="1">
                  <a:off x="7174840" y="2427797"/>
                  <a:ext cx="484113" cy="510754"/>
                </a:xfrm>
                <a:prstGeom prst="straightConnector1">
                  <a:avLst/>
                </a:prstGeom>
                <a:ln w="15875">
                  <a:solidFill>
                    <a:srgbClr val="002060"/>
                  </a:solidFill>
                  <a:tailEnd type="stealth"/>
                </a:ln>
              </p:spPr>
              <p:style>
                <a:lnRef idx="1">
                  <a:schemeClr val="accent2"/>
                </a:lnRef>
                <a:fillRef idx="0">
                  <a:schemeClr val="accent2"/>
                </a:fillRef>
                <a:effectRef idx="0">
                  <a:schemeClr val="accent2"/>
                </a:effectRef>
                <a:fontRef idx="minor">
                  <a:schemeClr val="tx1"/>
                </a:fontRef>
              </p:style>
            </p:cxnSp>
            <p:sp>
              <p:nvSpPr>
                <p:cNvPr id="92" name="フリーフォーム 91"/>
                <p:cNvSpPr/>
                <p:nvPr/>
              </p:nvSpPr>
              <p:spPr>
                <a:xfrm>
                  <a:off x="6048375" y="3488531"/>
                  <a:ext cx="147638" cy="109538"/>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47638" h="109538">
                      <a:moveTo>
                        <a:pt x="92869" y="0"/>
                      </a:moveTo>
                      <a:lnTo>
                        <a:pt x="11906" y="38100"/>
                      </a:lnTo>
                      <a:lnTo>
                        <a:pt x="0" y="83344"/>
                      </a:lnTo>
                      <a:lnTo>
                        <a:pt x="128588" y="109538"/>
                      </a:lnTo>
                      <a:lnTo>
                        <a:pt x="147638" y="38100"/>
                      </a:lnTo>
                      <a:lnTo>
                        <a:pt x="92869"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3" name="フリーフォーム 92"/>
                <p:cNvSpPr/>
                <p:nvPr/>
              </p:nvSpPr>
              <p:spPr>
                <a:xfrm>
                  <a:off x="6127551" y="3891062"/>
                  <a:ext cx="135732" cy="76200"/>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5732" h="76200">
                      <a:moveTo>
                        <a:pt x="135732" y="9525"/>
                      </a:moveTo>
                      <a:lnTo>
                        <a:pt x="0" y="0"/>
                      </a:lnTo>
                      <a:lnTo>
                        <a:pt x="19051" y="71437"/>
                      </a:lnTo>
                      <a:lnTo>
                        <a:pt x="126207" y="76200"/>
                      </a:lnTo>
                      <a:lnTo>
                        <a:pt x="135732" y="9525"/>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4" name="フリーフォーム 93"/>
                <p:cNvSpPr/>
                <p:nvPr/>
              </p:nvSpPr>
              <p:spPr>
                <a:xfrm>
                  <a:off x="6119812" y="3718942"/>
                  <a:ext cx="278035" cy="162495"/>
                </a:xfrm>
                <a:custGeom>
                  <a:avLst/>
                  <a:gdLst>
                    <a:gd name="connsiteX0" fmla="*/ 92869 w 147638"/>
                    <a:gd name="connsiteY0" fmla="*/ 0 h 109538"/>
                    <a:gd name="connsiteX1" fmla="*/ 11906 w 147638"/>
                    <a:gd name="connsiteY1" fmla="*/ 38100 h 109538"/>
                    <a:gd name="connsiteX2" fmla="*/ 0 w 147638"/>
                    <a:gd name="connsiteY2" fmla="*/ 83344 h 109538"/>
                    <a:gd name="connsiteX3" fmla="*/ 128588 w 147638"/>
                    <a:gd name="connsiteY3" fmla="*/ 109538 h 109538"/>
                    <a:gd name="connsiteX4" fmla="*/ 147638 w 147638"/>
                    <a:gd name="connsiteY4" fmla="*/ 38100 h 109538"/>
                    <a:gd name="connsiteX5" fmla="*/ 92869 w 147638"/>
                    <a:gd name="connsiteY5" fmla="*/ 0 h 109538"/>
                    <a:gd name="connsiteX0" fmla="*/ 80963 w 135732"/>
                    <a:gd name="connsiteY0" fmla="*/ 0 h 109538"/>
                    <a:gd name="connsiteX1" fmla="*/ 0 w 135732"/>
                    <a:gd name="connsiteY1" fmla="*/ 38100 h 109538"/>
                    <a:gd name="connsiteX2" fmla="*/ 9526 w 135732"/>
                    <a:gd name="connsiteY2" fmla="*/ 104775 h 109538"/>
                    <a:gd name="connsiteX3" fmla="*/ 116682 w 135732"/>
                    <a:gd name="connsiteY3" fmla="*/ 109538 h 109538"/>
                    <a:gd name="connsiteX4" fmla="*/ 135732 w 135732"/>
                    <a:gd name="connsiteY4" fmla="*/ 38100 h 109538"/>
                    <a:gd name="connsiteX5" fmla="*/ 80963 w 135732"/>
                    <a:gd name="connsiteY5" fmla="*/ 0 h 109538"/>
                    <a:gd name="connsiteX0" fmla="*/ 90488 w 145257"/>
                    <a:gd name="connsiteY0" fmla="*/ 0 h 109538"/>
                    <a:gd name="connsiteX1" fmla="*/ 0 w 145257"/>
                    <a:gd name="connsiteY1" fmla="*/ 33338 h 109538"/>
                    <a:gd name="connsiteX2" fmla="*/ 19051 w 145257"/>
                    <a:gd name="connsiteY2" fmla="*/ 104775 h 109538"/>
                    <a:gd name="connsiteX3" fmla="*/ 126207 w 145257"/>
                    <a:gd name="connsiteY3" fmla="*/ 109538 h 109538"/>
                    <a:gd name="connsiteX4" fmla="*/ 145257 w 145257"/>
                    <a:gd name="connsiteY4" fmla="*/ 38100 h 109538"/>
                    <a:gd name="connsiteX5" fmla="*/ 90488 w 145257"/>
                    <a:gd name="connsiteY5" fmla="*/ 0 h 109538"/>
                    <a:gd name="connsiteX0" fmla="*/ 145257 w 145257"/>
                    <a:gd name="connsiteY0" fmla="*/ 4762 h 76200"/>
                    <a:gd name="connsiteX1" fmla="*/ 0 w 145257"/>
                    <a:gd name="connsiteY1" fmla="*/ 0 h 76200"/>
                    <a:gd name="connsiteX2" fmla="*/ 19051 w 145257"/>
                    <a:gd name="connsiteY2" fmla="*/ 71437 h 76200"/>
                    <a:gd name="connsiteX3" fmla="*/ 126207 w 145257"/>
                    <a:gd name="connsiteY3" fmla="*/ 76200 h 76200"/>
                    <a:gd name="connsiteX4" fmla="*/ 145257 w 145257"/>
                    <a:gd name="connsiteY4" fmla="*/ 4762 h 76200"/>
                    <a:gd name="connsiteX0" fmla="*/ 135732 w 135732"/>
                    <a:gd name="connsiteY0" fmla="*/ 9525 h 76200"/>
                    <a:gd name="connsiteX1" fmla="*/ 0 w 135732"/>
                    <a:gd name="connsiteY1" fmla="*/ 0 h 76200"/>
                    <a:gd name="connsiteX2" fmla="*/ 19051 w 135732"/>
                    <a:gd name="connsiteY2" fmla="*/ 71437 h 76200"/>
                    <a:gd name="connsiteX3" fmla="*/ 126207 w 135732"/>
                    <a:gd name="connsiteY3" fmla="*/ 76200 h 76200"/>
                    <a:gd name="connsiteX4" fmla="*/ 135732 w 135732"/>
                    <a:gd name="connsiteY4" fmla="*/ 9525 h 76200"/>
                    <a:gd name="connsiteX0" fmla="*/ 119063 w 126207"/>
                    <a:gd name="connsiteY0" fmla="*/ 0 h 92869"/>
                    <a:gd name="connsiteX1" fmla="*/ 0 w 126207"/>
                    <a:gd name="connsiteY1" fmla="*/ 16669 h 92869"/>
                    <a:gd name="connsiteX2" fmla="*/ 19051 w 126207"/>
                    <a:gd name="connsiteY2" fmla="*/ 88106 h 92869"/>
                    <a:gd name="connsiteX3" fmla="*/ 126207 w 126207"/>
                    <a:gd name="connsiteY3" fmla="*/ 92869 h 92869"/>
                    <a:gd name="connsiteX4" fmla="*/ 119063 w 126207"/>
                    <a:gd name="connsiteY4" fmla="*/ 0 h 92869"/>
                    <a:gd name="connsiteX0" fmla="*/ 100012 w 107156"/>
                    <a:gd name="connsiteY0" fmla="*/ 14287 h 107156"/>
                    <a:gd name="connsiteX1" fmla="*/ 52387 w 107156"/>
                    <a:gd name="connsiteY1" fmla="*/ 0 h 107156"/>
                    <a:gd name="connsiteX2" fmla="*/ 0 w 107156"/>
                    <a:gd name="connsiteY2" fmla="*/ 102393 h 107156"/>
                    <a:gd name="connsiteX3" fmla="*/ 107156 w 107156"/>
                    <a:gd name="connsiteY3" fmla="*/ 107156 h 107156"/>
                    <a:gd name="connsiteX4" fmla="*/ 100012 w 107156"/>
                    <a:gd name="connsiteY4" fmla="*/ 14287 h 107156"/>
                    <a:gd name="connsiteX0" fmla="*/ 100012 w 107156"/>
                    <a:gd name="connsiteY0" fmla="*/ 14287 h 107156"/>
                    <a:gd name="connsiteX1" fmla="*/ 52387 w 107156"/>
                    <a:gd name="connsiteY1" fmla="*/ 0 h 107156"/>
                    <a:gd name="connsiteX2" fmla="*/ 14857 w 107156"/>
                    <a:gd name="connsiteY2" fmla="*/ 67247 h 107156"/>
                    <a:gd name="connsiteX3" fmla="*/ 0 w 107156"/>
                    <a:gd name="connsiteY3" fmla="*/ 102393 h 107156"/>
                    <a:gd name="connsiteX4" fmla="*/ 107156 w 107156"/>
                    <a:gd name="connsiteY4" fmla="*/ 107156 h 107156"/>
                    <a:gd name="connsiteX5" fmla="*/ 100012 w 107156"/>
                    <a:gd name="connsiteY5" fmla="*/ 14287 h 107156"/>
                    <a:gd name="connsiteX0" fmla="*/ 100012 w 107156"/>
                    <a:gd name="connsiteY0" fmla="*/ 14287 h 107728"/>
                    <a:gd name="connsiteX1" fmla="*/ 52387 w 107156"/>
                    <a:gd name="connsiteY1" fmla="*/ 0 h 107728"/>
                    <a:gd name="connsiteX2" fmla="*/ 14857 w 107156"/>
                    <a:gd name="connsiteY2" fmla="*/ 67247 h 107728"/>
                    <a:gd name="connsiteX3" fmla="*/ 0 w 107156"/>
                    <a:gd name="connsiteY3" fmla="*/ 102393 h 107728"/>
                    <a:gd name="connsiteX4" fmla="*/ 31526 w 107156"/>
                    <a:gd name="connsiteY4" fmla="*/ 107728 h 107728"/>
                    <a:gd name="connsiteX5" fmla="*/ 107156 w 107156"/>
                    <a:gd name="connsiteY5" fmla="*/ 107156 h 107728"/>
                    <a:gd name="connsiteX6" fmla="*/ 100012 w 107156"/>
                    <a:gd name="connsiteY6" fmla="*/ 14287 h 107728"/>
                    <a:gd name="connsiteX0" fmla="*/ 100012 w 107156"/>
                    <a:gd name="connsiteY0" fmla="*/ 14287 h 110109"/>
                    <a:gd name="connsiteX1" fmla="*/ 52387 w 107156"/>
                    <a:gd name="connsiteY1" fmla="*/ 0 h 110109"/>
                    <a:gd name="connsiteX2" fmla="*/ 14857 w 107156"/>
                    <a:gd name="connsiteY2" fmla="*/ 67247 h 110109"/>
                    <a:gd name="connsiteX3" fmla="*/ 0 w 107156"/>
                    <a:gd name="connsiteY3" fmla="*/ 102393 h 110109"/>
                    <a:gd name="connsiteX4" fmla="*/ 31526 w 107156"/>
                    <a:gd name="connsiteY4" fmla="*/ 107728 h 110109"/>
                    <a:gd name="connsiteX5" fmla="*/ 83914 w 107156"/>
                    <a:gd name="connsiteY5" fmla="*/ 110109 h 110109"/>
                    <a:gd name="connsiteX6" fmla="*/ 107156 w 107156"/>
                    <a:gd name="connsiteY6" fmla="*/ 107156 h 110109"/>
                    <a:gd name="connsiteX7" fmla="*/ 100012 w 107156"/>
                    <a:gd name="connsiteY7" fmla="*/ 14287 h 110109"/>
                    <a:gd name="connsiteX0" fmla="*/ 123255 w 130399"/>
                    <a:gd name="connsiteY0" fmla="*/ 14287 h 110109"/>
                    <a:gd name="connsiteX1" fmla="*/ 75630 w 130399"/>
                    <a:gd name="connsiteY1" fmla="*/ 0 h 110109"/>
                    <a:gd name="connsiteX2" fmla="*/ 0 w 130399"/>
                    <a:gd name="connsiteY2" fmla="*/ 14859 h 110109"/>
                    <a:gd name="connsiteX3" fmla="*/ 23243 w 130399"/>
                    <a:gd name="connsiteY3" fmla="*/ 102393 h 110109"/>
                    <a:gd name="connsiteX4" fmla="*/ 54769 w 130399"/>
                    <a:gd name="connsiteY4" fmla="*/ 107728 h 110109"/>
                    <a:gd name="connsiteX5" fmla="*/ 107157 w 130399"/>
                    <a:gd name="connsiteY5" fmla="*/ 110109 h 110109"/>
                    <a:gd name="connsiteX6" fmla="*/ 130399 w 130399"/>
                    <a:gd name="connsiteY6" fmla="*/ 107156 h 110109"/>
                    <a:gd name="connsiteX7" fmla="*/ 123255 w 130399"/>
                    <a:gd name="connsiteY7" fmla="*/ 14287 h 110109"/>
                    <a:gd name="connsiteX0" fmla="*/ 200024 w 207168"/>
                    <a:gd name="connsiteY0" fmla="*/ 14287 h 110109"/>
                    <a:gd name="connsiteX1" fmla="*/ 152399 w 207168"/>
                    <a:gd name="connsiteY1" fmla="*/ 0 h 110109"/>
                    <a:gd name="connsiteX2" fmla="*/ 76769 w 207168"/>
                    <a:gd name="connsiteY2" fmla="*/ 14859 h 110109"/>
                    <a:gd name="connsiteX3" fmla="*/ 0 w 207168"/>
                    <a:gd name="connsiteY3" fmla="*/ 2381 h 110109"/>
                    <a:gd name="connsiteX4" fmla="*/ 131538 w 207168"/>
                    <a:gd name="connsiteY4" fmla="*/ 107728 h 110109"/>
                    <a:gd name="connsiteX5" fmla="*/ 183926 w 207168"/>
                    <a:gd name="connsiteY5" fmla="*/ 110109 h 110109"/>
                    <a:gd name="connsiteX6" fmla="*/ 207168 w 207168"/>
                    <a:gd name="connsiteY6" fmla="*/ 107156 h 110109"/>
                    <a:gd name="connsiteX7" fmla="*/ 200024 w 207168"/>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245269 w 268511"/>
                    <a:gd name="connsiteY5" fmla="*/ 110109 h 110109"/>
                    <a:gd name="connsiteX6" fmla="*/ 268511 w 268511"/>
                    <a:gd name="connsiteY6" fmla="*/ 107156 h 110109"/>
                    <a:gd name="connsiteX7" fmla="*/ 261367 w 268511"/>
                    <a:gd name="connsiteY7"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45269 w 268511"/>
                    <a:gd name="connsiteY6" fmla="*/ 110109 h 110109"/>
                    <a:gd name="connsiteX7" fmla="*/ 268511 w 268511"/>
                    <a:gd name="connsiteY7" fmla="*/ 107156 h 110109"/>
                    <a:gd name="connsiteX8" fmla="*/ 261367 w 268511"/>
                    <a:gd name="connsiteY8" fmla="*/ 14287 h 110109"/>
                    <a:gd name="connsiteX0" fmla="*/ 261367 w 268511"/>
                    <a:gd name="connsiteY0" fmla="*/ 14287 h 110109"/>
                    <a:gd name="connsiteX1" fmla="*/ 213742 w 268511"/>
                    <a:gd name="connsiteY1" fmla="*/ 0 h 110109"/>
                    <a:gd name="connsiteX2" fmla="*/ 138112 w 268511"/>
                    <a:gd name="connsiteY2" fmla="*/ 14859 h 110109"/>
                    <a:gd name="connsiteX3" fmla="*/ 61343 w 268511"/>
                    <a:gd name="connsiteY3" fmla="*/ 2381 h 110109"/>
                    <a:gd name="connsiteX4" fmla="*/ 0 w 268511"/>
                    <a:gd name="connsiteY4" fmla="*/ 45815 h 110109"/>
                    <a:gd name="connsiteX5" fmla="*/ 116683 w 268511"/>
                    <a:gd name="connsiteY5" fmla="*/ 81534 h 110109"/>
                    <a:gd name="connsiteX6" fmla="*/ 202408 w 268511"/>
                    <a:gd name="connsiteY6" fmla="*/ 105347 h 110109"/>
                    <a:gd name="connsiteX7" fmla="*/ 245269 w 268511"/>
                    <a:gd name="connsiteY7" fmla="*/ 110109 h 110109"/>
                    <a:gd name="connsiteX8" fmla="*/ 268511 w 268511"/>
                    <a:gd name="connsiteY8" fmla="*/ 107156 h 110109"/>
                    <a:gd name="connsiteX9" fmla="*/ 261367 w 26851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204788 w 270891"/>
                    <a:gd name="connsiteY6" fmla="*/ 105347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95251 w 270891"/>
                    <a:gd name="connsiteY6" fmla="*/ 50579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247649 w 270891"/>
                    <a:gd name="connsiteY7" fmla="*/ 110109 h 110109"/>
                    <a:gd name="connsiteX8" fmla="*/ 270891 w 270891"/>
                    <a:gd name="connsiteY8" fmla="*/ 107156 h 110109"/>
                    <a:gd name="connsiteX9" fmla="*/ 263747 w 270891"/>
                    <a:gd name="connsiteY9"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3747 w 270891"/>
                    <a:gd name="connsiteY10"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40494 w 270891"/>
                    <a:gd name="connsiteY7" fmla="*/ 100584 h 110109"/>
                    <a:gd name="connsiteX8" fmla="*/ 247649 w 270891"/>
                    <a:gd name="connsiteY8" fmla="*/ 110109 h 110109"/>
                    <a:gd name="connsiteX9" fmla="*/ 270891 w 270891"/>
                    <a:gd name="connsiteY9" fmla="*/ 107156 h 110109"/>
                    <a:gd name="connsiteX10" fmla="*/ 269082 w 270891"/>
                    <a:gd name="connsiteY10" fmla="*/ 72009 h 110109"/>
                    <a:gd name="connsiteX11" fmla="*/ 263747 w 270891"/>
                    <a:gd name="connsiteY11"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247649 w 270891"/>
                    <a:gd name="connsiteY9" fmla="*/ 110109 h 110109"/>
                    <a:gd name="connsiteX10" fmla="*/ 270891 w 270891"/>
                    <a:gd name="connsiteY10" fmla="*/ 107156 h 110109"/>
                    <a:gd name="connsiteX11" fmla="*/ 269082 w 270891"/>
                    <a:gd name="connsiteY11" fmla="*/ 72009 h 110109"/>
                    <a:gd name="connsiteX12" fmla="*/ 263747 w 270891"/>
                    <a:gd name="connsiteY12" fmla="*/ 14287 h 110109"/>
                    <a:gd name="connsiteX0" fmla="*/ 263747 w 270891"/>
                    <a:gd name="connsiteY0" fmla="*/ 14287 h 110109"/>
                    <a:gd name="connsiteX1" fmla="*/ 216122 w 270891"/>
                    <a:gd name="connsiteY1" fmla="*/ 0 h 110109"/>
                    <a:gd name="connsiteX2" fmla="*/ 140492 w 270891"/>
                    <a:gd name="connsiteY2" fmla="*/ 14859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0013 w 270891"/>
                    <a:gd name="connsiteY7" fmla="*/ 9820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14300 w 270891"/>
                    <a:gd name="connsiteY7" fmla="*/ 38672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22610 w 270891"/>
                    <a:gd name="connsiteY7" fmla="*/ 23913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40494 w 270891"/>
                    <a:gd name="connsiteY8" fmla="*/ 100584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0109"/>
                    <a:gd name="connsiteX1" fmla="*/ 216122 w 270891"/>
                    <a:gd name="connsiteY1" fmla="*/ 0 h 110109"/>
                    <a:gd name="connsiteX2" fmla="*/ 152398 w 270891"/>
                    <a:gd name="connsiteY2" fmla="*/ 10096 h 110109"/>
                    <a:gd name="connsiteX3" fmla="*/ 63723 w 270891"/>
                    <a:gd name="connsiteY3" fmla="*/ 2381 h 110109"/>
                    <a:gd name="connsiteX4" fmla="*/ 2380 w 270891"/>
                    <a:gd name="connsiteY4" fmla="*/ 45815 h 110109"/>
                    <a:gd name="connsiteX5" fmla="*/ 0 w 270891"/>
                    <a:gd name="connsiteY5" fmla="*/ 91059 h 110109"/>
                    <a:gd name="connsiteX6" fmla="*/ 47626 w 270891"/>
                    <a:gd name="connsiteY6" fmla="*/ 93441 h 110109"/>
                    <a:gd name="connsiteX7" fmla="*/ 103560 w 270891"/>
                    <a:gd name="connsiteY7" fmla="*/ 45344 h 110109"/>
                    <a:gd name="connsiteX8" fmla="*/ 111919 w 270891"/>
                    <a:gd name="connsiteY8" fmla="*/ 67247 h 110109"/>
                    <a:gd name="connsiteX9" fmla="*/ 185738 w 270891"/>
                    <a:gd name="connsiteY9" fmla="*/ 107728 h 110109"/>
                    <a:gd name="connsiteX10" fmla="*/ 247649 w 270891"/>
                    <a:gd name="connsiteY10" fmla="*/ 110109 h 110109"/>
                    <a:gd name="connsiteX11" fmla="*/ 270891 w 270891"/>
                    <a:gd name="connsiteY11" fmla="*/ 107156 h 110109"/>
                    <a:gd name="connsiteX12" fmla="*/ 269082 w 270891"/>
                    <a:gd name="connsiteY12" fmla="*/ 72009 h 110109"/>
                    <a:gd name="connsiteX13" fmla="*/ 263747 w 270891"/>
                    <a:gd name="connsiteY13" fmla="*/ 14287 h 110109"/>
                    <a:gd name="connsiteX0" fmla="*/ 263747 w 270891"/>
                    <a:gd name="connsiteY0" fmla="*/ 14287 h 114872"/>
                    <a:gd name="connsiteX1" fmla="*/ 216122 w 270891"/>
                    <a:gd name="connsiteY1" fmla="*/ 0 h 114872"/>
                    <a:gd name="connsiteX2" fmla="*/ 152398 w 270891"/>
                    <a:gd name="connsiteY2" fmla="*/ 10096 h 114872"/>
                    <a:gd name="connsiteX3" fmla="*/ 63723 w 270891"/>
                    <a:gd name="connsiteY3" fmla="*/ 2381 h 114872"/>
                    <a:gd name="connsiteX4" fmla="*/ 2380 w 270891"/>
                    <a:gd name="connsiteY4" fmla="*/ 45815 h 114872"/>
                    <a:gd name="connsiteX5" fmla="*/ 0 w 270891"/>
                    <a:gd name="connsiteY5" fmla="*/ 91059 h 114872"/>
                    <a:gd name="connsiteX6" fmla="*/ 47626 w 270891"/>
                    <a:gd name="connsiteY6" fmla="*/ 93441 h 114872"/>
                    <a:gd name="connsiteX7" fmla="*/ 103560 w 270891"/>
                    <a:gd name="connsiteY7" fmla="*/ 45344 h 114872"/>
                    <a:gd name="connsiteX8" fmla="*/ 111919 w 270891"/>
                    <a:gd name="connsiteY8" fmla="*/ 67247 h 114872"/>
                    <a:gd name="connsiteX9" fmla="*/ 61913 w 270891"/>
                    <a:gd name="connsiteY9" fmla="*/ 114872 h 114872"/>
                    <a:gd name="connsiteX10" fmla="*/ 247649 w 270891"/>
                    <a:gd name="connsiteY10" fmla="*/ 110109 h 114872"/>
                    <a:gd name="connsiteX11" fmla="*/ 270891 w 270891"/>
                    <a:gd name="connsiteY11" fmla="*/ 107156 h 114872"/>
                    <a:gd name="connsiteX12" fmla="*/ 269082 w 270891"/>
                    <a:gd name="connsiteY12" fmla="*/ 72009 h 114872"/>
                    <a:gd name="connsiteX13" fmla="*/ 263747 w 270891"/>
                    <a:gd name="connsiteY13" fmla="*/ 14287 h 114872"/>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270891 w 270891"/>
                    <a:gd name="connsiteY11" fmla="*/ 107156 h 133921"/>
                    <a:gd name="connsiteX12" fmla="*/ 269082 w 270891"/>
                    <a:gd name="connsiteY12" fmla="*/ 72009 h 133921"/>
                    <a:gd name="connsiteX13" fmla="*/ 263747 w 270891"/>
                    <a:gd name="connsiteY13"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70891 w 270891"/>
                    <a:gd name="connsiteY12" fmla="*/ 107156 h 133921"/>
                    <a:gd name="connsiteX13" fmla="*/ 269082 w 270891"/>
                    <a:gd name="connsiteY13" fmla="*/ 72009 h 133921"/>
                    <a:gd name="connsiteX14" fmla="*/ 263747 w 270891"/>
                    <a:gd name="connsiteY14"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66688 w 270891"/>
                    <a:gd name="connsiteY11" fmla="*/ 124396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33921"/>
                    <a:gd name="connsiteX1" fmla="*/ 216122 w 270891"/>
                    <a:gd name="connsiteY1" fmla="*/ 0 h 133921"/>
                    <a:gd name="connsiteX2" fmla="*/ 152398 w 270891"/>
                    <a:gd name="connsiteY2" fmla="*/ 10096 h 133921"/>
                    <a:gd name="connsiteX3" fmla="*/ 63723 w 270891"/>
                    <a:gd name="connsiteY3" fmla="*/ 2381 h 133921"/>
                    <a:gd name="connsiteX4" fmla="*/ 2380 w 270891"/>
                    <a:gd name="connsiteY4" fmla="*/ 45815 h 133921"/>
                    <a:gd name="connsiteX5" fmla="*/ 0 w 270891"/>
                    <a:gd name="connsiteY5" fmla="*/ 91059 h 133921"/>
                    <a:gd name="connsiteX6" fmla="*/ 47626 w 270891"/>
                    <a:gd name="connsiteY6" fmla="*/ 93441 h 133921"/>
                    <a:gd name="connsiteX7" fmla="*/ 103560 w 270891"/>
                    <a:gd name="connsiteY7" fmla="*/ 45344 h 133921"/>
                    <a:gd name="connsiteX8" fmla="*/ 111919 w 270891"/>
                    <a:gd name="connsiteY8" fmla="*/ 67247 h 133921"/>
                    <a:gd name="connsiteX9" fmla="*/ 61913 w 270891"/>
                    <a:gd name="connsiteY9" fmla="*/ 114872 h 133921"/>
                    <a:gd name="connsiteX10" fmla="*/ 80961 w 270891"/>
                    <a:gd name="connsiteY10" fmla="*/ 133921 h 133921"/>
                    <a:gd name="connsiteX11" fmla="*/ 140495 w 270891"/>
                    <a:gd name="connsiteY11" fmla="*/ 133921 h 133921"/>
                    <a:gd name="connsiteX12" fmla="*/ 230982 w 270891"/>
                    <a:gd name="connsiteY12" fmla="*/ 112489 h 133921"/>
                    <a:gd name="connsiteX13" fmla="*/ 270891 w 270891"/>
                    <a:gd name="connsiteY13" fmla="*/ 107156 h 133921"/>
                    <a:gd name="connsiteX14" fmla="*/ 269082 w 270891"/>
                    <a:gd name="connsiteY14" fmla="*/ 72009 h 133921"/>
                    <a:gd name="connsiteX15" fmla="*/ 263747 w 270891"/>
                    <a:gd name="connsiteY15" fmla="*/ 14287 h 133921"/>
                    <a:gd name="connsiteX0" fmla="*/ 263747 w 270891"/>
                    <a:gd name="connsiteY0" fmla="*/ 14287 h 162495"/>
                    <a:gd name="connsiteX1" fmla="*/ 216122 w 270891"/>
                    <a:gd name="connsiteY1" fmla="*/ 0 h 162495"/>
                    <a:gd name="connsiteX2" fmla="*/ 152398 w 270891"/>
                    <a:gd name="connsiteY2" fmla="*/ 10096 h 162495"/>
                    <a:gd name="connsiteX3" fmla="*/ 63723 w 270891"/>
                    <a:gd name="connsiteY3" fmla="*/ 2381 h 162495"/>
                    <a:gd name="connsiteX4" fmla="*/ 2380 w 270891"/>
                    <a:gd name="connsiteY4" fmla="*/ 45815 h 162495"/>
                    <a:gd name="connsiteX5" fmla="*/ 0 w 270891"/>
                    <a:gd name="connsiteY5" fmla="*/ 91059 h 162495"/>
                    <a:gd name="connsiteX6" fmla="*/ 47626 w 270891"/>
                    <a:gd name="connsiteY6" fmla="*/ 93441 h 162495"/>
                    <a:gd name="connsiteX7" fmla="*/ 103560 w 270891"/>
                    <a:gd name="connsiteY7" fmla="*/ 45344 h 162495"/>
                    <a:gd name="connsiteX8" fmla="*/ 111919 w 270891"/>
                    <a:gd name="connsiteY8" fmla="*/ 67247 h 162495"/>
                    <a:gd name="connsiteX9" fmla="*/ 61913 w 270891"/>
                    <a:gd name="connsiteY9" fmla="*/ 114872 h 162495"/>
                    <a:gd name="connsiteX10" fmla="*/ 80961 w 270891"/>
                    <a:gd name="connsiteY10" fmla="*/ 133921 h 162495"/>
                    <a:gd name="connsiteX11" fmla="*/ 140495 w 270891"/>
                    <a:gd name="connsiteY11" fmla="*/ 133921 h 162495"/>
                    <a:gd name="connsiteX12" fmla="*/ 164307 w 270891"/>
                    <a:gd name="connsiteY12" fmla="*/ 162495 h 162495"/>
                    <a:gd name="connsiteX13" fmla="*/ 270891 w 270891"/>
                    <a:gd name="connsiteY13" fmla="*/ 107156 h 162495"/>
                    <a:gd name="connsiteX14" fmla="*/ 269082 w 270891"/>
                    <a:gd name="connsiteY14" fmla="*/ 72009 h 162495"/>
                    <a:gd name="connsiteX15" fmla="*/ 263747 w 270891"/>
                    <a:gd name="connsiteY15" fmla="*/ 14287 h 162495"/>
                    <a:gd name="connsiteX0" fmla="*/ 263747 w 278035"/>
                    <a:gd name="connsiteY0" fmla="*/ 14287 h 162495"/>
                    <a:gd name="connsiteX1" fmla="*/ 216122 w 278035"/>
                    <a:gd name="connsiteY1" fmla="*/ 0 h 162495"/>
                    <a:gd name="connsiteX2" fmla="*/ 152398 w 278035"/>
                    <a:gd name="connsiteY2" fmla="*/ 10096 h 162495"/>
                    <a:gd name="connsiteX3" fmla="*/ 63723 w 278035"/>
                    <a:gd name="connsiteY3" fmla="*/ 2381 h 162495"/>
                    <a:gd name="connsiteX4" fmla="*/ 2380 w 278035"/>
                    <a:gd name="connsiteY4" fmla="*/ 45815 h 162495"/>
                    <a:gd name="connsiteX5" fmla="*/ 0 w 278035"/>
                    <a:gd name="connsiteY5" fmla="*/ 91059 h 162495"/>
                    <a:gd name="connsiteX6" fmla="*/ 47626 w 278035"/>
                    <a:gd name="connsiteY6" fmla="*/ 93441 h 162495"/>
                    <a:gd name="connsiteX7" fmla="*/ 103560 w 278035"/>
                    <a:gd name="connsiteY7" fmla="*/ 45344 h 162495"/>
                    <a:gd name="connsiteX8" fmla="*/ 111919 w 278035"/>
                    <a:gd name="connsiteY8" fmla="*/ 67247 h 162495"/>
                    <a:gd name="connsiteX9" fmla="*/ 61913 w 278035"/>
                    <a:gd name="connsiteY9" fmla="*/ 114872 h 162495"/>
                    <a:gd name="connsiteX10" fmla="*/ 80961 w 278035"/>
                    <a:gd name="connsiteY10" fmla="*/ 133921 h 162495"/>
                    <a:gd name="connsiteX11" fmla="*/ 140495 w 278035"/>
                    <a:gd name="connsiteY11" fmla="*/ 133921 h 162495"/>
                    <a:gd name="connsiteX12" fmla="*/ 164307 w 278035"/>
                    <a:gd name="connsiteY12" fmla="*/ 162495 h 162495"/>
                    <a:gd name="connsiteX13" fmla="*/ 278035 w 278035"/>
                    <a:gd name="connsiteY13" fmla="*/ 111918 h 162495"/>
                    <a:gd name="connsiteX14" fmla="*/ 269082 w 278035"/>
                    <a:gd name="connsiteY14" fmla="*/ 72009 h 162495"/>
                    <a:gd name="connsiteX15" fmla="*/ 263747 w 278035"/>
                    <a:gd name="connsiteY15" fmla="*/ 14287 h 1624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Lst>
                  <a:rect l="l" t="t" r="r" b="b"/>
                  <a:pathLst>
                    <a:path w="278035" h="162495">
                      <a:moveTo>
                        <a:pt x="263747" y="14287"/>
                      </a:moveTo>
                      <a:lnTo>
                        <a:pt x="216122" y="0"/>
                      </a:lnTo>
                      <a:lnTo>
                        <a:pt x="152398" y="10096"/>
                      </a:lnTo>
                      <a:lnTo>
                        <a:pt x="63723" y="2381"/>
                      </a:lnTo>
                      <a:lnTo>
                        <a:pt x="2380" y="45815"/>
                      </a:lnTo>
                      <a:lnTo>
                        <a:pt x="0" y="91059"/>
                      </a:lnTo>
                      <a:lnTo>
                        <a:pt x="47626" y="93441"/>
                      </a:lnTo>
                      <a:lnTo>
                        <a:pt x="103560" y="45344"/>
                      </a:lnTo>
                      <a:lnTo>
                        <a:pt x="111919" y="67247"/>
                      </a:lnTo>
                      <a:lnTo>
                        <a:pt x="61913" y="114872"/>
                      </a:lnTo>
                      <a:lnTo>
                        <a:pt x="80961" y="133921"/>
                      </a:lnTo>
                      <a:lnTo>
                        <a:pt x="140495" y="133921"/>
                      </a:lnTo>
                      <a:lnTo>
                        <a:pt x="164307" y="162495"/>
                      </a:lnTo>
                      <a:lnTo>
                        <a:pt x="278035" y="111918"/>
                      </a:lnTo>
                      <a:lnTo>
                        <a:pt x="269082" y="72009"/>
                      </a:lnTo>
                      <a:lnTo>
                        <a:pt x="263747" y="14287"/>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5" name="フリーフォーム 94"/>
                <p:cNvSpPr/>
                <p:nvPr/>
              </p:nvSpPr>
              <p:spPr>
                <a:xfrm>
                  <a:off x="5940152" y="358816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chemeClr val="bg1"/>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6" name="フリーフォーム 95"/>
                <p:cNvSpPr/>
                <p:nvPr/>
              </p:nvSpPr>
              <p:spPr>
                <a:xfrm>
                  <a:off x="5939799" y="3593218"/>
                  <a:ext cx="215470" cy="135890"/>
                </a:xfrm>
                <a:custGeom>
                  <a:avLst/>
                  <a:gdLst>
                    <a:gd name="connsiteX0" fmla="*/ 549762 w 2597344"/>
                    <a:gd name="connsiteY0" fmla="*/ 0 h 1638066"/>
                    <a:gd name="connsiteX1" fmla="*/ 549762 w 2597344"/>
                    <a:gd name="connsiteY1" fmla="*/ 0 h 1638066"/>
                    <a:gd name="connsiteX2" fmla="*/ 0 w 2597344"/>
                    <a:gd name="connsiteY2" fmla="*/ 740495 h 1638066"/>
                    <a:gd name="connsiteX3" fmla="*/ 488054 w 2597344"/>
                    <a:gd name="connsiteY3" fmla="*/ 1514650 h 1638066"/>
                    <a:gd name="connsiteX4" fmla="*/ 1671725 w 2597344"/>
                    <a:gd name="connsiteY4" fmla="*/ 1638066 h 1638066"/>
                    <a:gd name="connsiteX5" fmla="*/ 2597344 w 2597344"/>
                    <a:gd name="connsiteY5" fmla="*/ 594640 h 1638066"/>
                    <a:gd name="connsiteX6" fmla="*/ 2176608 w 2597344"/>
                    <a:gd name="connsiteY6" fmla="*/ 291710 h 1638066"/>
                    <a:gd name="connsiteX7" fmla="*/ 549762 w 2597344"/>
                    <a:gd name="connsiteY7" fmla="*/ 0 h 16380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597344" h="1638066">
                      <a:moveTo>
                        <a:pt x="549762" y="0"/>
                      </a:moveTo>
                      <a:lnTo>
                        <a:pt x="549762" y="0"/>
                      </a:lnTo>
                      <a:lnTo>
                        <a:pt x="0" y="740495"/>
                      </a:lnTo>
                      <a:lnTo>
                        <a:pt x="488054" y="1514650"/>
                      </a:lnTo>
                      <a:lnTo>
                        <a:pt x="1671725" y="1638066"/>
                      </a:lnTo>
                      <a:lnTo>
                        <a:pt x="2597344" y="594640"/>
                      </a:lnTo>
                      <a:lnTo>
                        <a:pt x="2176608" y="291710"/>
                      </a:lnTo>
                      <a:lnTo>
                        <a:pt x="549762" y="0"/>
                      </a:lnTo>
                      <a:close/>
                    </a:path>
                  </a:pathLst>
                </a:custGeom>
                <a:solidFill>
                  <a:srgbClr val="FF0000">
                    <a:alpha val="25000"/>
                  </a:srgbClr>
                </a:solidFill>
                <a:ln w="127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6" name="正方形/長方形 85"/>
              <p:cNvSpPr/>
              <p:nvPr/>
            </p:nvSpPr>
            <p:spPr>
              <a:xfrm>
                <a:off x="1810593" y="5243704"/>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7" name="正方形/長方形 86"/>
              <p:cNvSpPr/>
              <p:nvPr/>
            </p:nvSpPr>
            <p:spPr>
              <a:xfrm>
                <a:off x="1435805" y="5373447"/>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8" name="正方形/長方形 87"/>
              <p:cNvSpPr/>
              <p:nvPr/>
            </p:nvSpPr>
            <p:spPr>
              <a:xfrm>
                <a:off x="1356604" y="5530790"/>
                <a:ext cx="261156" cy="9422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9" name="正方形/長方形 88"/>
              <p:cNvSpPr/>
              <p:nvPr/>
            </p:nvSpPr>
            <p:spPr>
              <a:xfrm>
                <a:off x="1269324" y="5303009"/>
                <a:ext cx="674650" cy="3297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700"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関西国際</a:t>
                </a:r>
                <a:r>
                  <a:rPr lang="en-US" altLang="ja-JP" sz="700"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700"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br>
                <a:r>
                  <a:rPr lang="ja-JP" altLang="en-US" sz="700" dirty="0" smtClean="0">
                    <a:solidFill>
                      <a:srgbClr val="002060"/>
                    </a:solidFill>
                    <a:latin typeface="Meiryo UI" panose="020B0604030504040204" pitchFamily="50" charset="-128"/>
                    <a:ea typeface="Meiryo UI" panose="020B0604030504040204" pitchFamily="50" charset="-128"/>
                    <a:cs typeface="Meiryo UI" panose="020B0604030504040204" pitchFamily="50" charset="-128"/>
                  </a:rPr>
                  <a:t>空港</a:t>
                </a:r>
                <a:endParaRPr kumimoji="1" lang="ja-JP" altLang="en-US" dirty="0"/>
              </a:p>
            </p:txBody>
          </p:sp>
        </p:grpSp>
        <p:cxnSp>
          <p:nvCxnSpPr>
            <p:cNvPr id="63" name="直線矢印コネクタ 62"/>
            <p:cNvCxnSpPr>
              <a:stCxn id="117" idx="0"/>
              <a:endCxn id="107" idx="2"/>
            </p:cNvCxnSpPr>
            <p:nvPr/>
          </p:nvCxnSpPr>
          <p:spPr>
            <a:xfrm flipV="1">
              <a:off x="1172585" y="5645498"/>
              <a:ext cx="899164" cy="309013"/>
            </a:xfrm>
            <a:prstGeom prst="straightConnector1">
              <a:avLst/>
            </a:prstGeom>
            <a:ln w="12700">
              <a:solidFill>
                <a:srgbClr val="002060"/>
              </a:solidFill>
              <a:tailEnd type="stealth"/>
            </a:ln>
          </p:spPr>
          <p:style>
            <a:lnRef idx="1">
              <a:schemeClr val="accent2"/>
            </a:lnRef>
            <a:fillRef idx="0">
              <a:schemeClr val="accent2"/>
            </a:fillRef>
            <a:effectRef idx="0">
              <a:schemeClr val="accent2"/>
            </a:effectRef>
            <a:fontRef idx="minor">
              <a:schemeClr val="tx1"/>
            </a:fontRef>
          </p:style>
        </p:cxnSp>
      </p:grpSp>
      <p:sp>
        <p:nvSpPr>
          <p:cNvPr id="6" name="正方形/長方形 5"/>
          <p:cNvSpPr/>
          <p:nvPr/>
        </p:nvSpPr>
        <p:spPr>
          <a:xfrm rot="20929491">
            <a:off x="5647539" y="2314295"/>
            <a:ext cx="3948776" cy="925757"/>
          </a:xfrm>
          <a:prstGeom prst="rect">
            <a:avLst/>
          </a:prstGeom>
          <a:solidFill>
            <a:srgbClr val="FFC000">
              <a:alpha val="3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エリア編　マップ</a:t>
            </a:r>
            <a:endParaRPr lang="en-US" altLang="ja-JP" sz="2000" b="1" dirty="0">
              <a:solidFill>
                <a:schemeClr val="bg1"/>
              </a:solidFill>
              <a:latin typeface="ＭＳ ゴシック" pitchFamily="49" charset="-128"/>
              <a:ea typeface="ＭＳ ゴシック" pitchFamily="49" charset="-128"/>
            </a:endParaRPr>
          </a:p>
        </p:txBody>
      </p:sp>
      <p:sp>
        <p:nvSpPr>
          <p:cNvPr id="117" name="線吹き出し 1 116"/>
          <p:cNvSpPr/>
          <p:nvPr/>
        </p:nvSpPr>
        <p:spPr>
          <a:xfrm>
            <a:off x="3007139" y="5689416"/>
            <a:ext cx="1842329" cy="648072"/>
          </a:xfrm>
          <a:prstGeom prst="callout1">
            <a:avLst>
              <a:gd name="adj1" fmla="val 50942"/>
              <a:gd name="adj2" fmla="val 101127"/>
              <a:gd name="adj3" fmla="val -12956"/>
              <a:gd name="adj4" fmla="val 12713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pPr marL="266700" indent="-266700"/>
            <a:r>
              <a:rPr lang="ja-JP" altLang="en-US" sz="1400" dirty="0" smtClean="0"/>
              <a:t>８</a:t>
            </a:r>
            <a:r>
              <a:rPr kumimoji="1" lang="ja-JP" altLang="en-US" sz="1400" dirty="0" smtClean="0"/>
              <a:t>．</a:t>
            </a:r>
            <a:r>
              <a:rPr lang="ja-JP" altLang="en-US" sz="1400" dirty="0" smtClean="0"/>
              <a:t>関西国際空港</a:t>
            </a:r>
            <a:r>
              <a:rPr kumimoji="1" lang="ja-JP" altLang="en-US" sz="1400" dirty="0" smtClean="0"/>
              <a:t>・</a:t>
            </a:r>
            <a:r>
              <a:rPr kumimoji="1" lang="en-US" altLang="ja-JP" sz="1400" dirty="0" smtClean="0"/>
              <a:t/>
            </a:r>
            <a:br>
              <a:rPr kumimoji="1" lang="en-US" altLang="ja-JP" sz="1400" dirty="0" smtClean="0"/>
            </a:br>
            <a:r>
              <a:rPr kumimoji="1" lang="ja-JP" altLang="en-US" sz="1400" dirty="0" smtClean="0"/>
              <a:t>りんくうタウン周辺</a:t>
            </a:r>
            <a:r>
              <a:rPr kumimoji="1" lang="en-US" altLang="ja-JP" sz="1400" dirty="0" smtClean="0"/>
              <a:t/>
            </a:r>
            <a:br>
              <a:rPr kumimoji="1" lang="en-US" altLang="ja-JP" sz="1400" dirty="0" smtClean="0"/>
            </a:br>
            <a:r>
              <a:rPr lang="ja-JP" altLang="en-US" sz="1400" dirty="0" smtClean="0">
                <a:latin typeface="+mn-ea"/>
              </a:rPr>
              <a:t> （</a:t>
            </a:r>
            <a:r>
              <a:rPr lang="en-US" altLang="ja-JP" sz="1400" dirty="0" smtClean="0"/>
              <a:t>P.36</a:t>
            </a:r>
            <a:r>
              <a:rPr lang="ja-JP" altLang="en-US" sz="1400" dirty="0" smtClean="0">
                <a:latin typeface="+mn-ea"/>
              </a:rPr>
              <a:t>）</a:t>
            </a:r>
            <a:endParaRPr kumimoji="1" lang="ja-JP" altLang="en-US" sz="1400" dirty="0"/>
          </a:p>
        </p:txBody>
      </p:sp>
      <p:sp>
        <p:nvSpPr>
          <p:cNvPr id="60" name="フリーフォーム 59"/>
          <p:cNvSpPr/>
          <p:nvPr/>
        </p:nvSpPr>
        <p:spPr>
          <a:xfrm>
            <a:off x="6793905" y="1800224"/>
            <a:ext cx="2089547" cy="514352"/>
          </a:xfrm>
          <a:custGeom>
            <a:avLst/>
            <a:gdLst>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19188 w 1955007"/>
              <a:gd name="connsiteY27" fmla="*/ 19050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3375 h 561975"/>
              <a:gd name="connsiteX1" fmla="*/ 83344 w 1955007"/>
              <a:gd name="connsiteY1" fmla="*/ 335757 h 561975"/>
              <a:gd name="connsiteX2" fmla="*/ 123825 w 1955007"/>
              <a:gd name="connsiteY2" fmla="*/ 335757 h 561975"/>
              <a:gd name="connsiteX3" fmla="*/ 209550 w 1955007"/>
              <a:gd name="connsiteY3" fmla="*/ 330994 h 561975"/>
              <a:gd name="connsiteX4" fmla="*/ 290513 w 1955007"/>
              <a:gd name="connsiteY4" fmla="*/ 316707 h 561975"/>
              <a:gd name="connsiteX5" fmla="*/ 366713 w 1955007"/>
              <a:gd name="connsiteY5" fmla="*/ 297657 h 561975"/>
              <a:gd name="connsiteX6" fmla="*/ 397669 w 1955007"/>
              <a:gd name="connsiteY6" fmla="*/ 297657 h 561975"/>
              <a:gd name="connsiteX7" fmla="*/ 421482 w 1955007"/>
              <a:gd name="connsiteY7" fmla="*/ 295275 h 561975"/>
              <a:gd name="connsiteX8" fmla="*/ 488157 w 1955007"/>
              <a:gd name="connsiteY8" fmla="*/ 297657 h 561975"/>
              <a:gd name="connsiteX9" fmla="*/ 545307 w 1955007"/>
              <a:gd name="connsiteY9" fmla="*/ 307182 h 561975"/>
              <a:gd name="connsiteX10" fmla="*/ 566738 w 1955007"/>
              <a:gd name="connsiteY10" fmla="*/ 307182 h 561975"/>
              <a:gd name="connsiteX11" fmla="*/ 592932 w 1955007"/>
              <a:gd name="connsiteY11" fmla="*/ 311944 h 561975"/>
              <a:gd name="connsiteX12" fmla="*/ 595313 w 1955007"/>
              <a:gd name="connsiteY12" fmla="*/ 311944 h 561975"/>
              <a:gd name="connsiteX13" fmla="*/ 621507 w 1955007"/>
              <a:gd name="connsiteY13" fmla="*/ 314325 h 561975"/>
              <a:gd name="connsiteX14" fmla="*/ 657225 w 1955007"/>
              <a:gd name="connsiteY14" fmla="*/ 316707 h 561975"/>
              <a:gd name="connsiteX15" fmla="*/ 678657 w 1955007"/>
              <a:gd name="connsiteY15" fmla="*/ 314325 h 561975"/>
              <a:gd name="connsiteX16" fmla="*/ 714375 w 1955007"/>
              <a:gd name="connsiteY16" fmla="*/ 302419 h 561975"/>
              <a:gd name="connsiteX17" fmla="*/ 747713 w 1955007"/>
              <a:gd name="connsiteY17" fmla="*/ 285750 h 561975"/>
              <a:gd name="connsiteX18" fmla="*/ 809625 w 1955007"/>
              <a:gd name="connsiteY18" fmla="*/ 223838 h 561975"/>
              <a:gd name="connsiteX19" fmla="*/ 857250 w 1955007"/>
              <a:gd name="connsiteY19" fmla="*/ 173832 h 561975"/>
              <a:gd name="connsiteX20" fmla="*/ 940594 w 1955007"/>
              <a:gd name="connsiteY20" fmla="*/ 92869 h 561975"/>
              <a:gd name="connsiteX21" fmla="*/ 964407 w 1955007"/>
              <a:gd name="connsiteY21" fmla="*/ 78582 h 561975"/>
              <a:gd name="connsiteX22" fmla="*/ 1038225 w 1955007"/>
              <a:gd name="connsiteY22" fmla="*/ 21432 h 561975"/>
              <a:gd name="connsiteX23" fmla="*/ 1066800 w 1955007"/>
              <a:gd name="connsiteY23" fmla="*/ 2382 h 561975"/>
              <a:gd name="connsiteX24" fmla="*/ 1081088 w 1955007"/>
              <a:gd name="connsiteY24" fmla="*/ 0 h 561975"/>
              <a:gd name="connsiteX25" fmla="*/ 1097757 w 1955007"/>
              <a:gd name="connsiteY25" fmla="*/ 2382 h 561975"/>
              <a:gd name="connsiteX26" fmla="*/ 1107282 w 1955007"/>
              <a:gd name="connsiteY26" fmla="*/ 9525 h 561975"/>
              <a:gd name="connsiteX27" fmla="*/ 1138238 w 1955007"/>
              <a:gd name="connsiteY27" fmla="*/ 7144 h 561975"/>
              <a:gd name="connsiteX28" fmla="*/ 1164432 w 1955007"/>
              <a:gd name="connsiteY28" fmla="*/ 40482 h 561975"/>
              <a:gd name="connsiteX29" fmla="*/ 1181100 w 1955007"/>
              <a:gd name="connsiteY29" fmla="*/ 85725 h 561975"/>
              <a:gd name="connsiteX30" fmla="*/ 1209675 w 1955007"/>
              <a:gd name="connsiteY30" fmla="*/ 116682 h 561975"/>
              <a:gd name="connsiteX31" fmla="*/ 1226344 w 1955007"/>
              <a:gd name="connsiteY31" fmla="*/ 142875 h 561975"/>
              <a:gd name="connsiteX32" fmla="*/ 1243013 w 1955007"/>
              <a:gd name="connsiteY32" fmla="*/ 178594 h 561975"/>
              <a:gd name="connsiteX33" fmla="*/ 1273969 w 1955007"/>
              <a:gd name="connsiteY33" fmla="*/ 226219 h 561975"/>
              <a:gd name="connsiteX34" fmla="*/ 1302544 w 1955007"/>
              <a:gd name="connsiteY34" fmla="*/ 273844 h 561975"/>
              <a:gd name="connsiteX35" fmla="*/ 1321594 w 1955007"/>
              <a:gd name="connsiteY35" fmla="*/ 297657 h 561975"/>
              <a:gd name="connsiteX36" fmla="*/ 1350169 w 1955007"/>
              <a:gd name="connsiteY36" fmla="*/ 335757 h 561975"/>
              <a:gd name="connsiteX37" fmla="*/ 1440657 w 1955007"/>
              <a:gd name="connsiteY37" fmla="*/ 421482 h 561975"/>
              <a:gd name="connsiteX38" fmla="*/ 1476375 w 1955007"/>
              <a:gd name="connsiteY38" fmla="*/ 440532 h 561975"/>
              <a:gd name="connsiteX39" fmla="*/ 1554957 w 1955007"/>
              <a:gd name="connsiteY39" fmla="*/ 461963 h 561975"/>
              <a:gd name="connsiteX40" fmla="*/ 1657350 w 1955007"/>
              <a:gd name="connsiteY40" fmla="*/ 509588 h 561975"/>
              <a:gd name="connsiteX41" fmla="*/ 1719263 w 1955007"/>
              <a:gd name="connsiteY41" fmla="*/ 523875 h 561975"/>
              <a:gd name="connsiteX42" fmla="*/ 1809750 w 1955007"/>
              <a:gd name="connsiteY42" fmla="*/ 554832 h 561975"/>
              <a:gd name="connsiteX43" fmla="*/ 1864519 w 1955007"/>
              <a:gd name="connsiteY43" fmla="*/ 561975 h 561975"/>
              <a:gd name="connsiteX44" fmla="*/ 1874044 w 1955007"/>
              <a:gd name="connsiteY44" fmla="*/ 557213 h 561975"/>
              <a:gd name="connsiteX45" fmla="*/ 1928813 w 1955007"/>
              <a:gd name="connsiteY45" fmla="*/ 559594 h 561975"/>
              <a:gd name="connsiteX46" fmla="*/ 1955007 w 1955007"/>
              <a:gd name="connsiteY46" fmla="*/ 561975 h 561975"/>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7282 w 1955007"/>
              <a:gd name="connsiteY26" fmla="*/ 11906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5756 h 564356"/>
              <a:gd name="connsiteX1" fmla="*/ 83344 w 1955007"/>
              <a:gd name="connsiteY1" fmla="*/ 338138 h 564356"/>
              <a:gd name="connsiteX2" fmla="*/ 123825 w 1955007"/>
              <a:gd name="connsiteY2" fmla="*/ 338138 h 564356"/>
              <a:gd name="connsiteX3" fmla="*/ 209550 w 1955007"/>
              <a:gd name="connsiteY3" fmla="*/ 333375 h 564356"/>
              <a:gd name="connsiteX4" fmla="*/ 290513 w 1955007"/>
              <a:gd name="connsiteY4" fmla="*/ 319088 h 564356"/>
              <a:gd name="connsiteX5" fmla="*/ 366713 w 1955007"/>
              <a:gd name="connsiteY5" fmla="*/ 300038 h 564356"/>
              <a:gd name="connsiteX6" fmla="*/ 397669 w 1955007"/>
              <a:gd name="connsiteY6" fmla="*/ 300038 h 564356"/>
              <a:gd name="connsiteX7" fmla="*/ 421482 w 1955007"/>
              <a:gd name="connsiteY7" fmla="*/ 297656 h 564356"/>
              <a:gd name="connsiteX8" fmla="*/ 488157 w 1955007"/>
              <a:gd name="connsiteY8" fmla="*/ 300038 h 564356"/>
              <a:gd name="connsiteX9" fmla="*/ 545307 w 1955007"/>
              <a:gd name="connsiteY9" fmla="*/ 309563 h 564356"/>
              <a:gd name="connsiteX10" fmla="*/ 566738 w 1955007"/>
              <a:gd name="connsiteY10" fmla="*/ 309563 h 564356"/>
              <a:gd name="connsiteX11" fmla="*/ 592932 w 1955007"/>
              <a:gd name="connsiteY11" fmla="*/ 314325 h 564356"/>
              <a:gd name="connsiteX12" fmla="*/ 595313 w 1955007"/>
              <a:gd name="connsiteY12" fmla="*/ 314325 h 564356"/>
              <a:gd name="connsiteX13" fmla="*/ 621507 w 1955007"/>
              <a:gd name="connsiteY13" fmla="*/ 316706 h 564356"/>
              <a:gd name="connsiteX14" fmla="*/ 657225 w 1955007"/>
              <a:gd name="connsiteY14" fmla="*/ 319088 h 564356"/>
              <a:gd name="connsiteX15" fmla="*/ 678657 w 1955007"/>
              <a:gd name="connsiteY15" fmla="*/ 316706 h 564356"/>
              <a:gd name="connsiteX16" fmla="*/ 714375 w 1955007"/>
              <a:gd name="connsiteY16" fmla="*/ 304800 h 564356"/>
              <a:gd name="connsiteX17" fmla="*/ 747713 w 1955007"/>
              <a:gd name="connsiteY17" fmla="*/ 288131 h 564356"/>
              <a:gd name="connsiteX18" fmla="*/ 809625 w 1955007"/>
              <a:gd name="connsiteY18" fmla="*/ 226219 h 564356"/>
              <a:gd name="connsiteX19" fmla="*/ 857250 w 1955007"/>
              <a:gd name="connsiteY19" fmla="*/ 176213 h 564356"/>
              <a:gd name="connsiteX20" fmla="*/ 940594 w 1955007"/>
              <a:gd name="connsiteY20" fmla="*/ 95250 h 564356"/>
              <a:gd name="connsiteX21" fmla="*/ 964407 w 1955007"/>
              <a:gd name="connsiteY21" fmla="*/ 80963 h 564356"/>
              <a:gd name="connsiteX22" fmla="*/ 1038225 w 1955007"/>
              <a:gd name="connsiteY22" fmla="*/ 23813 h 564356"/>
              <a:gd name="connsiteX23" fmla="*/ 1066800 w 1955007"/>
              <a:gd name="connsiteY23" fmla="*/ 4763 h 564356"/>
              <a:gd name="connsiteX24" fmla="*/ 1081088 w 1955007"/>
              <a:gd name="connsiteY24" fmla="*/ 2381 h 564356"/>
              <a:gd name="connsiteX25" fmla="*/ 1097757 w 1955007"/>
              <a:gd name="connsiteY25" fmla="*/ 4763 h 564356"/>
              <a:gd name="connsiteX26" fmla="*/ 1104900 w 1955007"/>
              <a:gd name="connsiteY26" fmla="*/ 2381 h 564356"/>
              <a:gd name="connsiteX27" fmla="*/ 1116807 w 1955007"/>
              <a:gd name="connsiteY27" fmla="*/ 0 h 564356"/>
              <a:gd name="connsiteX28" fmla="*/ 1138238 w 1955007"/>
              <a:gd name="connsiteY28" fmla="*/ 9525 h 564356"/>
              <a:gd name="connsiteX29" fmla="*/ 1164432 w 1955007"/>
              <a:gd name="connsiteY29" fmla="*/ 42863 h 564356"/>
              <a:gd name="connsiteX30" fmla="*/ 1181100 w 1955007"/>
              <a:gd name="connsiteY30" fmla="*/ 88106 h 564356"/>
              <a:gd name="connsiteX31" fmla="*/ 1209675 w 1955007"/>
              <a:gd name="connsiteY31" fmla="*/ 119063 h 564356"/>
              <a:gd name="connsiteX32" fmla="*/ 1226344 w 1955007"/>
              <a:gd name="connsiteY32" fmla="*/ 145256 h 564356"/>
              <a:gd name="connsiteX33" fmla="*/ 1243013 w 1955007"/>
              <a:gd name="connsiteY33" fmla="*/ 180975 h 564356"/>
              <a:gd name="connsiteX34" fmla="*/ 1273969 w 1955007"/>
              <a:gd name="connsiteY34" fmla="*/ 228600 h 564356"/>
              <a:gd name="connsiteX35" fmla="*/ 1302544 w 1955007"/>
              <a:gd name="connsiteY35" fmla="*/ 276225 h 564356"/>
              <a:gd name="connsiteX36" fmla="*/ 1321594 w 1955007"/>
              <a:gd name="connsiteY36" fmla="*/ 300038 h 564356"/>
              <a:gd name="connsiteX37" fmla="*/ 1350169 w 1955007"/>
              <a:gd name="connsiteY37" fmla="*/ 338138 h 564356"/>
              <a:gd name="connsiteX38" fmla="*/ 1440657 w 1955007"/>
              <a:gd name="connsiteY38" fmla="*/ 423863 h 564356"/>
              <a:gd name="connsiteX39" fmla="*/ 1476375 w 1955007"/>
              <a:gd name="connsiteY39" fmla="*/ 442913 h 564356"/>
              <a:gd name="connsiteX40" fmla="*/ 1554957 w 1955007"/>
              <a:gd name="connsiteY40" fmla="*/ 464344 h 564356"/>
              <a:gd name="connsiteX41" fmla="*/ 1657350 w 1955007"/>
              <a:gd name="connsiteY41" fmla="*/ 511969 h 564356"/>
              <a:gd name="connsiteX42" fmla="*/ 1719263 w 1955007"/>
              <a:gd name="connsiteY42" fmla="*/ 526256 h 564356"/>
              <a:gd name="connsiteX43" fmla="*/ 1809750 w 1955007"/>
              <a:gd name="connsiteY43" fmla="*/ 557213 h 564356"/>
              <a:gd name="connsiteX44" fmla="*/ 1864519 w 1955007"/>
              <a:gd name="connsiteY44" fmla="*/ 564356 h 564356"/>
              <a:gd name="connsiteX45" fmla="*/ 1874044 w 1955007"/>
              <a:gd name="connsiteY45" fmla="*/ 559594 h 564356"/>
              <a:gd name="connsiteX46" fmla="*/ 1928813 w 1955007"/>
              <a:gd name="connsiteY46" fmla="*/ 561975 h 564356"/>
              <a:gd name="connsiteX47" fmla="*/ 1955007 w 1955007"/>
              <a:gd name="connsiteY47" fmla="*/ 564356 h 56435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1100 w 1955007"/>
              <a:gd name="connsiteY30" fmla="*/ 90486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4407 w 1955007"/>
              <a:gd name="connsiteY21" fmla="*/ 83343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40594 w 1955007"/>
              <a:gd name="connsiteY20" fmla="*/ 97630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26193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66800 w 1955007"/>
              <a:gd name="connsiteY23" fmla="*/ 7143 h 566736"/>
              <a:gd name="connsiteX24" fmla="*/ 1081088 w 1955007"/>
              <a:gd name="connsiteY24" fmla="*/ 4761 h 566736"/>
              <a:gd name="connsiteX25" fmla="*/ 1097757 w 1955007"/>
              <a:gd name="connsiteY25" fmla="*/ 0 h 566736"/>
              <a:gd name="connsiteX26" fmla="*/ 1104900 w 1955007"/>
              <a:gd name="connsiteY26" fmla="*/ 4761 h 566736"/>
              <a:gd name="connsiteX27" fmla="*/ 1116807 w 1955007"/>
              <a:gd name="connsiteY27" fmla="*/ 2380 h 566736"/>
              <a:gd name="connsiteX28" fmla="*/ 1138238 w 1955007"/>
              <a:gd name="connsiteY28" fmla="*/ 11905 h 566736"/>
              <a:gd name="connsiteX29" fmla="*/ 1164432 w 1955007"/>
              <a:gd name="connsiteY29" fmla="*/ 45243 h 566736"/>
              <a:gd name="connsiteX30" fmla="*/ 1188244 w 1955007"/>
              <a:gd name="connsiteY30" fmla="*/ 85724 h 566736"/>
              <a:gd name="connsiteX31" fmla="*/ 1209675 w 1955007"/>
              <a:gd name="connsiteY31" fmla="*/ 121443 h 566736"/>
              <a:gd name="connsiteX32" fmla="*/ 1226344 w 1955007"/>
              <a:gd name="connsiteY32" fmla="*/ 147636 h 566736"/>
              <a:gd name="connsiteX33" fmla="*/ 1243013 w 1955007"/>
              <a:gd name="connsiteY33" fmla="*/ 183355 h 566736"/>
              <a:gd name="connsiteX34" fmla="*/ 1273969 w 1955007"/>
              <a:gd name="connsiteY34" fmla="*/ 230980 h 566736"/>
              <a:gd name="connsiteX35" fmla="*/ 1302544 w 1955007"/>
              <a:gd name="connsiteY35" fmla="*/ 278605 h 566736"/>
              <a:gd name="connsiteX36" fmla="*/ 1321594 w 1955007"/>
              <a:gd name="connsiteY36" fmla="*/ 302418 h 566736"/>
              <a:gd name="connsiteX37" fmla="*/ 1350169 w 1955007"/>
              <a:gd name="connsiteY37" fmla="*/ 340518 h 566736"/>
              <a:gd name="connsiteX38" fmla="*/ 1440657 w 1955007"/>
              <a:gd name="connsiteY38" fmla="*/ 426243 h 566736"/>
              <a:gd name="connsiteX39" fmla="*/ 1476375 w 1955007"/>
              <a:gd name="connsiteY39" fmla="*/ 445293 h 566736"/>
              <a:gd name="connsiteX40" fmla="*/ 1554957 w 1955007"/>
              <a:gd name="connsiteY40" fmla="*/ 466724 h 566736"/>
              <a:gd name="connsiteX41" fmla="*/ 1657350 w 1955007"/>
              <a:gd name="connsiteY41" fmla="*/ 514349 h 566736"/>
              <a:gd name="connsiteX42" fmla="*/ 1719263 w 1955007"/>
              <a:gd name="connsiteY42" fmla="*/ 528636 h 566736"/>
              <a:gd name="connsiteX43" fmla="*/ 1809750 w 1955007"/>
              <a:gd name="connsiteY43" fmla="*/ 559593 h 566736"/>
              <a:gd name="connsiteX44" fmla="*/ 1864519 w 1955007"/>
              <a:gd name="connsiteY44" fmla="*/ 566736 h 566736"/>
              <a:gd name="connsiteX45" fmla="*/ 1874044 w 1955007"/>
              <a:gd name="connsiteY45" fmla="*/ 561974 h 566736"/>
              <a:gd name="connsiteX46" fmla="*/ 1928813 w 1955007"/>
              <a:gd name="connsiteY46" fmla="*/ 564355 h 566736"/>
              <a:gd name="connsiteX47" fmla="*/ 1955007 w 1955007"/>
              <a:gd name="connsiteY47"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16807 w 1955007"/>
              <a:gd name="connsiteY26" fmla="*/ 2380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81088 w 1955007"/>
              <a:gd name="connsiteY23" fmla="*/ 4761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09650 w 1955007"/>
              <a:gd name="connsiteY23" fmla="*/ 28574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21482 w 1955007"/>
              <a:gd name="connsiteY7" fmla="*/ 300036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88157 w 1955007"/>
              <a:gd name="connsiteY7" fmla="*/ 302418 h 566736"/>
              <a:gd name="connsiteX8" fmla="*/ 545307 w 1955007"/>
              <a:gd name="connsiteY8" fmla="*/ 311943 h 566736"/>
              <a:gd name="connsiteX9" fmla="*/ 566738 w 1955007"/>
              <a:gd name="connsiteY9" fmla="*/ 311943 h 566736"/>
              <a:gd name="connsiteX10" fmla="*/ 592932 w 1955007"/>
              <a:gd name="connsiteY10" fmla="*/ 316705 h 566736"/>
              <a:gd name="connsiteX11" fmla="*/ 595313 w 1955007"/>
              <a:gd name="connsiteY11" fmla="*/ 316705 h 566736"/>
              <a:gd name="connsiteX12" fmla="*/ 621507 w 1955007"/>
              <a:gd name="connsiteY12" fmla="*/ 319086 h 566736"/>
              <a:gd name="connsiteX13" fmla="*/ 657225 w 1955007"/>
              <a:gd name="connsiteY13" fmla="*/ 321468 h 566736"/>
              <a:gd name="connsiteX14" fmla="*/ 678657 w 1955007"/>
              <a:gd name="connsiteY14" fmla="*/ 319086 h 566736"/>
              <a:gd name="connsiteX15" fmla="*/ 714375 w 1955007"/>
              <a:gd name="connsiteY15" fmla="*/ 307180 h 566736"/>
              <a:gd name="connsiteX16" fmla="*/ 747713 w 1955007"/>
              <a:gd name="connsiteY16" fmla="*/ 290511 h 566736"/>
              <a:gd name="connsiteX17" fmla="*/ 809625 w 1955007"/>
              <a:gd name="connsiteY17" fmla="*/ 228599 h 566736"/>
              <a:gd name="connsiteX18" fmla="*/ 857250 w 1955007"/>
              <a:gd name="connsiteY18" fmla="*/ 178593 h 566736"/>
              <a:gd name="connsiteX19" fmla="*/ 933450 w 1955007"/>
              <a:gd name="connsiteY19" fmla="*/ 92867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302418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397669 w 1955007"/>
              <a:gd name="connsiteY6" fmla="*/ 302418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21468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714375 w 1955007"/>
              <a:gd name="connsiteY16" fmla="*/ 307180 h 566736"/>
              <a:gd name="connsiteX17" fmla="*/ 747713 w 1955007"/>
              <a:gd name="connsiteY17" fmla="*/ 290511 h 566736"/>
              <a:gd name="connsiteX18" fmla="*/ 809625 w 1955007"/>
              <a:gd name="connsiteY18" fmla="*/ 228599 h 566736"/>
              <a:gd name="connsiteX19" fmla="*/ 857250 w 1955007"/>
              <a:gd name="connsiteY19" fmla="*/ 178593 h 566736"/>
              <a:gd name="connsiteX20" fmla="*/ 933450 w 1955007"/>
              <a:gd name="connsiteY20" fmla="*/ 92867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4375 w 1955007"/>
              <a:gd name="connsiteY17" fmla="*/ 307180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90511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19086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9625 w 1955007"/>
              <a:gd name="connsiteY19" fmla="*/ 22859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7250 w 1955007"/>
              <a:gd name="connsiteY20" fmla="*/ 178593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92867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54869 w 1955007"/>
              <a:gd name="connsiteY20" fmla="*/ 138112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683419 w 1955007"/>
              <a:gd name="connsiteY16" fmla="*/ 292893 h 566736"/>
              <a:gd name="connsiteX17" fmla="*/ 711994 w 1955007"/>
              <a:gd name="connsiteY17" fmla="*/ 273842 h 566736"/>
              <a:gd name="connsiteX18" fmla="*/ 747713 w 1955007"/>
              <a:gd name="connsiteY18" fmla="*/ 250029 h 566736"/>
              <a:gd name="connsiteX19" fmla="*/ 800100 w 1955007"/>
              <a:gd name="connsiteY19" fmla="*/ 209549 h 566736"/>
              <a:gd name="connsiteX20" fmla="*/ 866775 w 1955007"/>
              <a:gd name="connsiteY20" fmla="*/ 147637 h 566736"/>
              <a:gd name="connsiteX21" fmla="*/ 933450 w 1955007"/>
              <a:gd name="connsiteY21" fmla="*/ 80960 h 566736"/>
              <a:gd name="connsiteX22" fmla="*/ 962026 w 1955007"/>
              <a:gd name="connsiteY22" fmla="*/ 59531 h 566736"/>
              <a:gd name="connsiteX23" fmla="*/ 1038225 w 1955007"/>
              <a:gd name="connsiteY23" fmla="*/ 19049 h 566736"/>
              <a:gd name="connsiteX24" fmla="*/ 1071563 w 1955007"/>
              <a:gd name="connsiteY24" fmla="*/ 9524 h 566736"/>
              <a:gd name="connsiteX25" fmla="*/ 1097757 w 1955007"/>
              <a:gd name="connsiteY25" fmla="*/ 0 h 566736"/>
              <a:gd name="connsiteX26" fmla="*/ 1104900 w 1955007"/>
              <a:gd name="connsiteY26" fmla="*/ 4761 h 566736"/>
              <a:gd name="connsiteX27" fmla="*/ 1138238 w 1955007"/>
              <a:gd name="connsiteY27" fmla="*/ 11905 h 566736"/>
              <a:gd name="connsiteX28" fmla="*/ 1164432 w 1955007"/>
              <a:gd name="connsiteY28" fmla="*/ 45243 h 566736"/>
              <a:gd name="connsiteX29" fmla="*/ 1188244 w 1955007"/>
              <a:gd name="connsiteY29" fmla="*/ 85724 h 566736"/>
              <a:gd name="connsiteX30" fmla="*/ 1209675 w 1955007"/>
              <a:gd name="connsiteY30" fmla="*/ 121443 h 566736"/>
              <a:gd name="connsiteX31" fmla="*/ 1226344 w 1955007"/>
              <a:gd name="connsiteY31" fmla="*/ 147636 h 566736"/>
              <a:gd name="connsiteX32" fmla="*/ 1243013 w 1955007"/>
              <a:gd name="connsiteY32" fmla="*/ 183355 h 566736"/>
              <a:gd name="connsiteX33" fmla="*/ 1273969 w 1955007"/>
              <a:gd name="connsiteY33" fmla="*/ 230980 h 566736"/>
              <a:gd name="connsiteX34" fmla="*/ 1302544 w 1955007"/>
              <a:gd name="connsiteY34" fmla="*/ 278605 h 566736"/>
              <a:gd name="connsiteX35" fmla="*/ 1321594 w 1955007"/>
              <a:gd name="connsiteY35" fmla="*/ 302418 h 566736"/>
              <a:gd name="connsiteX36" fmla="*/ 1350169 w 1955007"/>
              <a:gd name="connsiteY36" fmla="*/ 340518 h 566736"/>
              <a:gd name="connsiteX37" fmla="*/ 1440657 w 1955007"/>
              <a:gd name="connsiteY37" fmla="*/ 426243 h 566736"/>
              <a:gd name="connsiteX38" fmla="*/ 1476375 w 1955007"/>
              <a:gd name="connsiteY38" fmla="*/ 445293 h 566736"/>
              <a:gd name="connsiteX39" fmla="*/ 1554957 w 1955007"/>
              <a:gd name="connsiteY39" fmla="*/ 466724 h 566736"/>
              <a:gd name="connsiteX40" fmla="*/ 1657350 w 1955007"/>
              <a:gd name="connsiteY40" fmla="*/ 514349 h 566736"/>
              <a:gd name="connsiteX41" fmla="*/ 1719263 w 1955007"/>
              <a:gd name="connsiteY41" fmla="*/ 528636 h 566736"/>
              <a:gd name="connsiteX42" fmla="*/ 1809750 w 1955007"/>
              <a:gd name="connsiteY42" fmla="*/ 559593 h 566736"/>
              <a:gd name="connsiteX43" fmla="*/ 1864519 w 1955007"/>
              <a:gd name="connsiteY43" fmla="*/ 566736 h 566736"/>
              <a:gd name="connsiteX44" fmla="*/ 1874044 w 1955007"/>
              <a:gd name="connsiteY44" fmla="*/ 561974 h 566736"/>
              <a:gd name="connsiteX45" fmla="*/ 1928813 w 1955007"/>
              <a:gd name="connsiteY45" fmla="*/ 564355 h 566736"/>
              <a:gd name="connsiteX46" fmla="*/ 1955007 w 1955007"/>
              <a:gd name="connsiteY46"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1994 w 1955007"/>
              <a:gd name="connsiteY16" fmla="*/ 273842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21507 w 1955007"/>
              <a:gd name="connsiteY13" fmla="*/ 319086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304798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57225 w 1955007"/>
              <a:gd name="connsiteY14" fmla="*/ 31194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80986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47713 w 1955007"/>
              <a:gd name="connsiteY17" fmla="*/ 250029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209549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6775 w 1955007"/>
              <a:gd name="connsiteY19" fmla="*/ 147637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45319 w 1955007"/>
              <a:gd name="connsiteY13" fmla="*/ 304799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1988 w 1955007"/>
              <a:gd name="connsiteY14" fmla="*/ 292893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678657 w 1955007"/>
              <a:gd name="connsiteY15" fmla="*/ 288129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69131 w 1955007"/>
              <a:gd name="connsiteY14" fmla="*/ 297656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16757 w 1955007"/>
              <a:gd name="connsiteY16" fmla="*/ 257173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8656 w 1955007"/>
              <a:gd name="connsiteY14" fmla="*/ 292893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704850 w 1955007"/>
              <a:gd name="connsiteY14" fmla="*/ 278604 h 566736"/>
              <a:gd name="connsiteX15" fmla="*/ 738188 w 1955007"/>
              <a:gd name="connsiteY15" fmla="*/ 252410 h 566736"/>
              <a:gd name="connsiteX16" fmla="*/ 762001 w 1955007"/>
              <a:gd name="connsiteY16" fmla="*/ 228598 h 566736"/>
              <a:gd name="connsiteX17" fmla="*/ 800100 w 1955007"/>
              <a:gd name="connsiteY17" fmla="*/ 197643 h 566736"/>
              <a:gd name="connsiteX18" fmla="*/ 869156 w 1955007"/>
              <a:gd name="connsiteY18" fmla="*/ 138112 h 566736"/>
              <a:gd name="connsiteX19" fmla="*/ 933450 w 1955007"/>
              <a:gd name="connsiteY19" fmla="*/ 80960 h 566736"/>
              <a:gd name="connsiteX20" fmla="*/ 962026 w 1955007"/>
              <a:gd name="connsiteY20" fmla="*/ 59531 h 566736"/>
              <a:gd name="connsiteX21" fmla="*/ 1038225 w 1955007"/>
              <a:gd name="connsiteY21" fmla="*/ 19049 h 566736"/>
              <a:gd name="connsiteX22" fmla="*/ 1071563 w 1955007"/>
              <a:gd name="connsiteY22" fmla="*/ 9524 h 566736"/>
              <a:gd name="connsiteX23" fmla="*/ 1097757 w 1955007"/>
              <a:gd name="connsiteY23" fmla="*/ 0 h 566736"/>
              <a:gd name="connsiteX24" fmla="*/ 1104900 w 1955007"/>
              <a:gd name="connsiteY24" fmla="*/ 4761 h 566736"/>
              <a:gd name="connsiteX25" fmla="*/ 1138238 w 1955007"/>
              <a:gd name="connsiteY25" fmla="*/ 11905 h 566736"/>
              <a:gd name="connsiteX26" fmla="*/ 1164432 w 1955007"/>
              <a:gd name="connsiteY26" fmla="*/ 45243 h 566736"/>
              <a:gd name="connsiteX27" fmla="*/ 1188244 w 1955007"/>
              <a:gd name="connsiteY27" fmla="*/ 85724 h 566736"/>
              <a:gd name="connsiteX28" fmla="*/ 1209675 w 1955007"/>
              <a:gd name="connsiteY28" fmla="*/ 121443 h 566736"/>
              <a:gd name="connsiteX29" fmla="*/ 1226344 w 1955007"/>
              <a:gd name="connsiteY29" fmla="*/ 147636 h 566736"/>
              <a:gd name="connsiteX30" fmla="*/ 1243013 w 1955007"/>
              <a:gd name="connsiteY30" fmla="*/ 183355 h 566736"/>
              <a:gd name="connsiteX31" fmla="*/ 1273969 w 1955007"/>
              <a:gd name="connsiteY31" fmla="*/ 230980 h 566736"/>
              <a:gd name="connsiteX32" fmla="*/ 1302544 w 1955007"/>
              <a:gd name="connsiteY32" fmla="*/ 278605 h 566736"/>
              <a:gd name="connsiteX33" fmla="*/ 1321594 w 1955007"/>
              <a:gd name="connsiteY33" fmla="*/ 302418 h 566736"/>
              <a:gd name="connsiteX34" fmla="*/ 1350169 w 1955007"/>
              <a:gd name="connsiteY34" fmla="*/ 340518 h 566736"/>
              <a:gd name="connsiteX35" fmla="*/ 1440657 w 1955007"/>
              <a:gd name="connsiteY35" fmla="*/ 426243 h 566736"/>
              <a:gd name="connsiteX36" fmla="*/ 1476375 w 1955007"/>
              <a:gd name="connsiteY36" fmla="*/ 445293 h 566736"/>
              <a:gd name="connsiteX37" fmla="*/ 1554957 w 1955007"/>
              <a:gd name="connsiteY37" fmla="*/ 466724 h 566736"/>
              <a:gd name="connsiteX38" fmla="*/ 1657350 w 1955007"/>
              <a:gd name="connsiteY38" fmla="*/ 514349 h 566736"/>
              <a:gd name="connsiteX39" fmla="*/ 1719263 w 1955007"/>
              <a:gd name="connsiteY39" fmla="*/ 528636 h 566736"/>
              <a:gd name="connsiteX40" fmla="*/ 1809750 w 1955007"/>
              <a:gd name="connsiteY40" fmla="*/ 559593 h 566736"/>
              <a:gd name="connsiteX41" fmla="*/ 1864519 w 1955007"/>
              <a:gd name="connsiteY41" fmla="*/ 566736 h 566736"/>
              <a:gd name="connsiteX42" fmla="*/ 1874044 w 1955007"/>
              <a:gd name="connsiteY42" fmla="*/ 561974 h 566736"/>
              <a:gd name="connsiteX43" fmla="*/ 1928813 w 1955007"/>
              <a:gd name="connsiteY43" fmla="*/ 564355 h 566736"/>
              <a:gd name="connsiteX44" fmla="*/ 1955007 w 1955007"/>
              <a:gd name="connsiteY44"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71513 w 1955007"/>
              <a:gd name="connsiteY14" fmla="*/ 29765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16706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307180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78604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38188 w 1955007"/>
              <a:gd name="connsiteY16" fmla="*/ 252410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2001 w 1955007"/>
              <a:gd name="connsiteY17" fmla="*/ 22859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52476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00100 w 1955007"/>
              <a:gd name="connsiteY18" fmla="*/ 197643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69156 w 1955007"/>
              <a:gd name="connsiteY19" fmla="*/ 138112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80960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9531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38225 w 1955007"/>
              <a:gd name="connsiteY22" fmla="*/ 19049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04900 w 1955007"/>
              <a:gd name="connsiteY25" fmla="*/ 4761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8136 h 566736"/>
              <a:gd name="connsiteX1" fmla="*/ 83344 w 1955007"/>
              <a:gd name="connsiteY1" fmla="*/ 340518 h 566736"/>
              <a:gd name="connsiteX2" fmla="*/ 123825 w 1955007"/>
              <a:gd name="connsiteY2" fmla="*/ 340518 h 566736"/>
              <a:gd name="connsiteX3" fmla="*/ 209550 w 1955007"/>
              <a:gd name="connsiteY3" fmla="*/ 335755 h 566736"/>
              <a:gd name="connsiteX4" fmla="*/ 290513 w 1955007"/>
              <a:gd name="connsiteY4" fmla="*/ 321468 h 566736"/>
              <a:gd name="connsiteX5" fmla="*/ 366713 w 1955007"/>
              <a:gd name="connsiteY5" fmla="*/ 302418 h 566736"/>
              <a:gd name="connsiteX6" fmla="*/ 402432 w 1955007"/>
              <a:gd name="connsiteY6" fmla="*/ 292893 h 566736"/>
              <a:gd name="connsiteX7" fmla="*/ 445294 w 1955007"/>
              <a:gd name="connsiteY7" fmla="*/ 292893 h 566736"/>
              <a:gd name="connsiteX8" fmla="*/ 488157 w 1955007"/>
              <a:gd name="connsiteY8" fmla="*/ 302418 h 566736"/>
              <a:gd name="connsiteX9" fmla="*/ 545307 w 1955007"/>
              <a:gd name="connsiteY9" fmla="*/ 311943 h 566736"/>
              <a:gd name="connsiteX10" fmla="*/ 566738 w 1955007"/>
              <a:gd name="connsiteY10" fmla="*/ 311943 h 566736"/>
              <a:gd name="connsiteX11" fmla="*/ 592932 w 1955007"/>
              <a:gd name="connsiteY11" fmla="*/ 316705 h 566736"/>
              <a:gd name="connsiteX12" fmla="*/ 595313 w 1955007"/>
              <a:gd name="connsiteY12" fmla="*/ 316705 h 566736"/>
              <a:gd name="connsiteX13" fmla="*/ 633412 w 1955007"/>
              <a:gd name="connsiteY13" fmla="*/ 307181 h 566736"/>
              <a:gd name="connsiteX14" fmla="*/ 683419 w 1955007"/>
              <a:gd name="connsiteY14" fmla="*/ 278605 h 566736"/>
              <a:gd name="connsiteX15" fmla="*/ 704850 w 1955007"/>
              <a:gd name="connsiteY15" fmla="*/ 257173 h 566736"/>
              <a:gd name="connsiteX16" fmla="*/ 742951 w 1955007"/>
              <a:gd name="connsiteY16" fmla="*/ 228597 h 566736"/>
              <a:gd name="connsiteX17" fmla="*/ 769144 w 1955007"/>
              <a:gd name="connsiteY17" fmla="*/ 209548 h 566736"/>
              <a:gd name="connsiteX18" fmla="*/ 831056 w 1955007"/>
              <a:gd name="connsiteY18" fmla="*/ 152399 h 566736"/>
              <a:gd name="connsiteX19" fmla="*/ 876299 w 1955007"/>
              <a:gd name="connsiteY19" fmla="*/ 107155 h 566736"/>
              <a:gd name="connsiteX20" fmla="*/ 933450 w 1955007"/>
              <a:gd name="connsiteY20" fmla="*/ 66673 h 566736"/>
              <a:gd name="connsiteX21" fmla="*/ 962026 w 1955007"/>
              <a:gd name="connsiteY21" fmla="*/ 50006 h 566736"/>
              <a:gd name="connsiteX22" fmla="*/ 1009650 w 1955007"/>
              <a:gd name="connsiteY22" fmla="*/ 23812 h 566736"/>
              <a:gd name="connsiteX23" fmla="*/ 1071563 w 1955007"/>
              <a:gd name="connsiteY23" fmla="*/ 9524 h 566736"/>
              <a:gd name="connsiteX24" fmla="*/ 1097757 w 1955007"/>
              <a:gd name="connsiteY24" fmla="*/ 0 h 566736"/>
              <a:gd name="connsiteX25" fmla="*/ 1116807 w 1955007"/>
              <a:gd name="connsiteY25" fmla="*/ 28574 h 566736"/>
              <a:gd name="connsiteX26" fmla="*/ 1138238 w 1955007"/>
              <a:gd name="connsiteY26" fmla="*/ 11905 h 566736"/>
              <a:gd name="connsiteX27" fmla="*/ 1164432 w 1955007"/>
              <a:gd name="connsiteY27" fmla="*/ 45243 h 566736"/>
              <a:gd name="connsiteX28" fmla="*/ 1188244 w 1955007"/>
              <a:gd name="connsiteY28" fmla="*/ 85724 h 566736"/>
              <a:gd name="connsiteX29" fmla="*/ 1209675 w 1955007"/>
              <a:gd name="connsiteY29" fmla="*/ 121443 h 566736"/>
              <a:gd name="connsiteX30" fmla="*/ 1226344 w 1955007"/>
              <a:gd name="connsiteY30" fmla="*/ 147636 h 566736"/>
              <a:gd name="connsiteX31" fmla="*/ 1243013 w 1955007"/>
              <a:gd name="connsiteY31" fmla="*/ 183355 h 566736"/>
              <a:gd name="connsiteX32" fmla="*/ 1273969 w 1955007"/>
              <a:gd name="connsiteY32" fmla="*/ 230980 h 566736"/>
              <a:gd name="connsiteX33" fmla="*/ 1302544 w 1955007"/>
              <a:gd name="connsiteY33" fmla="*/ 278605 h 566736"/>
              <a:gd name="connsiteX34" fmla="*/ 1321594 w 1955007"/>
              <a:gd name="connsiteY34" fmla="*/ 302418 h 566736"/>
              <a:gd name="connsiteX35" fmla="*/ 1350169 w 1955007"/>
              <a:gd name="connsiteY35" fmla="*/ 340518 h 566736"/>
              <a:gd name="connsiteX36" fmla="*/ 1440657 w 1955007"/>
              <a:gd name="connsiteY36" fmla="*/ 426243 h 566736"/>
              <a:gd name="connsiteX37" fmla="*/ 1476375 w 1955007"/>
              <a:gd name="connsiteY37" fmla="*/ 445293 h 566736"/>
              <a:gd name="connsiteX38" fmla="*/ 1554957 w 1955007"/>
              <a:gd name="connsiteY38" fmla="*/ 466724 h 566736"/>
              <a:gd name="connsiteX39" fmla="*/ 1657350 w 1955007"/>
              <a:gd name="connsiteY39" fmla="*/ 514349 h 566736"/>
              <a:gd name="connsiteX40" fmla="*/ 1719263 w 1955007"/>
              <a:gd name="connsiteY40" fmla="*/ 528636 h 566736"/>
              <a:gd name="connsiteX41" fmla="*/ 1809750 w 1955007"/>
              <a:gd name="connsiteY41" fmla="*/ 559593 h 566736"/>
              <a:gd name="connsiteX42" fmla="*/ 1864519 w 1955007"/>
              <a:gd name="connsiteY42" fmla="*/ 566736 h 566736"/>
              <a:gd name="connsiteX43" fmla="*/ 1874044 w 1955007"/>
              <a:gd name="connsiteY43" fmla="*/ 561974 h 566736"/>
              <a:gd name="connsiteX44" fmla="*/ 1928813 w 1955007"/>
              <a:gd name="connsiteY44" fmla="*/ 564355 h 566736"/>
              <a:gd name="connsiteX45" fmla="*/ 1955007 w 1955007"/>
              <a:gd name="connsiteY45" fmla="*/ 566736 h 566736"/>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71563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38238 w 1955007"/>
              <a:gd name="connsiteY26" fmla="*/ 5576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64432 w 1955007"/>
              <a:gd name="connsiteY27" fmla="*/ 38914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88244 w 1955007"/>
              <a:gd name="connsiteY28" fmla="*/ 79395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09675 w 1955007"/>
              <a:gd name="connsiteY29" fmla="*/ 115114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16818 w 1955007"/>
              <a:gd name="connsiteY29" fmla="*/ 127020 h 560407"/>
              <a:gd name="connsiteX30" fmla="*/ 1226344 w 1955007"/>
              <a:gd name="connsiteY30" fmla="*/ 141307 h 560407"/>
              <a:gd name="connsiteX31" fmla="*/ 1243013 w 1955007"/>
              <a:gd name="connsiteY31" fmla="*/ 177026 h 560407"/>
              <a:gd name="connsiteX32" fmla="*/ 1273969 w 1955007"/>
              <a:gd name="connsiteY32" fmla="*/ 224651 h 560407"/>
              <a:gd name="connsiteX33" fmla="*/ 1302544 w 1955007"/>
              <a:gd name="connsiteY33" fmla="*/ 272276 h 560407"/>
              <a:gd name="connsiteX34" fmla="*/ 1321594 w 1955007"/>
              <a:gd name="connsiteY34" fmla="*/ 296089 h 560407"/>
              <a:gd name="connsiteX35" fmla="*/ 1350169 w 1955007"/>
              <a:gd name="connsiteY35" fmla="*/ 334189 h 560407"/>
              <a:gd name="connsiteX36" fmla="*/ 1440657 w 1955007"/>
              <a:gd name="connsiteY36" fmla="*/ 419914 h 560407"/>
              <a:gd name="connsiteX37" fmla="*/ 1476375 w 1955007"/>
              <a:gd name="connsiteY37" fmla="*/ 438964 h 560407"/>
              <a:gd name="connsiteX38" fmla="*/ 1554957 w 1955007"/>
              <a:gd name="connsiteY38" fmla="*/ 460395 h 560407"/>
              <a:gd name="connsiteX39" fmla="*/ 1657350 w 1955007"/>
              <a:gd name="connsiteY39" fmla="*/ 508020 h 560407"/>
              <a:gd name="connsiteX40" fmla="*/ 1719263 w 1955007"/>
              <a:gd name="connsiteY40" fmla="*/ 522307 h 560407"/>
              <a:gd name="connsiteX41" fmla="*/ 1809750 w 1955007"/>
              <a:gd name="connsiteY41" fmla="*/ 553264 h 560407"/>
              <a:gd name="connsiteX42" fmla="*/ 1864519 w 1955007"/>
              <a:gd name="connsiteY42" fmla="*/ 560407 h 560407"/>
              <a:gd name="connsiteX43" fmla="*/ 1874044 w 1955007"/>
              <a:gd name="connsiteY43" fmla="*/ 555645 h 560407"/>
              <a:gd name="connsiteX44" fmla="*/ 1928813 w 1955007"/>
              <a:gd name="connsiteY44" fmla="*/ 558026 h 560407"/>
              <a:gd name="connsiteX45" fmla="*/ 1955007 w 1955007"/>
              <a:gd name="connsiteY45"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6344 w 1955007"/>
              <a:gd name="connsiteY29" fmla="*/ 141307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31807 h 560407"/>
              <a:gd name="connsiteX1" fmla="*/ 83344 w 1955007"/>
              <a:gd name="connsiteY1" fmla="*/ 334189 h 560407"/>
              <a:gd name="connsiteX2" fmla="*/ 123825 w 1955007"/>
              <a:gd name="connsiteY2" fmla="*/ 334189 h 560407"/>
              <a:gd name="connsiteX3" fmla="*/ 209550 w 1955007"/>
              <a:gd name="connsiteY3" fmla="*/ 329426 h 560407"/>
              <a:gd name="connsiteX4" fmla="*/ 290513 w 1955007"/>
              <a:gd name="connsiteY4" fmla="*/ 315139 h 560407"/>
              <a:gd name="connsiteX5" fmla="*/ 366713 w 1955007"/>
              <a:gd name="connsiteY5" fmla="*/ 296089 h 560407"/>
              <a:gd name="connsiteX6" fmla="*/ 402432 w 1955007"/>
              <a:gd name="connsiteY6" fmla="*/ 286564 h 560407"/>
              <a:gd name="connsiteX7" fmla="*/ 445294 w 1955007"/>
              <a:gd name="connsiteY7" fmla="*/ 286564 h 560407"/>
              <a:gd name="connsiteX8" fmla="*/ 488157 w 1955007"/>
              <a:gd name="connsiteY8" fmla="*/ 296089 h 560407"/>
              <a:gd name="connsiteX9" fmla="*/ 545307 w 1955007"/>
              <a:gd name="connsiteY9" fmla="*/ 305614 h 560407"/>
              <a:gd name="connsiteX10" fmla="*/ 566738 w 1955007"/>
              <a:gd name="connsiteY10" fmla="*/ 305614 h 560407"/>
              <a:gd name="connsiteX11" fmla="*/ 592932 w 1955007"/>
              <a:gd name="connsiteY11" fmla="*/ 310376 h 560407"/>
              <a:gd name="connsiteX12" fmla="*/ 595313 w 1955007"/>
              <a:gd name="connsiteY12" fmla="*/ 310376 h 560407"/>
              <a:gd name="connsiteX13" fmla="*/ 633412 w 1955007"/>
              <a:gd name="connsiteY13" fmla="*/ 300852 h 560407"/>
              <a:gd name="connsiteX14" fmla="*/ 683419 w 1955007"/>
              <a:gd name="connsiteY14" fmla="*/ 272276 h 560407"/>
              <a:gd name="connsiteX15" fmla="*/ 704850 w 1955007"/>
              <a:gd name="connsiteY15" fmla="*/ 250844 h 560407"/>
              <a:gd name="connsiteX16" fmla="*/ 742951 w 1955007"/>
              <a:gd name="connsiteY16" fmla="*/ 222268 h 560407"/>
              <a:gd name="connsiteX17" fmla="*/ 769144 w 1955007"/>
              <a:gd name="connsiteY17" fmla="*/ 203219 h 560407"/>
              <a:gd name="connsiteX18" fmla="*/ 831056 w 1955007"/>
              <a:gd name="connsiteY18" fmla="*/ 146070 h 560407"/>
              <a:gd name="connsiteX19" fmla="*/ 876299 w 1955007"/>
              <a:gd name="connsiteY19" fmla="*/ 100826 h 560407"/>
              <a:gd name="connsiteX20" fmla="*/ 933450 w 1955007"/>
              <a:gd name="connsiteY20" fmla="*/ 60344 h 560407"/>
              <a:gd name="connsiteX21" fmla="*/ 962026 w 1955007"/>
              <a:gd name="connsiteY21" fmla="*/ 43677 h 560407"/>
              <a:gd name="connsiteX22" fmla="*/ 1009650 w 1955007"/>
              <a:gd name="connsiteY22" fmla="*/ 17483 h 560407"/>
              <a:gd name="connsiteX23" fmla="*/ 1057276 w 1955007"/>
              <a:gd name="connsiteY23" fmla="*/ 3195 h 560407"/>
              <a:gd name="connsiteX24" fmla="*/ 1090613 w 1955007"/>
              <a:gd name="connsiteY24" fmla="*/ 7958 h 560407"/>
              <a:gd name="connsiteX25" fmla="*/ 1116807 w 1955007"/>
              <a:gd name="connsiteY25" fmla="*/ 22245 h 560407"/>
              <a:gd name="connsiteX26" fmla="*/ 1140619 w 1955007"/>
              <a:gd name="connsiteY26" fmla="*/ 46057 h 560407"/>
              <a:gd name="connsiteX27" fmla="*/ 1173957 w 1955007"/>
              <a:gd name="connsiteY27" fmla="*/ 84158 h 560407"/>
              <a:gd name="connsiteX28" fmla="*/ 1195387 w 1955007"/>
              <a:gd name="connsiteY28" fmla="*/ 112733 h 560407"/>
              <a:gd name="connsiteX29" fmla="*/ 1223963 w 1955007"/>
              <a:gd name="connsiteY29" fmla="*/ 148451 h 560407"/>
              <a:gd name="connsiteX30" fmla="*/ 1243013 w 1955007"/>
              <a:gd name="connsiteY30" fmla="*/ 177026 h 560407"/>
              <a:gd name="connsiteX31" fmla="*/ 1273969 w 1955007"/>
              <a:gd name="connsiteY31" fmla="*/ 224651 h 560407"/>
              <a:gd name="connsiteX32" fmla="*/ 1302544 w 1955007"/>
              <a:gd name="connsiteY32" fmla="*/ 272276 h 560407"/>
              <a:gd name="connsiteX33" fmla="*/ 1321594 w 1955007"/>
              <a:gd name="connsiteY33" fmla="*/ 296089 h 560407"/>
              <a:gd name="connsiteX34" fmla="*/ 1350169 w 1955007"/>
              <a:gd name="connsiteY34" fmla="*/ 334189 h 560407"/>
              <a:gd name="connsiteX35" fmla="*/ 1440657 w 1955007"/>
              <a:gd name="connsiteY35" fmla="*/ 419914 h 560407"/>
              <a:gd name="connsiteX36" fmla="*/ 1476375 w 1955007"/>
              <a:gd name="connsiteY36" fmla="*/ 438964 h 560407"/>
              <a:gd name="connsiteX37" fmla="*/ 1554957 w 1955007"/>
              <a:gd name="connsiteY37" fmla="*/ 460395 h 560407"/>
              <a:gd name="connsiteX38" fmla="*/ 1657350 w 1955007"/>
              <a:gd name="connsiteY38" fmla="*/ 508020 h 560407"/>
              <a:gd name="connsiteX39" fmla="*/ 1719263 w 1955007"/>
              <a:gd name="connsiteY39" fmla="*/ 522307 h 560407"/>
              <a:gd name="connsiteX40" fmla="*/ 1809750 w 1955007"/>
              <a:gd name="connsiteY40" fmla="*/ 553264 h 560407"/>
              <a:gd name="connsiteX41" fmla="*/ 1864519 w 1955007"/>
              <a:gd name="connsiteY41" fmla="*/ 560407 h 560407"/>
              <a:gd name="connsiteX42" fmla="*/ 1874044 w 1955007"/>
              <a:gd name="connsiteY42" fmla="*/ 555645 h 560407"/>
              <a:gd name="connsiteX43" fmla="*/ 1928813 w 1955007"/>
              <a:gd name="connsiteY43" fmla="*/ 558026 h 560407"/>
              <a:gd name="connsiteX44" fmla="*/ 1955007 w 1955007"/>
              <a:gd name="connsiteY44" fmla="*/ 560407 h 560407"/>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9650 w 1955007"/>
              <a:gd name="connsiteY22" fmla="*/ 9525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23849 h 552449"/>
              <a:gd name="connsiteX1" fmla="*/ 83344 w 1955007"/>
              <a:gd name="connsiteY1" fmla="*/ 326231 h 552449"/>
              <a:gd name="connsiteX2" fmla="*/ 123825 w 1955007"/>
              <a:gd name="connsiteY2" fmla="*/ 326231 h 552449"/>
              <a:gd name="connsiteX3" fmla="*/ 209550 w 1955007"/>
              <a:gd name="connsiteY3" fmla="*/ 321468 h 552449"/>
              <a:gd name="connsiteX4" fmla="*/ 290513 w 1955007"/>
              <a:gd name="connsiteY4" fmla="*/ 307181 h 552449"/>
              <a:gd name="connsiteX5" fmla="*/ 366713 w 1955007"/>
              <a:gd name="connsiteY5" fmla="*/ 288131 h 552449"/>
              <a:gd name="connsiteX6" fmla="*/ 402432 w 1955007"/>
              <a:gd name="connsiteY6" fmla="*/ 278606 h 552449"/>
              <a:gd name="connsiteX7" fmla="*/ 445294 w 1955007"/>
              <a:gd name="connsiteY7" fmla="*/ 278606 h 552449"/>
              <a:gd name="connsiteX8" fmla="*/ 488157 w 1955007"/>
              <a:gd name="connsiteY8" fmla="*/ 288131 h 552449"/>
              <a:gd name="connsiteX9" fmla="*/ 545307 w 1955007"/>
              <a:gd name="connsiteY9" fmla="*/ 297656 h 552449"/>
              <a:gd name="connsiteX10" fmla="*/ 566738 w 1955007"/>
              <a:gd name="connsiteY10" fmla="*/ 297656 h 552449"/>
              <a:gd name="connsiteX11" fmla="*/ 592932 w 1955007"/>
              <a:gd name="connsiteY11" fmla="*/ 302418 h 552449"/>
              <a:gd name="connsiteX12" fmla="*/ 595313 w 1955007"/>
              <a:gd name="connsiteY12" fmla="*/ 302418 h 552449"/>
              <a:gd name="connsiteX13" fmla="*/ 633412 w 1955007"/>
              <a:gd name="connsiteY13" fmla="*/ 292894 h 552449"/>
              <a:gd name="connsiteX14" fmla="*/ 683419 w 1955007"/>
              <a:gd name="connsiteY14" fmla="*/ 264318 h 552449"/>
              <a:gd name="connsiteX15" fmla="*/ 704850 w 1955007"/>
              <a:gd name="connsiteY15" fmla="*/ 242886 h 552449"/>
              <a:gd name="connsiteX16" fmla="*/ 742951 w 1955007"/>
              <a:gd name="connsiteY16" fmla="*/ 214310 h 552449"/>
              <a:gd name="connsiteX17" fmla="*/ 769144 w 1955007"/>
              <a:gd name="connsiteY17" fmla="*/ 195261 h 552449"/>
              <a:gd name="connsiteX18" fmla="*/ 831056 w 1955007"/>
              <a:gd name="connsiteY18" fmla="*/ 138112 h 552449"/>
              <a:gd name="connsiteX19" fmla="*/ 876299 w 1955007"/>
              <a:gd name="connsiteY19" fmla="*/ 92868 h 552449"/>
              <a:gd name="connsiteX20" fmla="*/ 933450 w 1955007"/>
              <a:gd name="connsiteY20" fmla="*/ 52386 h 552449"/>
              <a:gd name="connsiteX21" fmla="*/ 962026 w 1955007"/>
              <a:gd name="connsiteY21" fmla="*/ 35719 h 552449"/>
              <a:gd name="connsiteX22" fmla="*/ 1004888 w 1955007"/>
              <a:gd name="connsiteY22" fmla="*/ 21431 h 552449"/>
              <a:gd name="connsiteX23" fmla="*/ 1057276 w 1955007"/>
              <a:gd name="connsiteY23" fmla="*/ 9525 h 552449"/>
              <a:gd name="connsiteX24" fmla="*/ 1090613 w 1955007"/>
              <a:gd name="connsiteY24" fmla="*/ 0 h 552449"/>
              <a:gd name="connsiteX25" fmla="*/ 1116807 w 1955007"/>
              <a:gd name="connsiteY25" fmla="*/ 14287 h 552449"/>
              <a:gd name="connsiteX26" fmla="*/ 1140619 w 1955007"/>
              <a:gd name="connsiteY26" fmla="*/ 38099 h 552449"/>
              <a:gd name="connsiteX27" fmla="*/ 1173957 w 1955007"/>
              <a:gd name="connsiteY27" fmla="*/ 76200 h 552449"/>
              <a:gd name="connsiteX28" fmla="*/ 1195387 w 1955007"/>
              <a:gd name="connsiteY28" fmla="*/ 104775 h 552449"/>
              <a:gd name="connsiteX29" fmla="*/ 1223963 w 1955007"/>
              <a:gd name="connsiteY29" fmla="*/ 140493 h 552449"/>
              <a:gd name="connsiteX30" fmla="*/ 1243013 w 1955007"/>
              <a:gd name="connsiteY30" fmla="*/ 169068 h 552449"/>
              <a:gd name="connsiteX31" fmla="*/ 1273969 w 1955007"/>
              <a:gd name="connsiteY31" fmla="*/ 216693 h 552449"/>
              <a:gd name="connsiteX32" fmla="*/ 1302544 w 1955007"/>
              <a:gd name="connsiteY32" fmla="*/ 264318 h 552449"/>
              <a:gd name="connsiteX33" fmla="*/ 1321594 w 1955007"/>
              <a:gd name="connsiteY33" fmla="*/ 288131 h 552449"/>
              <a:gd name="connsiteX34" fmla="*/ 1350169 w 1955007"/>
              <a:gd name="connsiteY34" fmla="*/ 326231 h 552449"/>
              <a:gd name="connsiteX35" fmla="*/ 1440657 w 1955007"/>
              <a:gd name="connsiteY35" fmla="*/ 411956 h 552449"/>
              <a:gd name="connsiteX36" fmla="*/ 1476375 w 1955007"/>
              <a:gd name="connsiteY36" fmla="*/ 431006 h 552449"/>
              <a:gd name="connsiteX37" fmla="*/ 1554957 w 1955007"/>
              <a:gd name="connsiteY37" fmla="*/ 452437 h 552449"/>
              <a:gd name="connsiteX38" fmla="*/ 1657350 w 1955007"/>
              <a:gd name="connsiteY38" fmla="*/ 500062 h 552449"/>
              <a:gd name="connsiteX39" fmla="*/ 1719263 w 1955007"/>
              <a:gd name="connsiteY39" fmla="*/ 514349 h 552449"/>
              <a:gd name="connsiteX40" fmla="*/ 1809750 w 1955007"/>
              <a:gd name="connsiteY40" fmla="*/ 545306 h 552449"/>
              <a:gd name="connsiteX41" fmla="*/ 1864519 w 1955007"/>
              <a:gd name="connsiteY41" fmla="*/ 552449 h 552449"/>
              <a:gd name="connsiteX42" fmla="*/ 1874044 w 1955007"/>
              <a:gd name="connsiteY42" fmla="*/ 547687 h 552449"/>
              <a:gd name="connsiteX43" fmla="*/ 1928813 w 1955007"/>
              <a:gd name="connsiteY43" fmla="*/ 550068 h 552449"/>
              <a:gd name="connsiteX44" fmla="*/ 1955007 w 1955007"/>
              <a:gd name="connsiteY44" fmla="*/ 552449 h 552449"/>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6807 w 1955007"/>
              <a:gd name="connsiteY25" fmla="*/ 7073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40619 w 1955007"/>
              <a:gd name="connsiteY26" fmla="*/ 30885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73957 w 1955007"/>
              <a:gd name="connsiteY27" fmla="*/ 68986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195387 w 1955007"/>
              <a:gd name="connsiteY28" fmla="*/ 97561 h 545235"/>
              <a:gd name="connsiteX29" fmla="*/ 1223963 w 1955007"/>
              <a:gd name="connsiteY29" fmla="*/ 133279 h 545235"/>
              <a:gd name="connsiteX30" fmla="*/ 1243013 w 1955007"/>
              <a:gd name="connsiteY30" fmla="*/ 161854 h 545235"/>
              <a:gd name="connsiteX31" fmla="*/ 1273969 w 1955007"/>
              <a:gd name="connsiteY31" fmla="*/ 209479 h 545235"/>
              <a:gd name="connsiteX32" fmla="*/ 1302544 w 1955007"/>
              <a:gd name="connsiteY32" fmla="*/ 257104 h 545235"/>
              <a:gd name="connsiteX33" fmla="*/ 1321594 w 1955007"/>
              <a:gd name="connsiteY33" fmla="*/ 280917 h 545235"/>
              <a:gd name="connsiteX34" fmla="*/ 1350169 w 1955007"/>
              <a:gd name="connsiteY34" fmla="*/ 319017 h 545235"/>
              <a:gd name="connsiteX35" fmla="*/ 1440657 w 1955007"/>
              <a:gd name="connsiteY35" fmla="*/ 404742 h 545235"/>
              <a:gd name="connsiteX36" fmla="*/ 1476375 w 1955007"/>
              <a:gd name="connsiteY36" fmla="*/ 423792 h 545235"/>
              <a:gd name="connsiteX37" fmla="*/ 1554957 w 1955007"/>
              <a:gd name="connsiteY37" fmla="*/ 445223 h 545235"/>
              <a:gd name="connsiteX38" fmla="*/ 1657350 w 1955007"/>
              <a:gd name="connsiteY38" fmla="*/ 492848 h 545235"/>
              <a:gd name="connsiteX39" fmla="*/ 1719263 w 1955007"/>
              <a:gd name="connsiteY39" fmla="*/ 507135 h 545235"/>
              <a:gd name="connsiteX40" fmla="*/ 1809750 w 1955007"/>
              <a:gd name="connsiteY40" fmla="*/ 538092 h 545235"/>
              <a:gd name="connsiteX41" fmla="*/ 1864519 w 1955007"/>
              <a:gd name="connsiteY41" fmla="*/ 545235 h 545235"/>
              <a:gd name="connsiteX42" fmla="*/ 1874044 w 1955007"/>
              <a:gd name="connsiteY42" fmla="*/ 540473 h 545235"/>
              <a:gd name="connsiteX43" fmla="*/ 1928813 w 1955007"/>
              <a:gd name="connsiteY43" fmla="*/ 542854 h 545235"/>
              <a:gd name="connsiteX44" fmla="*/ 1955007 w 1955007"/>
              <a:gd name="connsiteY44" fmla="*/ 545235 h 545235"/>
              <a:gd name="connsiteX0" fmla="*/ 0 w 1955007"/>
              <a:gd name="connsiteY0" fmla="*/ 316635 h 545235"/>
              <a:gd name="connsiteX1" fmla="*/ 83344 w 1955007"/>
              <a:gd name="connsiteY1" fmla="*/ 319017 h 545235"/>
              <a:gd name="connsiteX2" fmla="*/ 123825 w 1955007"/>
              <a:gd name="connsiteY2" fmla="*/ 319017 h 545235"/>
              <a:gd name="connsiteX3" fmla="*/ 209550 w 1955007"/>
              <a:gd name="connsiteY3" fmla="*/ 314254 h 545235"/>
              <a:gd name="connsiteX4" fmla="*/ 290513 w 1955007"/>
              <a:gd name="connsiteY4" fmla="*/ 299967 h 545235"/>
              <a:gd name="connsiteX5" fmla="*/ 366713 w 1955007"/>
              <a:gd name="connsiteY5" fmla="*/ 280917 h 545235"/>
              <a:gd name="connsiteX6" fmla="*/ 402432 w 1955007"/>
              <a:gd name="connsiteY6" fmla="*/ 271392 h 545235"/>
              <a:gd name="connsiteX7" fmla="*/ 445294 w 1955007"/>
              <a:gd name="connsiteY7" fmla="*/ 271392 h 545235"/>
              <a:gd name="connsiteX8" fmla="*/ 488157 w 1955007"/>
              <a:gd name="connsiteY8" fmla="*/ 280917 h 545235"/>
              <a:gd name="connsiteX9" fmla="*/ 545307 w 1955007"/>
              <a:gd name="connsiteY9" fmla="*/ 290442 h 545235"/>
              <a:gd name="connsiteX10" fmla="*/ 566738 w 1955007"/>
              <a:gd name="connsiteY10" fmla="*/ 290442 h 545235"/>
              <a:gd name="connsiteX11" fmla="*/ 592932 w 1955007"/>
              <a:gd name="connsiteY11" fmla="*/ 295204 h 545235"/>
              <a:gd name="connsiteX12" fmla="*/ 595313 w 1955007"/>
              <a:gd name="connsiteY12" fmla="*/ 295204 h 545235"/>
              <a:gd name="connsiteX13" fmla="*/ 633412 w 1955007"/>
              <a:gd name="connsiteY13" fmla="*/ 285680 h 545235"/>
              <a:gd name="connsiteX14" fmla="*/ 683419 w 1955007"/>
              <a:gd name="connsiteY14" fmla="*/ 257104 h 545235"/>
              <a:gd name="connsiteX15" fmla="*/ 704850 w 1955007"/>
              <a:gd name="connsiteY15" fmla="*/ 235672 h 545235"/>
              <a:gd name="connsiteX16" fmla="*/ 742951 w 1955007"/>
              <a:gd name="connsiteY16" fmla="*/ 207096 h 545235"/>
              <a:gd name="connsiteX17" fmla="*/ 769144 w 1955007"/>
              <a:gd name="connsiteY17" fmla="*/ 188047 h 545235"/>
              <a:gd name="connsiteX18" fmla="*/ 831056 w 1955007"/>
              <a:gd name="connsiteY18" fmla="*/ 130898 h 545235"/>
              <a:gd name="connsiteX19" fmla="*/ 876299 w 1955007"/>
              <a:gd name="connsiteY19" fmla="*/ 85654 h 545235"/>
              <a:gd name="connsiteX20" fmla="*/ 933450 w 1955007"/>
              <a:gd name="connsiteY20" fmla="*/ 45172 h 545235"/>
              <a:gd name="connsiteX21" fmla="*/ 962026 w 1955007"/>
              <a:gd name="connsiteY21" fmla="*/ 28505 h 545235"/>
              <a:gd name="connsiteX22" fmla="*/ 1004888 w 1955007"/>
              <a:gd name="connsiteY22" fmla="*/ 14217 h 545235"/>
              <a:gd name="connsiteX23" fmla="*/ 1057276 w 1955007"/>
              <a:gd name="connsiteY23" fmla="*/ 2311 h 545235"/>
              <a:gd name="connsiteX24" fmla="*/ 1095375 w 1955007"/>
              <a:gd name="connsiteY24" fmla="*/ 16598 h 545235"/>
              <a:gd name="connsiteX25" fmla="*/ 1119188 w 1955007"/>
              <a:gd name="connsiteY25" fmla="*/ 30886 h 545235"/>
              <a:gd name="connsiteX26" fmla="*/ 1150144 w 1955007"/>
              <a:gd name="connsiteY26" fmla="*/ 64222 h 545235"/>
              <a:gd name="connsiteX27" fmla="*/ 1190625 w 1955007"/>
              <a:gd name="connsiteY27" fmla="*/ 102324 h 545235"/>
              <a:gd name="connsiteX28" fmla="*/ 1223963 w 1955007"/>
              <a:gd name="connsiteY28" fmla="*/ 133279 h 545235"/>
              <a:gd name="connsiteX29" fmla="*/ 1243013 w 1955007"/>
              <a:gd name="connsiteY29" fmla="*/ 161854 h 545235"/>
              <a:gd name="connsiteX30" fmla="*/ 1273969 w 1955007"/>
              <a:gd name="connsiteY30" fmla="*/ 209479 h 545235"/>
              <a:gd name="connsiteX31" fmla="*/ 1302544 w 1955007"/>
              <a:gd name="connsiteY31" fmla="*/ 257104 h 545235"/>
              <a:gd name="connsiteX32" fmla="*/ 1321594 w 1955007"/>
              <a:gd name="connsiteY32" fmla="*/ 280917 h 545235"/>
              <a:gd name="connsiteX33" fmla="*/ 1350169 w 1955007"/>
              <a:gd name="connsiteY33" fmla="*/ 319017 h 545235"/>
              <a:gd name="connsiteX34" fmla="*/ 1440657 w 1955007"/>
              <a:gd name="connsiteY34" fmla="*/ 404742 h 545235"/>
              <a:gd name="connsiteX35" fmla="*/ 1476375 w 1955007"/>
              <a:gd name="connsiteY35" fmla="*/ 423792 h 545235"/>
              <a:gd name="connsiteX36" fmla="*/ 1554957 w 1955007"/>
              <a:gd name="connsiteY36" fmla="*/ 445223 h 545235"/>
              <a:gd name="connsiteX37" fmla="*/ 1657350 w 1955007"/>
              <a:gd name="connsiteY37" fmla="*/ 492848 h 545235"/>
              <a:gd name="connsiteX38" fmla="*/ 1719263 w 1955007"/>
              <a:gd name="connsiteY38" fmla="*/ 507135 h 545235"/>
              <a:gd name="connsiteX39" fmla="*/ 1809750 w 1955007"/>
              <a:gd name="connsiteY39" fmla="*/ 538092 h 545235"/>
              <a:gd name="connsiteX40" fmla="*/ 1864519 w 1955007"/>
              <a:gd name="connsiteY40" fmla="*/ 545235 h 545235"/>
              <a:gd name="connsiteX41" fmla="*/ 1874044 w 1955007"/>
              <a:gd name="connsiteY41" fmla="*/ 540473 h 545235"/>
              <a:gd name="connsiteX42" fmla="*/ 1928813 w 1955007"/>
              <a:gd name="connsiteY42" fmla="*/ 542854 h 545235"/>
              <a:gd name="connsiteX43" fmla="*/ 1955007 w 1955007"/>
              <a:gd name="connsiteY43" fmla="*/ 545235 h 545235"/>
              <a:gd name="connsiteX0" fmla="*/ 0 w 1955007"/>
              <a:gd name="connsiteY0" fmla="*/ 307995 h 536595"/>
              <a:gd name="connsiteX1" fmla="*/ 83344 w 1955007"/>
              <a:gd name="connsiteY1" fmla="*/ 310377 h 536595"/>
              <a:gd name="connsiteX2" fmla="*/ 123825 w 1955007"/>
              <a:gd name="connsiteY2" fmla="*/ 310377 h 536595"/>
              <a:gd name="connsiteX3" fmla="*/ 209550 w 1955007"/>
              <a:gd name="connsiteY3" fmla="*/ 305614 h 536595"/>
              <a:gd name="connsiteX4" fmla="*/ 290513 w 1955007"/>
              <a:gd name="connsiteY4" fmla="*/ 291327 h 536595"/>
              <a:gd name="connsiteX5" fmla="*/ 366713 w 1955007"/>
              <a:gd name="connsiteY5" fmla="*/ 272277 h 536595"/>
              <a:gd name="connsiteX6" fmla="*/ 402432 w 1955007"/>
              <a:gd name="connsiteY6" fmla="*/ 262752 h 536595"/>
              <a:gd name="connsiteX7" fmla="*/ 445294 w 1955007"/>
              <a:gd name="connsiteY7" fmla="*/ 262752 h 536595"/>
              <a:gd name="connsiteX8" fmla="*/ 488157 w 1955007"/>
              <a:gd name="connsiteY8" fmla="*/ 272277 h 536595"/>
              <a:gd name="connsiteX9" fmla="*/ 545307 w 1955007"/>
              <a:gd name="connsiteY9" fmla="*/ 281802 h 536595"/>
              <a:gd name="connsiteX10" fmla="*/ 566738 w 1955007"/>
              <a:gd name="connsiteY10" fmla="*/ 281802 h 536595"/>
              <a:gd name="connsiteX11" fmla="*/ 592932 w 1955007"/>
              <a:gd name="connsiteY11" fmla="*/ 286564 h 536595"/>
              <a:gd name="connsiteX12" fmla="*/ 595313 w 1955007"/>
              <a:gd name="connsiteY12" fmla="*/ 286564 h 536595"/>
              <a:gd name="connsiteX13" fmla="*/ 633412 w 1955007"/>
              <a:gd name="connsiteY13" fmla="*/ 277040 h 536595"/>
              <a:gd name="connsiteX14" fmla="*/ 683419 w 1955007"/>
              <a:gd name="connsiteY14" fmla="*/ 248464 h 536595"/>
              <a:gd name="connsiteX15" fmla="*/ 704850 w 1955007"/>
              <a:gd name="connsiteY15" fmla="*/ 227032 h 536595"/>
              <a:gd name="connsiteX16" fmla="*/ 742951 w 1955007"/>
              <a:gd name="connsiteY16" fmla="*/ 198456 h 536595"/>
              <a:gd name="connsiteX17" fmla="*/ 769144 w 1955007"/>
              <a:gd name="connsiteY17" fmla="*/ 179407 h 536595"/>
              <a:gd name="connsiteX18" fmla="*/ 831056 w 1955007"/>
              <a:gd name="connsiteY18" fmla="*/ 122258 h 536595"/>
              <a:gd name="connsiteX19" fmla="*/ 876299 w 1955007"/>
              <a:gd name="connsiteY19" fmla="*/ 77014 h 536595"/>
              <a:gd name="connsiteX20" fmla="*/ 933450 w 1955007"/>
              <a:gd name="connsiteY20" fmla="*/ 36532 h 536595"/>
              <a:gd name="connsiteX21" fmla="*/ 962026 w 1955007"/>
              <a:gd name="connsiteY21" fmla="*/ 19865 h 536595"/>
              <a:gd name="connsiteX22" fmla="*/ 1004888 w 1955007"/>
              <a:gd name="connsiteY22" fmla="*/ 5577 h 536595"/>
              <a:gd name="connsiteX23" fmla="*/ 1057276 w 1955007"/>
              <a:gd name="connsiteY23" fmla="*/ 3196 h 536595"/>
              <a:gd name="connsiteX24" fmla="*/ 1095375 w 1955007"/>
              <a:gd name="connsiteY24" fmla="*/ 7958 h 536595"/>
              <a:gd name="connsiteX25" fmla="*/ 1119188 w 1955007"/>
              <a:gd name="connsiteY25" fmla="*/ 22246 h 536595"/>
              <a:gd name="connsiteX26" fmla="*/ 1150144 w 1955007"/>
              <a:gd name="connsiteY26" fmla="*/ 55582 h 536595"/>
              <a:gd name="connsiteX27" fmla="*/ 1190625 w 1955007"/>
              <a:gd name="connsiteY27" fmla="*/ 93684 h 536595"/>
              <a:gd name="connsiteX28" fmla="*/ 1223963 w 1955007"/>
              <a:gd name="connsiteY28" fmla="*/ 124639 h 536595"/>
              <a:gd name="connsiteX29" fmla="*/ 1243013 w 1955007"/>
              <a:gd name="connsiteY29" fmla="*/ 153214 h 536595"/>
              <a:gd name="connsiteX30" fmla="*/ 1273969 w 1955007"/>
              <a:gd name="connsiteY30" fmla="*/ 200839 h 536595"/>
              <a:gd name="connsiteX31" fmla="*/ 1302544 w 1955007"/>
              <a:gd name="connsiteY31" fmla="*/ 248464 h 536595"/>
              <a:gd name="connsiteX32" fmla="*/ 1321594 w 1955007"/>
              <a:gd name="connsiteY32" fmla="*/ 272277 h 536595"/>
              <a:gd name="connsiteX33" fmla="*/ 1350169 w 1955007"/>
              <a:gd name="connsiteY33" fmla="*/ 310377 h 536595"/>
              <a:gd name="connsiteX34" fmla="*/ 1440657 w 1955007"/>
              <a:gd name="connsiteY34" fmla="*/ 396102 h 536595"/>
              <a:gd name="connsiteX35" fmla="*/ 1476375 w 1955007"/>
              <a:gd name="connsiteY35" fmla="*/ 415152 h 536595"/>
              <a:gd name="connsiteX36" fmla="*/ 1554957 w 1955007"/>
              <a:gd name="connsiteY36" fmla="*/ 436583 h 536595"/>
              <a:gd name="connsiteX37" fmla="*/ 1657350 w 1955007"/>
              <a:gd name="connsiteY37" fmla="*/ 484208 h 536595"/>
              <a:gd name="connsiteX38" fmla="*/ 1719263 w 1955007"/>
              <a:gd name="connsiteY38" fmla="*/ 498495 h 536595"/>
              <a:gd name="connsiteX39" fmla="*/ 1809750 w 1955007"/>
              <a:gd name="connsiteY39" fmla="*/ 529452 h 536595"/>
              <a:gd name="connsiteX40" fmla="*/ 1864519 w 1955007"/>
              <a:gd name="connsiteY40" fmla="*/ 536595 h 536595"/>
              <a:gd name="connsiteX41" fmla="*/ 1874044 w 1955007"/>
              <a:gd name="connsiteY41" fmla="*/ 531833 h 536595"/>
              <a:gd name="connsiteX42" fmla="*/ 1928813 w 1955007"/>
              <a:gd name="connsiteY42" fmla="*/ 534214 h 536595"/>
              <a:gd name="connsiteX43" fmla="*/ 1955007 w 1955007"/>
              <a:gd name="connsiteY43" fmla="*/ 536595 h 536595"/>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19188 w 1955007"/>
              <a:gd name="connsiteY25" fmla="*/ 21361 h 535710"/>
              <a:gd name="connsiteX26" fmla="*/ 1150144 w 1955007"/>
              <a:gd name="connsiteY26" fmla="*/ 54697 h 535710"/>
              <a:gd name="connsiteX27" fmla="*/ 1190625 w 1955007"/>
              <a:gd name="connsiteY27" fmla="*/ 92799 h 535710"/>
              <a:gd name="connsiteX28" fmla="*/ 1223963 w 1955007"/>
              <a:gd name="connsiteY28" fmla="*/ 123754 h 535710"/>
              <a:gd name="connsiteX29" fmla="*/ 1243013 w 1955007"/>
              <a:gd name="connsiteY29" fmla="*/ 152329 h 535710"/>
              <a:gd name="connsiteX30" fmla="*/ 1273969 w 1955007"/>
              <a:gd name="connsiteY30" fmla="*/ 199954 h 535710"/>
              <a:gd name="connsiteX31" fmla="*/ 1302544 w 1955007"/>
              <a:gd name="connsiteY31" fmla="*/ 247579 h 535710"/>
              <a:gd name="connsiteX32" fmla="*/ 1321594 w 1955007"/>
              <a:gd name="connsiteY32" fmla="*/ 271392 h 535710"/>
              <a:gd name="connsiteX33" fmla="*/ 1350169 w 1955007"/>
              <a:gd name="connsiteY33" fmla="*/ 309492 h 535710"/>
              <a:gd name="connsiteX34" fmla="*/ 1440657 w 1955007"/>
              <a:gd name="connsiteY34" fmla="*/ 395217 h 535710"/>
              <a:gd name="connsiteX35" fmla="*/ 1476375 w 1955007"/>
              <a:gd name="connsiteY35" fmla="*/ 414267 h 535710"/>
              <a:gd name="connsiteX36" fmla="*/ 1554957 w 1955007"/>
              <a:gd name="connsiteY36" fmla="*/ 435698 h 535710"/>
              <a:gd name="connsiteX37" fmla="*/ 1657350 w 1955007"/>
              <a:gd name="connsiteY37" fmla="*/ 483323 h 535710"/>
              <a:gd name="connsiteX38" fmla="*/ 1719263 w 1955007"/>
              <a:gd name="connsiteY38" fmla="*/ 497610 h 535710"/>
              <a:gd name="connsiteX39" fmla="*/ 1809750 w 1955007"/>
              <a:gd name="connsiteY39" fmla="*/ 528567 h 535710"/>
              <a:gd name="connsiteX40" fmla="*/ 1864519 w 1955007"/>
              <a:gd name="connsiteY40" fmla="*/ 535710 h 535710"/>
              <a:gd name="connsiteX41" fmla="*/ 1874044 w 1955007"/>
              <a:gd name="connsiteY41" fmla="*/ 530948 h 535710"/>
              <a:gd name="connsiteX42" fmla="*/ 1928813 w 1955007"/>
              <a:gd name="connsiteY42" fmla="*/ 533329 h 535710"/>
              <a:gd name="connsiteX43" fmla="*/ 1955007 w 1955007"/>
              <a:gd name="connsiteY43"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0144 w 1955007"/>
              <a:gd name="connsiteY25" fmla="*/ 54697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7110 h 535710"/>
              <a:gd name="connsiteX1" fmla="*/ 83344 w 1955007"/>
              <a:gd name="connsiteY1" fmla="*/ 309492 h 535710"/>
              <a:gd name="connsiteX2" fmla="*/ 123825 w 1955007"/>
              <a:gd name="connsiteY2" fmla="*/ 309492 h 535710"/>
              <a:gd name="connsiteX3" fmla="*/ 209550 w 1955007"/>
              <a:gd name="connsiteY3" fmla="*/ 304729 h 535710"/>
              <a:gd name="connsiteX4" fmla="*/ 290513 w 1955007"/>
              <a:gd name="connsiteY4" fmla="*/ 290442 h 535710"/>
              <a:gd name="connsiteX5" fmla="*/ 366713 w 1955007"/>
              <a:gd name="connsiteY5" fmla="*/ 271392 h 535710"/>
              <a:gd name="connsiteX6" fmla="*/ 402432 w 1955007"/>
              <a:gd name="connsiteY6" fmla="*/ 261867 h 535710"/>
              <a:gd name="connsiteX7" fmla="*/ 445294 w 1955007"/>
              <a:gd name="connsiteY7" fmla="*/ 261867 h 535710"/>
              <a:gd name="connsiteX8" fmla="*/ 488157 w 1955007"/>
              <a:gd name="connsiteY8" fmla="*/ 271392 h 535710"/>
              <a:gd name="connsiteX9" fmla="*/ 545307 w 1955007"/>
              <a:gd name="connsiteY9" fmla="*/ 280917 h 535710"/>
              <a:gd name="connsiteX10" fmla="*/ 566738 w 1955007"/>
              <a:gd name="connsiteY10" fmla="*/ 280917 h 535710"/>
              <a:gd name="connsiteX11" fmla="*/ 592932 w 1955007"/>
              <a:gd name="connsiteY11" fmla="*/ 285679 h 535710"/>
              <a:gd name="connsiteX12" fmla="*/ 595313 w 1955007"/>
              <a:gd name="connsiteY12" fmla="*/ 285679 h 535710"/>
              <a:gd name="connsiteX13" fmla="*/ 633412 w 1955007"/>
              <a:gd name="connsiteY13" fmla="*/ 276155 h 535710"/>
              <a:gd name="connsiteX14" fmla="*/ 683419 w 1955007"/>
              <a:gd name="connsiteY14" fmla="*/ 247579 h 535710"/>
              <a:gd name="connsiteX15" fmla="*/ 704850 w 1955007"/>
              <a:gd name="connsiteY15" fmla="*/ 226147 h 535710"/>
              <a:gd name="connsiteX16" fmla="*/ 742951 w 1955007"/>
              <a:gd name="connsiteY16" fmla="*/ 197571 h 535710"/>
              <a:gd name="connsiteX17" fmla="*/ 769144 w 1955007"/>
              <a:gd name="connsiteY17" fmla="*/ 178522 h 535710"/>
              <a:gd name="connsiteX18" fmla="*/ 831056 w 1955007"/>
              <a:gd name="connsiteY18" fmla="*/ 121373 h 535710"/>
              <a:gd name="connsiteX19" fmla="*/ 876299 w 1955007"/>
              <a:gd name="connsiteY19" fmla="*/ 76129 h 535710"/>
              <a:gd name="connsiteX20" fmla="*/ 933450 w 1955007"/>
              <a:gd name="connsiteY20" fmla="*/ 35647 h 535710"/>
              <a:gd name="connsiteX21" fmla="*/ 962026 w 1955007"/>
              <a:gd name="connsiteY21" fmla="*/ 18980 h 535710"/>
              <a:gd name="connsiteX22" fmla="*/ 1004888 w 1955007"/>
              <a:gd name="connsiteY22" fmla="*/ 4692 h 535710"/>
              <a:gd name="connsiteX23" fmla="*/ 1057276 w 1955007"/>
              <a:gd name="connsiteY23" fmla="*/ 2311 h 535710"/>
              <a:gd name="connsiteX24" fmla="*/ 1104900 w 1955007"/>
              <a:gd name="connsiteY24" fmla="*/ 16598 h 535710"/>
              <a:gd name="connsiteX25" fmla="*/ 1157288 w 1955007"/>
              <a:gd name="connsiteY25" fmla="*/ 52316 h 535710"/>
              <a:gd name="connsiteX26" fmla="*/ 1190625 w 1955007"/>
              <a:gd name="connsiteY26" fmla="*/ 92799 h 535710"/>
              <a:gd name="connsiteX27" fmla="*/ 1223963 w 1955007"/>
              <a:gd name="connsiteY27" fmla="*/ 123754 h 535710"/>
              <a:gd name="connsiteX28" fmla="*/ 1243013 w 1955007"/>
              <a:gd name="connsiteY28" fmla="*/ 152329 h 535710"/>
              <a:gd name="connsiteX29" fmla="*/ 1273969 w 1955007"/>
              <a:gd name="connsiteY29" fmla="*/ 199954 h 535710"/>
              <a:gd name="connsiteX30" fmla="*/ 1302544 w 1955007"/>
              <a:gd name="connsiteY30" fmla="*/ 247579 h 535710"/>
              <a:gd name="connsiteX31" fmla="*/ 1321594 w 1955007"/>
              <a:gd name="connsiteY31" fmla="*/ 271392 h 535710"/>
              <a:gd name="connsiteX32" fmla="*/ 1350169 w 1955007"/>
              <a:gd name="connsiteY32" fmla="*/ 309492 h 535710"/>
              <a:gd name="connsiteX33" fmla="*/ 1440657 w 1955007"/>
              <a:gd name="connsiteY33" fmla="*/ 395217 h 535710"/>
              <a:gd name="connsiteX34" fmla="*/ 1476375 w 1955007"/>
              <a:gd name="connsiteY34" fmla="*/ 414267 h 535710"/>
              <a:gd name="connsiteX35" fmla="*/ 1554957 w 1955007"/>
              <a:gd name="connsiteY35" fmla="*/ 435698 h 535710"/>
              <a:gd name="connsiteX36" fmla="*/ 1657350 w 1955007"/>
              <a:gd name="connsiteY36" fmla="*/ 483323 h 535710"/>
              <a:gd name="connsiteX37" fmla="*/ 1719263 w 1955007"/>
              <a:gd name="connsiteY37" fmla="*/ 497610 h 535710"/>
              <a:gd name="connsiteX38" fmla="*/ 1809750 w 1955007"/>
              <a:gd name="connsiteY38" fmla="*/ 528567 h 535710"/>
              <a:gd name="connsiteX39" fmla="*/ 1864519 w 1955007"/>
              <a:gd name="connsiteY39" fmla="*/ 535710 h 535710"/>
              <a:gd name="connsiteX40" fmla="*/ 1874044 w 1955007"/>
              <a:gd name="connsiteY40" fmla="*/ 530948 h 535710"/>
              <a:gd name="connsiteX41" fmla="*/ 1928813 w 1955007"/>
              <a:gd name="connsiteY41" fmla="*/ 533329 h 535710"/>
              <a:gd name="connsiteX42" fmla="*/ 1955007 w 1955007"/>
              <a:gd name="connsiteY42" fmla="*/ 535710 h 535710"/>
              <a:gd name="connsiteX0" fmla="*/ 0 w 1955007"/>
              <a:gd name="connsiteY0" fmla="*/ 308333 h 536933"/>
              <a:gd name="connsiteX1" fmla="*/ 83344 w 1955007"/>
              <a:gd name="connsiteY1" fmla="*/ 310715 h 536933"/>
              <a:gd name="connsiteX2" fmla="*/ 123825 w 1955007"/>
              <a:gd name="connsiteY2" fmla="*/ 310715 h 536933"/>
              <a:gd name="connsiteX3" fmla="*/ 209550 w 1955007"/>
              <a:gd name="connsiteY3" fmla="*/ 305952 h 536933"/>
              <a:gd name="connsiteX4" fmla="*/ 290513 w 1955007"/>
              <a:gd name="connsiteY4" fmla="*/ 291665 h 536933"/>
              <a:gd name="connsiteX5" fmla="*/ 366713 w 1955007"/>
              <a:gd name="connsiteY5" fmla="*/ 272615 h 536933"/>
              <a:gd name="connsiteX6" fmla="*/ 402432 w 1955007"/>
              <a:gd name="connsiteY6" fmla="*/ 263090 h 536933"/>
              <a:gd name="connsiteX7" fmla="*/ 445294 w 1955007"/>
              <a:gd name="connsiteY7" fmla="*/ 263090 h 536933"/>
              <a:gd name="connsiteX8" fmla="*/ 488157 w 1955007"/>
              <a:gd name="connsiteY8" fmla="*/ 272615 h 536933"/>
              <a:gd name="connsiteX9" fmla="*/ 545307 w 1955007"/>
              <a:gd name="connsiteY9" fmla="*/ 282140 h 536933"/>
              <a:gd name="connsiteX10" fmla="*/ 566738 w 1955007"/>
              <a:gd name="connsiteY10" fmla="*/ 282140 h 536933"/>
              <a:gd name="connsiteX11" fmla="*/ 592932 w 1955007"/>
              <a:gd name="connsiteY11" fmla="*/ 286902 h 536933"/>
              <a:gd name="connsiteX12" fmla="*/ 595313 w 1955007"/>
              <a:gd name="connsiteY12" fmla="*/ 286902 h 536933"/>
              <a:gd name="connsiteX13" fmla="*/ 633412 w 1955007"/>
              <a:gd name="connsiteY13" fmla="*/ 277378 h 536933"/>
              <a:gd name="connsiteX14" fmla="*/ 683419 w 1955007"/>
              <a:gd name="connsiteY14" fmla="*/ 248802 h 536933"/>
              <a:gd name="connsiteX15" fmla="*/ 704850 w 1955007"/>
              <a:gd name="connsiteY15" fmla="*/ 227370 h 536933"/>
              <a:gd name="connsiteX16" fmla="*/ 742951 w 1955007"/>
              <a:gd name="connsiteY16" fmla="*/ 198794 h 536933"/>
              <a:gd name="connsiteX17" fmla="*/ 769144 w 1955007"/>
              <a:gd name="connsiteY17" fmla="*/ 179745 h 536933"/>
              <a:gd name="connsiteX18" fmla="*/ 831056 w 1955007"/>
              <a:gd name="connsiteY18" fmla="*/ 122596 h 536933"/>
              <a:gd name="connsiteX19" fmla="*/ 876299 w 1955007"/>
              <a:gd name="connsiteY19" fmla="*/ 77352 h 536933"/>
              <a:gd name="connsiteX20" fmla="*/ 933450 w 1955007"/>
              <a:gd name="connsiteY20" fmla="*/ 36870 h 536933"/>
              <a:gd name="connsiteX21" fmla="*/ 962026 w 1955007"/>
              <a:gd name="connsiteY21" fmla="*/ 20203 h 536933"/>
              <a:gd name="connsiteX22" fmla="*/ 1004888 w 1955007"/>
              <a:gd name="connsiteY22" fmla="*/ 5915 h 536933"/>
              <a:gd name="connsiteX23" fmla="*/ 1057276 w 1955007"/>
              <a:gd name="connsiteY23" fmla="*/ 3534 h 536933"/>
              <a:gd name="connsiteX24" fmla="*/ 1109662 w 1955007"/>
              <a:gd name="connsiteY24" fmla="*/ 5915 h 536933"/>
              <a:gd name="connsiteX25" fmla="*/ 1157288 w 1955007"/>
              <a:gd name="connsiteY25" fmla="*/ 53539 h 536933"/>
              <a:gd name="connsiteX26" fmla="*/ 1190625 w 1955007"/>
              <a:gd name="connsiteY26" fmla="*/ 94022 h 536933"/>
              <a:gd name="connsiteX27" fmla="*/ 1223963 w 1955007"/>
              <a:gd name="connsiteY27" fmla="*/ 124977 h 536933"/>
              <a:gd name="connsiteX28" fmla="*/ 1243013 w 1955007"/>
              <a:gd name="connsiteY28" fmla="*/ 153552 h 536933"/>
              <a:gd name="connsiteX29" fmla="*/ 1273969 w 1955007"/>
              <a:gd name="connsiteY29" fmla="*/ 201177 h 536933"/>
              <a:gd name="connsiteX30" fmla="*/ 1302544 w 1955007"/>
              <a:gd name="connsiteY30" fmla="*/ 248802 h 536933"/>
              <a:gd name="connsiteX31" fmla="*/ 1321594 w 1955007"/>
              <a:gd name="connsiteY31" fmla="*/ 272615 h 536933"/>
              <a:gd name="connsiteX32" fmla="*/ 1350169 w 1955007"/>
              <a:gd name="connsiteY32" fmla="*/ 310715 h 536933"/>
              <a:gd name="connsiteX33" fmla="*/ 1440657 w 1955007"/>
              <a:gd name="connsiteY33" fmla="*/ 396440 h 536933"/>
              <a:gd name="connsiteX34" fmla="*/ 1476375 w 1955007"/>
              <a:gd name="connsiteY34" fmla="*/ 415490 h 536933"/>
              <a:gd name="connsiteX35" fmla="*/ 1554957 w 1955007"/>
              <a:gd name="connsiteY35" fmla="*/ 436921 h 536933"/>
              <a:gd name="connsiteX36" fmla="*/ 1657350 w 1955007"/>
              <a:gd name="connsiteY36" fmla="*/ 484546 h 536933"/>
              <a:gd name="connsiteX37" fmla="*/ 1719263 w 1955007"/>
              <a:gd name="connsiteY37" fmla="*/ 498833 h 536933"/>
              <a:gd name="connsiteX38" fmla="*/ 1809750 w 1955007"/>
              <a:gd name="connsiteY38" fmla="*/ 529790 h 536933"/>
              <a:gd name="connsiteX39" fmla="*/ 1864519 w 1955007"/>
              <a:gd name="connsiteY39" fmla="*/ 536933 h 536933"/>
              <a:gd name="connsiteX40" fmla="*/ 1874044 w 1955007"/>
              <a:gd name="connsiteY40" fmla="*/ 532171 h 536933"/>
              <a:gd name="connsiteX41" fmla="*/ 1928813 w 1955007"/>
              <a:gd name="connsiteY41" fmla="*/ 534552 h 536933"/>
              <a:gd name="connsiteX42" fmla="*/ 1955007 w 1955007"/>
              <a:gd name="connsiteY42" fmla="*/ 536933 h 536933"/>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23963 w 1955007"/>
              <a:gd name="connsiteY27" fmla="*/ 124125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43013 w 1955007"/>
              <a:gd name="connsiteY28" fmla="*/ 152700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19263 w 1955007"/>
              <a:gd name="connsiteY37" fmla="*/ 497981 h 536081"/>
              <a:gd name="connsiteX38" fmla="*/ 1809750 w 1955007"/>
              <a:gd name="connsiteY38" fmla="*/ 528938 h 536081"/>
              <a:gd name="connsiteX39" fmla="*/ 1864519 w 1955007"/>
              <a:gd name="connsiteY39" fmla="*/ 536081 h 536081"/>
              <a:gd name="connsiteX40" fmla="*/ 1874044 w 1955007"/>
              <a:gd name="connsiteY40" fmla="*/ 531319 h 536081"/>
              <a:gd name="connsiteX41" fmla="*/ 1928813 w 1955007"/>
              <a:gd name="connsiteY41" fmla="*/ 533700 h 536081"/>
              <a:gd name="connsiteX42" fmla="*/ 1955007 w 1955007"/>
              <a:gd name="connsiteY42" fmla="*/ 536081 h 536081"/>
              <a:gd name="connsiteX0" fmla="*/ 0 w 1955007"/>
              <a:gd name="connsiteY0" fmla="*/ 307481 h 536081"/>
              <a:gd name="connsiteX1" fmla="*/ 83344 w 1955007"/>
              <a:gd name="connsiteY1" fmla="*/ 309863 h 536081"/>
              <a:gd name="connsiteX2" fmla="*/ 123825 w 1955007"/>
              <a:gd name="connsiteY2" fmla="*/ 309863 h 536081"/>
              <a:gd name="connsiteX3" fmla="*/ 209550 w 1955007"/>
              <a:gd name="connsiteY3" fmla="*/ 305100 h 536081"/>
              <a:gd name="connsiteX4" fmla="*/ 290513 w 1955007"/>
              <a:gd name="connsiteY4" fmla="*/ 290813 h 536081"/>
              <a:gd name="connsiteX5" fmla="*/ 366713 w 1955007"/>
              <a:gd name="connsiteY5" fmla="*/ 271763 h 536081"/>
              <a:gd name="connsiteX6" fmla="*/ 402432 w 1955007"/>
              <a:gd name="connsiteY6" fmla="*/ 262238 h 536081"/>
              <a:gd name="connsiteX7" fmla="*/ 445294 w 1955007"/>
              <a:gd name="connsiteY7" fmla="*/ 262238 h 536081"/>
              <a:gd name="connsiteX8" fmla="*/ 488157 w 1955007"/>
              <a:gd name="connsiteY8" fmla="*/ 271763 h 536081"/>
              <a:gd name="connsiteX9" fmla="*/ 545307 w 1955007"/>
              <a:gd name="connsiteY9" fmla="*/ 281288 h 536081"/>
              <a:gd name="connsiteX10" fmla="*/ 566738 w 1955007"/>
              <a:gd name="connsiteY10" fmla="*/ 281288 h 536081"/>
              <a:gd name="connsiteX11" fmla="*/ 592932 w 1955007"/>
              <a:gd name="connsiteY11" fmla="*/ 286050 h 536081"/>
              <a:gd name="connsiteX12" fmla="*/ 595313 w 1955007"/>
              <a:gd name="connsiteY12" fmla="*/ 286050 h 536081"/>
              <a:gd name="connsiteX13" fmla="*/ 633412 w 1955007"/>
              <a:gd name="connsiteY13" fmla="*/ 276526 h 536081"/>
              <a:gd name="connsiteX14" fmla="*/ 683419 w 1955007"/>
              <a:gd name="connsiteY14" fmla="*/ 247950 h 536081"/>
              <a:gd name="connsiteX15" fmla="*/ 704850 w 1955007"/>
              <a:gd name="connsiteY15" fmla="*/ 226518 h 536081"/>
              <a:gd name="connsiteX16" fmla="*/ 742951 w 1955007"/>
              <a:gd name="connsiteY16" fmla="*/ 197942 h 536081"/>
              <a:gd name="connsiteX17" fmla="*/ 769144 w 1955007"/>
              <a:gd name="connsiteY17" fmla="*/ 178893 h 536081"/>
              <a:gd name="connsiteX18" fmla="*/ 831056 w 1955007"/>
              <a:gd name="connsiteY18" fmla="*/ 121744 h 536081"/>
              <a:gd name="connsiteX19" fmla="*/ 876299 w 1955007"/>
              <a:gd name="connsiteY19" fmla="*/ 76500 h 536081"/>
              <a:gd name="connsiteX20" fmla="*/ 933450 w 1955007"/>
              <a:gd name="connsiteY20" fmla="*/ 36018 h 536081"/>
              <a:gd name="connsiteX21" fmla="*/ 962026 w 1955007"/>
              <a:gd name="connsiteY21" fmla="*/ 19351 h 536081"/>
              <a:gd name="connsiteX22" fmla="*/ 1004888 w 1955007"/>
              <a:gd name="connsiteY22" fmla="*/ 5063 h 536081"/>
              <a:gd name="connsiteX23" fmla="*/ 1057276 w 1955007"/>
              <a:gd name="connsiteY23" fmla="*/ 2682 h 536081"/>
              <a:gd name="connsiteX24" fmla="*/ 1109662 w 1955007"/>
              <a:gd name="connsiteY24" fmla="*/ 12207 h 536081"/>
              <a:gd name="connsiteX25" fmla="*/ 1157288 w 1955007"/>
              <a:gd name="connsiteY25" fmla="*/ 52687 h 536081"/>
              <a:gd name="connsiteX26" fmla="*/ 1190625 w 1955007"/>
              <a:gd name="connsiteY26" fmla="*/ 93170 h 536081"/>
              <a:gd name="connsiteX27" fmla="*/ 1216819 w 1955007"/>
              <a:gd name="connsiteY27" fmla="*/ 128887 h 536081"/>
              <a:gd name="connsiteX28" fmla="*/ 1250156 w 1955007"/>
              <a:gd name="connsiteY28" fmla="*/ 164606 h 536081"/>
              <a:gd name="connsiteX29" fmla="*/ 1273969 w 1955007"/>
              <a:gd name="connsiteY29" fmla="*/ 200325 h 536081"/>
              <a:gd name="connsiteX30" fmla="*/ 1302544 w 1955007"/>
              <a:gd name="connsiteY30" fmla="*/ 247950 h 536081"/>
              <a:gd name="connsiteX31" fmla="*/ 1321594 w 1955007"/>
              <a:gd name="connsiteY31" fmla="*/ 271763 h 536081"/>
              <a:gd name="connsiteX32" fmla="*/ 1350169 w 1955007"/>
              <a:gd name="connsiteY32" fmla="*/ 309863 h 536081"/>
              <a:gd name="connsiteX33" fmla="*/ 1440657 w 1955007"/>
              <a:gd name="connsiteY33" fmla="*/ 395588 h 536081"/>
              <a:gd name="connsiteX34" fmla="*/ 1476375 w 1955007"/>
              <a:gd name="connsiteY34" fmla="*/ 414638 h 536081"/>
              <a:gd name="connsiteX35" fmla="*/ 1554957 w 1955007"/>
              <a:gd name="connsiteY35" fmla="*/ 436069 h 536081"/>
              <a:gd name="connsiteX36" fmla="*/ 1657350 w 1955007"/>
              <a:gd name="connsiteY36" fmla="*/ 483694 h 536081"/>
              <a:gd name="connsiteX37" fmla="*/ 1728788 w 1955007"/>
              <a:gd name="connsiteY37" fmla="*/ 517031 h 536081"/>
              <a:gd name="connsiteX38" fmla="*/ 1719263 w 1955007"/>
              <a:gd name="connsiteY38" fmla="*/ 497981 h 536081"/>
              <a:gd name="connsiteX39" fmla="*/ 1809750 w 1955007"/>
              <a:gd name="connsiteY39" fmla="*/ 528938 h 536081"/>
              <a:gd name="connsiteX40" fmla="*/ 1864519 w 1955007"/>
              <a:gd name="connsiteY40" fmla="*/ 536081 h 536081"/>
              <a:gd name="connsiteX41" fmla="*/ 1874044 w 1955007"/>
              <a:gd name="connsiteY41" fmla="*/ 531319 h 536081"/>
              <a:gd name="connsiteX42" fmla="*/ 1928813 w 1955007"/>
              <a:gd name="connsiteY42" fmla="*/ 533700 h 536081"/>
              <a:gd name="connsiteX43" fmla="*/ 1955007 w 1955007"/>
              <a:gd name="connsiteY43" fmla="*/ 536081 h 536081"/>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719263 w 1955007"/>
              <a:gd name="connsiteY38" fmla="*/ 504603 h 542703"/>
              <a:gd name="connsiteX39" fmla="*/ 1809750 w 1955007"/>
              <a:gd name="connsiteY39" fmla="*/ 535560 h 542703"/>
              <a:gd name="connsiteX40" fmla="*/ 1864519 w 1955007"/>
              <a:gd name="connsiteY40" fmla="*/ 542703 h 542703"/>
              <a:gd name="connsiteX41" fmla="*/ 1874044 w 1955007"/>
              <a:gd name="connsiteY41" fmla="*/ 537941 h 542703"/>
              <a:gd name="connsiteX42" fmla="*/ 1928813 w 1955007"/>
              <a:gd name="connsiteY42" fmla="*/ 540322 h 542703"/>
              <a:gd name="connsiteX43" fmla="*/ 1955007 w 1955007"/>
              <a:gd name="connsiteY43"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4957 w 1955007"/>
              <a:gd name="connsiteY35" fmla="*/ 442691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0316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103 h 542703"/>
              <a:gd name="connsiteX1" fmla="*/ 83344 w 1955007"/>
              <a:gd name="connsiteY1" fmla="*/ 316485 h 542703"/>
              <a:gd name="connsiteX2" fmla="*/ 123825 w 1955007"/>
              <a:gd name="connsiteY2" fmla="*/ 316485 h 542703"/>
              <a:gd name="connsiteX3" fmla="*/ 209550 w 1955007"/>
              <a:gd name="connsiteY3" fmla="*/ 311722 h 542703"/>
              <a:gd name="connsiteX4" fmla="*/ 290513 w 1955007"/>
              <a:gd name="connsiteY4" fmla="*/ 297435 h 542703"/>
              <a:gd name="connsiteX5" fmla="*/ 366713 w 1955007"/>
              <a:gd name="connsiteY5" fmla="*/ 278385 h 542703"/>
              <a:gd name="connsiteX6" fmla="*/ 402432 w 1955007"/>
              <a:gd name="connsiteY6" fmla="*/ 268860 h 542703"/>
              <a:gd name="connsiteX7" fmla="*/ 445294 w 1955007"/>
              <a:gd name="connsiteY7" fmla="*/ 268860 h 542703"/>
              <a:gd name="connsiteX8" fmla="*/ 488157 w 1955007"/>
              <a:gd name="connsiteY8" fmla="*/ 278385 h 542703"/>
              <a:gd name="connsiteX9" fmla="*/ 545307 w 1955007"/>
              <a:gd name="connsiteY9" fmla="*/ 287910 h 542703"/>
              <a:gd name="connsiteX10" fmla="*/ 566738 w 1955007"/>
              <a:gd name="connsiteY10" fmla="*/ 287910 h 542703"/>
              <a:gd name="connsiteX11" fmla="*/ 592932 w 1955007"/>
              <a:gd name="connsiteY11" fmla="*/ 292672 h 542703"/>
              <a:gd name="connsiteX12" fmla="*/ 595313 w 1955007"/>
              <a:gd name="connsiteY12" fmla="*/ 292672 h 542703"/>
              <a:gd name="connsiteX13" fmla="*/ 633412 w 1955007"/>
              <a:gd name="connsiteY13" fmla="*/ 283148 h 542703"/>
              <a:gd name="connsiteX14" fmla="*/ 683419 w 1955007"/>
              <a:gd name="connsiteY14" fmla="*/ 254572 h 542703"/>
              <a:gd name="connsiteX15" fmla="*/ 704850 w 1955007"/>
              <a:gd name="connsiteY15" fmla="*/ 233140 h 542703"/>
              <a:gd name="connsiteX16" fmla="*/ 742951 w 1955007"/>
              <a:gd name="connsiteY16" fmla="*/ 204564 h 542703"/>
              <a:gd name="connsiteX17" fmla="*/ 769144 w 1955007"/>
              <a:gd name="connsiteY17" fmla="*/ 185515 h 542703"/>
              <a:gd name="connsiteX18" fmla="*/ 831056 w 1955007"/>
              <a:gd name="connsiteY18" fmla="*/ 128366 h 542703"/>
              <a:gd name="connsiteX19" fmla="*/ 876299 w 1955007"/>
              <a:gd name="connsiteY19" fmla="*/ 83122 h 542703"/>
              <a:gd name="connsiteX20" fmla="*/ 933450 w 1955007"/>
              <a:gd name="connsiteY20" fmla="*/ 42640 h 542703"/>
              <a:gd name="connsiteX21" fmla="*/ 962026 w 1955007"/>
              <a:gd name="connsiteY21" fmla="*/ 25973 h 542703"/>
              <a:gd name="connsiteX22" fmla="*/ 1004888 w 1955007"/>
              <a:gd name="connsiteY22" fmla="*/ 11685 h 542703"/>
              <a:gd name="connsiteX23" fmla="*/ 1057276 w 1955007"/>
              <a:gd name="connsiteY23" fmla="*/ 2160 h 542703"/>
              <a:gd name="connsiteX24" fmla="*/ 1109662 w 1955007"/>
              <a:gd name="connsiteY24" fmla="*/ 18829 h 542703"/>
              <a:gd name="connsiteX25" fmla="*/ 1157288 w 1955007"/>
              <a:gd name="connsiteY25" fmla="*/ 59309 h 542703"/>
              <a:gd name="connsiteX26" fmla="*/ 1190625 w 1955007"/>
              <a:gd name="connsiteY26" fmla="*/ 99792 h 542703"/>
              <a:gd name="connsiteX27" fmla="*/ 1216819 w 1955007"/>
              <a:gd name="connsiteY27" fmla="*/ 135509 h 542703"/>
              <a:gd name="connsiteX28" fmla="*/ 1250156 w 1955007"/>
              <a:gd name="connsiteY28" fmla="*/ 171228 h 542703"/>
              <a:gd name="connsiteX29" fmla="*/ 1273969 w 1955007"/>
              <a:gd name="connsiteY29" fmla="*/ 206947 h 542703"/>
              <a:gd name="connsiteX30" fmla="*/ 1302544 w 1955007"/>
              <a:gd name="connsiteY30" fmla="*/ 254572 h 542703"/>
              <a:gd name="connsiteX31" fmla="*/ 1321594 w 1955007"/>
              <a:gd name="connsiteY31" fmla="*/ 278385 h 542703"/>
              <a:gd name="connsiteX32" fmla="*/ 1350169 w 1955007"/>
              <a:gd name="connsiteY32" fmla="*/ 316485 h 542703"/>
              <a:gd name="connsiteX33" fmla="*/ 1440657 w 1955007"/>
              <a:gd name="connsiteY33" fmla="*/ 402210 h 542703"/>
              <a:gd name="connsiteX34" fmla="*/ 1476375 w 1955007"/>
              <a:gd name="connsiteY34" fmla="*/ 421260 h 542703"/>
              <a:gd name="connsiteX35" fmla="*/ 1552576 w 1955007"/>
              <a:gd name="connsiteY35" fmla="*/ 454597 h 542703"/>
              <a:gd name="connsiteX36" fmla="*/ 1657350 w 1955007"/>
              <a:gd name="connsiteY36" fmla="*/ 499841 h 542703"/>
              <a:gd name="connsiteX37" fmla="*/ 1728788 w 1955007"/>
              <a:gd name="connsiteY37" fmla="*/ 523653 h 542703"/>
              <a:gd name="connsiteX38" fmla="*/ 1809750 w 1955007"/>
              <a:gd name="connsiteY38" fmla="*/ 535560 h 542703"/>
              <a:gd name="connsiteX39" fmla="*/ 1864519 w 1955007"/>
              <a:gd name="connsiteY39" fmla="*/ 542703 h 542703"/>
              <a:gd name="connsiteX40" fmla="*/ 1874044 w 1955007"/>
              <a:gd name="connsiteY40" fmla="*/ 537941 h 542703"/>
              <a:gd name="connsiteX41" fmla="*/ 1928813 w 1955007"/>
              <a:gd name="connsiteY41" fmla="*/ 540322 h 542703"/>
              <a:gd name="connsiteX42" fmla="*/ 1955007 w 1955007"/>
              <a:gd name="connsiteY42" fmla="*/ 542703 h 542703"/>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90625 w 1955007"/>
              <a:gd name="connsiteY26" fmla="*/ 100547 h 543458"/>
              <a:gd name="connsiteX27" fmla="*/ 1216819 w 1955007"/>
              <a:gd name="connsiteY27" fmla="*/ 136264 h 543458"/>
              <a:gd name="connsiteX28" fmla="*/ 1250156 w 1955007"/>
              <a:gd name="connsiteY28" fmla="*/ 171983 h 543458"/>
              <a:gd name="connsiteX29" fmla="*/ 1273969 w 1955007"/>
              <a:gd name="connsiteY29" fmla="*/ 207702 h 543458"/>
              <a:gd name="connsiteX30" fmla="*/ 1302544 w 1955007"/>
              <a:gd name="connsiteY30" fmla="*/ 255327 h 543458"/>
              <a:gd name="connsiteX31" fmla="*/ 1321594 w 1955007"/>
              <a:gd name="connsiteY31" fmla="*/ 279140 h 543458"/>
              <a:gd name="connsiteX32" fmla="*/ 1350169 w 1955007"/>
              <a:gd name="connsiteY32" fmla="*/ 317240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60064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190625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16819 w 1955007"/>
              <a:gd name="connsiteY28" fmla="*/ 136264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50156 w 1955007"/>
              <a:gd name="connsiteY29" fmla="*/ 171983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273969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02544 w 1955007"/>
              <a:gd name="connsiteY31" fmla="*/ 255327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21594 w 1955007"/>
              <a:gd name="connsiteY32" fmla="*/ 279140 h 543458"/>
              <a:gd name="connsiteX33" fmla="*/ 1393032 w 1955007"/>
              <a:gd name="connsiteY33" fmla="*/ 300571 h 543458"/>
              <a:gd name="connsiteX34" fmla="*/ 1350169 w 1955007"/>
              <a:gd name="connsiteY34" fmla="*/ 317240 h 543458"/>
              <a:gd name="connsiteX35" fmla="*/ 1440657 w 1955007"/>
              <a:gd name="connsiteY35" fmla="*/ 402965 h 543458"/>
              <a:gd name="connsiteX36" fmla="*/ 1476375 w 1955007"/>
              <a:gd name="connsiteY36" fmla="*/ 422015 h 543458"/>
              <a:gd name="connsiteX37" fmla="*/ 1552576 w 1955007"/>
              <a:gd name="connsiteY37" fmla="*/ 455352 h 543458"/>
              <a:gd name="connsiteX38" fmla="*/ 1657350 w 1955007"/>
              <a:gd name="connsiteY38" fmla="*/ 500596 h 543458"/>
              <a:gd name="connsiteX39" fmla="*/ 1728788 w 1955007"/>
              <a:gd name="connsiteY39" fmla="*/ 524408 h 543458"/>
              <a:gd name="connsiteX40" fmla="*/ 1809750 w 1955007"/>
              <a:gd name="connsiteY40" fmla="*/ 536315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350169 w 1955007"/>
              <a:gd name="connsiteY33" fmla="*/ 317240 h 543458"/>
              <a:gd name="connsiteX34" fmla="*/ 1440657 w 1955007"/>
              <a:gd name="connsiteY34" fmla="*/ 402965 h 543458"/>
              <a:gd name="connsiteX35" fmla="*/ 1476375 w 1955007"/>
              <a:gd name="connsiteY35" fmla="*/ 422015 h 543458"/>
              <a:gd name="connsiteX36" fmla="*/ 1552576 w 1955007"/>
              <a:gd name="connsiteY36" fmla="*/ 455352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71601 w 1955007"/>
              <a:gd name="connsiteY31" fmla="*/ 260089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4450 w 1955007"/>
              <a:gd name="connsiteY30" fmla="*/ 207702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00571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40657 w 1955007"/>
              <a:gd name="connsiteY33" fmla="*/ 402965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476375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52576 w 1955007"/>
              <a:gd name="connsiteY35" fmla="*/ 455352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71613 w 1955007"/>
              <a:gd name="connsiteY33" fmla="*/ 388678 h 543458"/>
              <a:gd name="connsiteX34" fmla="*/ 1516856 w 1955007"/>
              <a:gd name="connsiteY34" fmla="*/ 422015 h 543458"/>
              <a:gd name="connsiteX35" fmla="*/ 1564483 w 1955007"/>
              <a:gd name="connsiteY35" fmla="*/ 450590 h 543458"/>
              <a:gd name="connsiteX36" fmla="*/ 1657350 w 1955007"/>
              <a:gd name="connsiteY36" fmla="*/ 500596 h 543458"/>
              <a:gd name="connsiteX37" fmla="*/ 1728788 w 1955007"/>
              <a:gd name="connsiteY37" fmla="*/ 524408 h 543458"/>
              <a:gd name="connsiteX38" fmla="*/ 1809750 w 1955007"/>
              <a:gd name="connsiteY38" fmla="*/ 536315 h 543458"/>
              <a:gd name="connsiteX39" fmla="*/ 1864519 w 1955007"/>
              <a:gd name="connsiteY39" fmla="*/ 543458 h 543458"/>
              <a:gd name="connsiteX40" fmla="*/ 1874044 w 1955007"/>
              <a:gd name="connsiteY40" fmla="*/ 538696 h 543458"/>
              <a:gd name="connsiteX41" fmla="*/ 1928813 w 1955007"/>
              <a:gd name="connsiteY41" fmla="*/ 541077 h 543458"/>
              <a:gd name="connsiteX42" fmla="*/ 1955007 w 1955007"/>
              <a:gd name="connsiteY42"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7288 w 1955007"/>
              <a:gd name="connsiteY25" fmla="*/ 43396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09750 w 1955007"/>
              <a:gd name="connsiteY39" fmla="*/ 536315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24408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728788 w 1955007"/>
              <a:gd name="connsiteY38" fmla="*/ 512502 h 543458"/>
              <a:gd name="connsiteX39" fmla="*/ 1812131 w 1955007"/>
              <a:gd name="connsiteY39" fmla="*/ 524408 h 543458"/>
              <a:gd name="connsiteX40" fmla="*/ 1864519 w 1955007"/>
              <a:gd name="connsiteY40" fmla="*/ 543458 h 543458"/>
              <a:gd name="connsiteX41" fmla="*/ 1874044 w 1955007"/>
              <a:gd name="connsiteY41" fmla="*/ 538696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57350 w 1955007"/>
              <a:gd name="connsiteY37" fmla="*/ 500596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64494 w 1955007"/>
              <a:gd name="connsiteY38" fmla="*/ 488690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28788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43458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874044 w 1955007"/>
              <a:gd name="connsiteY42" fmla="*/ 538696 h 543458"/>
              <a:gd name="connsiteX43" fmla="*/ 1928813 w 1955007"/>
              <a:gd name="connsiteY43" fmla="*/ 541077 h 543458"/>
              <a:gd name="connsiteX44" fmla="*/ 1955007 w 1955007"/>
              <a:gd name="connsiteY44"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41077 h 543458"/>
              <a:gd name="connsiteX43" fmla="*/ 1955007 w 1955007"/>
              <a:gd name="connsiteY43" fmla="*/ 543458 h 543458"/>
              <a:gd name="connsiteX0" fmla="*/ 0 w 1955007"/>
              <a:gd name="connsiteY0" fmla="*/ 314858 h 543458"/>
              <a:gd name="connsiteX1" fmla="*/ 83344 w 1955007"/>
              <a:gd name="connsiteY1" fmla="*/ 317240 h 543458"/>
              <a:gd name="connsiteX2" fmla="*/ 123825 w 1955007"/>
              <a:gd name="connsiteY2" fmla="*/ 317240 h 543458"/>
              <a:gd name="connsiteX3" fmla="*/ 209550 w 1955007"/>
              <a:gd name="connsiteY3" fmla="*/ 312477 h 543458"/>
              <a:gd name="connsiteX4" fmla="*/ 290513 w 1955007"/>
              <a:gd name="connsiteY4" fmla="*/ 298190 h 543458"/>
              <a:gd name="connsiteX5" fmla="*/ 366713 w 1955007"/>
              <a:gd name="connsiteY5" fmla="*/ 279140 h 543458"/>
              <a:gd name="connsiteX6" fmla="*/ 402432 w 1955007"/>
              <a:gd name="connsiteY6" fmla="*/ 269615 h 543458"/>
              <a:gd name="connsiteX7" fmla="*/ 445294 w 1955007"/>
              <a:gd name="connsiteY7" fmla="*/ 269615 h 543458"/>
              <a:gd name="connsiteX8" fmla="*/ 488157 w 1955007"/>
              <a:gd name="connsiteY8" fmla="*/ 279140 h 543458"/>
              <a:gd name="connsiteX9" fmla="*/ 545307 w 1955007"/>
              <a:gd name="connsiteY9" fmla="*/ 288665 h 543458"/>
              <a:gd name="connsiteX10" fmla="*/ 566738 w 1955007"/>
              <a:gd name="connsiteY10" fmla="*/ 288665 h 543458"/>
              <a:gd name="connsiteX11" fmla="*/ 592932 w 1955007"/>
              <a:gd name="connsiteY11" fmla="*/ 293427 h 543458"/>
              <a:gd name="connsiteX12" fmla="*/ 595313 w 1955007"/>
              <a:gd name="connsiteY12" fmla="*/ 293427 h 543458"/>
              <a:gd name="connsiteX13" fmla="*/ 633412 w 1955007"/>
              <a:gd name="connsiteY13" fmla="*/ 283903 h 543458"/>
              <a:gd name="connsiteX14" fmla="*/ 683419 w 1955007"/>
              <a:gd name="connsiteY14" fmla="*/ 255327 h 543458"/>
              <a:gd name="connsiteX15" fmla="*/ 704850 w 1955007"/>
              <a:gd name="connsiteY15" fmla="*/ 233895 h 543458"/>
              <a:gd name="connsiteX16" fmla="*/ 742951 w 1955007"/>
              <a:gd name="connsiteY16" fmla="*/ 205319 h 543458"/>
              <a:gd name="connsiteX17" fmla="*/ 769144 w 1955007"/>
              <a:gd name="connsiteY17" fmla="*/ 186270 h 543458"/>
              <a:gd name="connsiteX18" fmla="*/ 831056 w 1955007"/>
              <a:gd name="connsiteY18" fmla="*/ 129121 h 543458"/>
              <a:gd name="connsiteX19" fmla="*/ 876299 w 1955007"/>
              <a:gd name="connsiteY19" fmla="*/ 83877 h 543458"/>
              <a:gd name="connsiteX20" fmla="*/ 933450 w 1955007"/>
              <a:gd name="connsiteY20" fmla="*/ 43395 h 543458"/>
              <a:gd name="connsiteX21" fmla="*/ 962026 w 1955007"/>
              <a:gd name="connsiteY21" fmla="*/ 26728 h 543458"/>
              <a:gd name="connsiteX22" fmla="*/ 1004888 w 1955007"/>
              <a:gd name="connsiteY22" fmla="*/ 12440 h 543458"/>
              <a:gd name="connsiteX23" fmla="*/ 1057276 w 1955007"/>
              <a:gd name="connsiteY23" fmla="*/ 2915 h 543458"/>
              <a:gd name="connsiteX24" fmla="*/ 1116805 w 1955007"/>
              <a:gd name="connsiteY24" fmla="*/ 10059 h 543458"/>
              <a:gd name="connsiteX25" fmla="*/ 1150144 w 1955007"/>
              <a:gd name="connsiteY25" fmla="*/ 33871 h 543458"/>
              <a:gd name="connsiteX26" fmla="*/ 1173957 w 1955007"/>
              <a:gd name="connsiteY26" fmla="*/ 55302 h 543458"/>
              <a:gd name="connsiteX27" fmla="*/ 1207294 w 1955007"/>
              <a:gd name="connsiteY27" fmla="*/ 100547 h 543458"/>
              <a:gd name="connsiteX28" fmla="*/ 1247775 w 1955007"/>
              <a:gd name="connsiteY28" fmla="*/ 138646 h 543458"/>
              <a:gd name="connsiteX29" fmla="*/ 1281113 w 1955007"/>
              <a:gd name="connsiteY29" fmla="*/ 176745 h 543458"/>
              <a:gd name="connsiteX30" fmla="*/ 1312069 w 1955007"/>
              <a:gd name="connsiteY30" fmla="*/ 217227 h 543458"/>
              <a:gd name="connsiteX31" fmla="*/ 1364457 w 1955007"/>
              <a:gd name="connsiteY31" fmla="*/ 283901 h 543458"/>
              <a:gd name="connsiteX32" fmla="*/ 1393032 w 1955007"/>
              <a:gd name="connsiteY32" fmla="*/ 329146 h 543458"/>
              <a:gd name="connsiteX33" fmla="*/ 1428750 w 1955007"/>
              <a:gd name="connsiteY33" fmla="*/ 360102 h 543458"/>
              <a:gd name="connsiteX34" fmla="*/ 1471613 w 1955007"/>
              <a:gd name="connsiteY34" fmla="*/ 388678 h 543458"/>
              <a:gd name="connsiteX35" fmla="*/ 1516856 w 1955007"/>
              <a:gd name="connsiteY35" fmla="*/ 422015 h 543458"/>
              <a:gd name="connsiteX36" fmla="*/ 1564483 w 1955007"/>
              <a:gd name="connsiteY36" fmla="*/ 450590 h 543458"/>
              <a:gd name="connsiteX37" fmla="*/ 1635919 w 1955007"/>
              <a:gd name="connsiteY37" fmla="*/ 476784 h 543458"/>
              <a:gd name="connsiteX38" fmla="*/ 1674019 w 1955007"/>
              <a:gd name="connsiteY38" fmla="*/ 493453 h 543458"/>
              <a:gd name="connsiteX39" fmla="*/ 1743075 w 1955007"/>
              <a:gd name="connsiteY39" fmla="*/ 512502 h 543458"/>
              <a:gd name="connsiteX40" fmla="*/ 1812131 w 1955007"/>
              <a:gd name="connsiteY40" fmla="*/ 524408 h 543458"/>
              <a:gd name="connsiteX41" fmla="*/ 1864519 w 1955007"/>
              <a:gd name="connsiteY41" fmla="*/ 526789 h 543458"/>
              <a:gd name="connsiteX42" fmla="*/ 1928813 w 1955007"/>
              <a:gd name="connsiteY42" fmla="*/ 531552 h 543458"/>
              <a:gd name="connsiteX43" fmla="*/ 1955007 w 1955007"/>
              <a:gd name="connsiteY43" fmla="*/ 543458 h 543458"/>
              <a:gd name="connsiteX0" fmla="*/ 0 w 1928813"/>
              <a:gd name="connsiteY0" fmla="*/ 314858 h 531552"/>
              <a:gd name="connsiteX1" fmla="*/ 83344 w 1928813"/>
              <a:gd name="connsiteY1" fmla="*/ 317240 h 531552"/>
              <a:gd name="connsiteX2" fmla="*/ 123825 w 1928813"/>
              <a:gd name="connsiteY2" fmla="*/ 317240 h 531552"/>
              <a:gd name="connsiteX3" fmla="*/ 209550 w 1928813"/>
              <a:gd name="connsiteY3" fmla="*/ 312477 h 531552"/>
              <a:gd name="connsiteX4" fmla="*/ 290513 w 1928813"/>
              <a:gd name="connsiteY4" fmla="*/ 298190 h 531552"/>
              <a:gd name="connsiteX5" fmla="*/ 366713 w 1928813"/>
              <a:gd name="connsiteY5" fmla="*/ 279140 h 531552"/>
              <a:gd name="connsiteX6" fmla="*/ 402432 w 1928813"/>
              <a:gd name="connsiteY6" fmla="*/ 269615 h 531552"/>
              <a:gd name="connsiteX7" fmla="*/ 445294 w 1928813"/>
              <a:gd name="connsiteY7" fmla="*/ 269615 h 531552"/>
              <a:gd name="connsiteX8" fmla="*/ 488157 w 1928813"/>
              <a:gd name="connsiteY8" fmla="*/ 279140 h 531552"/>
              <a:gd name="connsiteX9" fmla="*/ 545307 w 1928813"/>
              <a:gd name="connsiteY9" fmla="*/ 288665 h 531552"/>
              <a:gd name="connsiteX10" fmla="*/ 566738 w 1928813"/>
              <a:gd name="connsiteY10" fmla="*/ 288665 h 531552"/>
              <a:gd name="connsiteX11" fmla="*/ 592932 w 1928813"/>
              <a:gd name="connsiteY11" fmla="*/ 293427 h 531552"/>
              <a:gd name="connsiteX12" fmla="*/ 595313 w 1928813"/>
              <a:gd name="connsiteY12" fmla="*/ 293427 h 531552"/>
              <a:gd name="connsiteX13" fmla="*/ 633412 w 1928813"/>
              <a:gd name="connsiteY13" fmla="*/ 283903 h 531552"/>
              <a:gd name="connsiteX14" fmla="*/ 683419 w 1928813"/>
              <a:gd name="connsiteY14" fmla="*/ 255327 h 531552"/>
              <a:gd name="connsiteX15" fmla="*/ 704850 w 1928813"/>
              <a:gd name="connsiteY15" fmla="*/ 233895 h 531552"/>
              <a:gd name="connsiteX16" fmla="*/ 742951 w 1928813"/>
              <a:gd name="connsiteY16" fmla="*/ 205319 h 531552"/>
              <a:gd name="connsiteX17" fmla="*/ 769144 w 1928813"/>
              <a:gd name="connsiteY17" fmla="*/ 186270 h 531552"/>
              <a:gd name="connsiteX18" fmla="*/ 831056 w 1928813"/>
              <a:gd name="connsiteY18" fmla="*/ 129121 h 531552"/>
              <a:gd name="connsiteX19" fmla="*/ 876299 w 1928813"/>
              <a:gd name="connsiteY19" fmla="*/ 83877 h 531552"/>
              <a:gd name="connsiteX20" fmla="*/ 933450 w 1928813"/>
              <a:gd name="connsiteY20" fmla="*/ 43395 h 531552"/>
              <a:gd name="connsiteX21" fmla="*/ 962026 w 1928813"/>
              <a:gd name="connsiteY21" fmla="*/ 26728 h 531552"/>
              <a:gd name="connsiteX22" fmla="*/ 1004888 w 1928813"/>
              <a:gd name="connsiteY22" fmla="*/ 12440 h 531552"/>
              <a:gd name="connsiteX23" fmla="*/ 1057276 w 1928813"/>
              <a:gd name="connsiteY23" fmla="*/ 2915 h 531552"/>
              <a:gd name="connsiteX24" fmla="*/ 1116805 w 1928813"/>
              <a:gd name="connsiteY24" fmla="*/ 10059 h 531552"/>
              <a:gd name="connsiteX25" fmla="*/ 1150144 w 1928813"/>
              <a:gd name="connsiteY25" fmla="*/ 33871 h 531552"/>
              <a:gd name="connsiteX26" fmla="*/ 1173957 w 1928813"/>
              <a:gd name="connsiteY26" fmla="*/ 55302 h 531552"/>
              <a:gd name="connsiteX27" fmla="*/ 1207294 w 1928813"/>
              <a:gd name="connsiteY27" fmla="*/ 100547 h 531552"/>
              <a:gd name="connsiteX28" fmla="*/ 1247775 w 1928813"/>
              <a:gd name="connsiteY28" fmla="*/ 138646 h 531552"/>
              <a:gd name="connsiteX29" fmla="*/ 1281113 w 1928813"/>
              <a:gd name="connsiteY29" fmla="*/ 176745 h 531552"/>
              <a:gd name="connsiteX30" fmla="*/ 1312069 w 1928813"/>
              <a:gd name="connsiteY30" fmla="*/ 217227 h 531552"/>
              <a:gd name="connsiteX31" fmla="*/ 1364457 w 1928813"/>
              <a:gd name="connsiteY31" fmla="*/ 283901 h 531552"/>
              <a:gd name="connsiteX32" fmla="*/ 1393032 w 1928813"/>
              <a:gd name="connsiteY32" fmla="*/ 329146 h 531552"/>
              <a:gd name="connsiteX33" fmla="*/ 1428750 w 1928813"/>
              <a:gd name="connsiteY33" fmla="*/ 360102 h 531552"/>
              <a:gd name="connsiteX34" fmla="*/ 1471613 w 1928813"/>
              <a:gd name="connsiteY34" fmla="*/ 388678 h 531552"/>
              <a:gd name="connsiteX35" fmla="*/ 1516856 w 1928813"/>
              <a:gd name="connsiteY35" fmla="*/ 422015 h 531552"/>
              <a:gd name="connsiteX36" fmla="*/ 1564483 w 1928813"/>
              <a:gd name="connsiteY36" fmla="*/ 450590 h 531552"/>
              <a:gd name="connsiteX37" fmla="*/ 1635919 w 1928813"/>
              <a:gd name="connsiteY37" fmla="*/ 476784 h 531552"/>
              <a:gd name="connsiteX38" fmla="*/ 1674019 w 1928813"/>
              <a:gd name="connsiteY38" fmla="*/ 493453 h 531552"/>
              <a:gd name="connsiteX39" fmla="*/ 1743075 w 1928813"/>
              <a:gd name="connsiteY39" fmla="*/ 512502 h 531552"/>
              <a:gd name="connsiteX40" fmla="*/ 1812131 w 1928813"/>
              <a:gd name="connsiteY40" fmla="*/ 524408 h 531552"/>
              <a:gd name="connsiteX41" fmla="*/ 1864519 w 1928813"/>
              <a:gd name="connsiteY41" fmla="*/ 526789 h 531552"/>
              <a:gd name="connsiteX42" fmla="*/ 1928813 w 1928813"/>
              <a:gd name="connsiteY42" fmla="*/ 531552 h 53155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7469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50144 w 1928813"/>
              <a:gd name="connsiteY26" fmla="*/ 31281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5271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07294 w 1928813"/>
              <a:gd name="connsiteY28" fmla="*/ 97957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36056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47762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73957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28725 w 1928813"/>
              <a:gd name="connsiteY29" fmla="*/ 109862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33488 w 1928813"/>
              <a:gd name="connsiteY29" fmla="*/ 100337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83495 w 1928813"/>
              <a:gd name="connsiteY29" fmla="*/ 145580 h 528962"/>
              <a:gd name="connsiteX30" fmla="*/ 1247775 w 1928813"/>
              <a:gd name="connsiteY30" fmla="*/ 145581 h 528962"/>
              <a:gd name="connsiteX31" fmla="*/ 1281113 w 1928813"/>
              <a:gd name="connsiteY31" fmla="*/ 174155 h 528962"/>
              <a:gd name="connsiteX32" fmla="*/ 1312069 w 1928813"/>
              <a:gd name="connsiteY32" fmla="*/ 214637 h 528962"/>
              <a:gd name="connsiteX33" fmla="*/ 1364457 w 1928813"/>
              <a:gd name="connsiteY33" fmla="*/ 281311 h 528962"/>
              <a:gd name="connsiteX34" fmla="*/ 1393032 w 1928813"/>
              <a:gd name="connsiteY34" fmla="*/ 326556 h 528962"/>
              <a:gd name="connsiteX35" fmla="*/ 1428750 w 1928813"/>
              <a:gd name="connsiteY35" fmla="*/ 357512 h 528962"/>
              <a:gd name="connsiteX36" fmla="*/ 1471613 w 1928813"/>
              <a:gd name="connsiteY36" fmla="*/ 386088 h 528962"/>
              <a:gd name="connsiteX37" fmla="*/ 1516856 w 1928813"/>
              <a:gd name="connsiteY37" fmla="*/ 419425 h 528962"/>
              <a:gd name="connsiteX38" fmla="*/ 1564483 w 1928813"/>
              <a:gd name="connsiteY38" fmla="*/ 448000 h 528962"/>
              <a:gd name="connsiteX39" fmla="*/ 1635919 w 1928813"/>
              <a:gd name="connsiteY39" fmla="*/ 474194 h 528962"/>
              <a:gd name="connsiteX40" fmla="*/ 1674019 w 1928813"/>
              <a:gd name="connsiteY40" fmla="*/ 490863 h 528962"/>
              <a:gd name="connsiteX41" fmla="*/ 1743075 w 1928813"/>
              <a:gd name="connsiteY41" fmla="*/ 509912 h 528962"/>
              <a:gd name="connsiteX42" fmla="*/ 1812131 w 1928813"/>
              <a:gd name="connsiteY42" fmla="*/ 521818 h 528962"/>
              <a:gd name="connsiteX43" fmla="*/ 1864519 w 1928813"/>
              <a:gd name="connsiteY43" fmla="*/ 524199 h 528962"/>
              <a:gd name="connsiteX44" fmla="*/ 1928813 w 1928813"/>
              <a:gd name="connsiteY44"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1205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47775 w 1928813"/>
              <a:gd name="connsiteY29" fmla="*/ 145581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16805 w 1928813"/>
              <a:gd name="connsiteY25" fmla="*/ 16994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2268 h 528962"/>
              <a:gd name="connsiteX1" fmla="*/ 83344 w 1928813"/>
              <a:gd name="connsiteY1" fmla="*/ 314650 h 528962"/>
              <a:gd name="connsiteX2" fmla="*/ 123825 w 1928813"/>
              <a:gd name="connsiteY2" fmla="*/ 314650 h 528962"/>
              <a:gd name="connsiteX3" fmla="*/ 209550 w 1928813"/>
              <a:gd name="connsiteY3" fmla="*/ 309887 h 528962"/>
              <a:gd name="connsiteX4" fmla="*/ 290513 w 1928813"/>
              <a:gd name="connsiteY4" fmla="*/ 295600 h 528962"/>
              <a:gd name="connsiteX5" fmla="*/ 366713 w 1928813"/>
              <a:gd name="connsiteY5" fmla="*/ 276550 h 528962"/>
              <a:gd name="connsiteX6" fmla="*/ 402432 w 1928813"/>
              <a:gd name="connsiteY6" fmla="*/ 267025 h 528962"/>
              <a:gd name="connsiteX7" fmla="*/ 445294 w 1928813"/>
              <a:gd name="connsiteY7" fmla="*/ 267025 h 528962"/>
              <a:gd name="connsiteX8" fmla="*/ 488157 w 1928813"/>
              <a:gd name="connsiteY8" fmla="*/ 276550 h 528962"/>
              <a:gd name="connsiteX9" fmla="*/ 545307 w 1928813"/>
              <a:gd name="connsiteY9" fmla="*/ 286075 h 528962"/>
              <a:gd name="connsiteX10" fmla="*/ 566738 w 1928813"/>
              <a:gd name="connsiteY10" fmla="*/ 286075 h 528962"/>
              <a:gd name="connsiteX11" fmla="*/ 592932 w 1928813"/>
              <a:gd name="connsiteY11" fmla="*/ 290837 h 528962"/>
              <a:gd name="connsiteX12" fmla="*/ 595313 w 1928813"/>
              <a:gd name="connsiteY12" fmla="*/ 290837 h 528962"/>
              <a:gd name="connsiteX13" fmla="*/ 633412 w 1928813"/>
              <a:gd name="connsiteY13" fmla="*/ 281313 h 528962"/>
              <a:gd name="connsiteX14" fmla="*/ 683419 w 1928813"/>
              <a:gd name="connsiteY14" fmla="*/ 252737 h 528962"/>
              <a:gd name="connsiteX15" fmla="*/ 704850 w 1928813"/>
              <a:gd name="connsiteY15" fmla="*/ 231305 h 528962"/>
              <a:gd name="connsiteX16" fmla="*/ 742951 w 1928813"/>
              <a:gd name="connsiteY16" fmla="*/ 202729 h 528962"/>
              <a:gd name="connsiteX17" fmla="*/ 769144 w 1928813"/>
              <a:gd name="connsiteY17" fmla="*/ 183680 h 528962"/>
              <a:gd name="connsiteX18" fmla="*/ 831056 w 1928813"/>
              <a:gd name="connsiteY18" fmla="*/ 126531 h 528962"/>
              <a:gd name="connsiteX19" fmla="*/ 876299 w 1928813"/>
              <a:gd name="connsiteY19" fmla="*/ 81287 h 528962"/>
              <a:gd name="connsiteX20" fmla="*/ 933450 w 1928813"/>
              <a:gd name="connsiteY20" fmla="*/ 40805 h 528962"/>
              <a:gd name="connsiteX21" fmla="*/ 962026 w 1928813"/>
              <a:gd name="connsiteY21" fmla="*/ 24138 h 528962"/>
              <a:gd name="connsiteX22" fmla="*/ 1004888 w 1928813"/>
              <a:gd name="connsiteY22" fmla="*/ 9850 h 528962"/>
              <a:gd name="connsiteX23" fmla="*/ 1057276 w 1928813"/>
              <a:gd name="connsiteY23" fmla="*/ 325 h 528962"/>
              <a:gd name="connsiteX24" fmla="*/ 1090613 w 1928813"/>
              <a:gd name="connsiteY24" fmla="*/ 2706 h 528962"/>
              <a:gd name="connsiteX25" fmla="*/ 1126330 w 1928813"/>
              <a:gd name="connsiteY25" fmla="*/ 14612 h 528962"/>
              <a:gd name="connsiteX26" fmla="*/ 1162049 w 1928813"/>
              <a:gd name="connsiteY26" fmla="*/ 45569 h 528962"/>
              <a:gd name="connsiteX27" fmla="*/ 1188244 w 1928813"/>
              <a:gd name="connsiteY27" fmla="*/ 71762 h 528962"/>
              <a:gd name="connsiteX28" fmla="*/ 1231106 w 1928813"/>
              <a:gd name="connsiteY28" fmla="*/ 109863 h 528962"/>
              <a:gd name="connsiteX29" fmla="*/ 1259681 w 1928813"/>
              <a:gd name="connsiteY29" fmla="*/ 147962 h 528962"/>
              <a:gd name="connsiteX30" fmla="*/ 1281113 w 1928813"/>
              <a:gd name="connsiteY30" fmla="*/ 174155 h 528962"/>
              <a:gd name="connsiteX31" fmla="*/ 1312069 w 1928813"/>
              <a:gd name="connsiteY31" fmla="*/ 214637 h 528962"/>
              <a:gd name="connsiteX32" fmla="*/ 1364457 w 1928813"/>
              <a:gd name="connsiteY32" fmla="*/ 281311 h 528962"/>
              <a:gd name="connsiteX33" fmla="*/ 1393032 w 1928813"/>
              <a:gd name="connsiteY33" fmla="*/ 326556 h 528962"/>
              <a:gd name="connsiteX34" fmla="*/ 1428750 w 1928813"/>
              <a:gd name="connsiteY34" fmla="*/ 357512 h 528962"/>
              <a:gd name="connsiteX35" fmla="*/ 1471613 w 1928813"/>
              <a:gd name="connsiteY35" fmla="*/ 386088 h 528962"/>
              <a:gd name="connsiteX36" fmla="*/ 1516856 w 1928813"/>
              <a:gd name="connsiteY36" fmla="*/ 419425 h 528962"/>
              <a:gd name="connsiteX37" fmla="*/ 1564483 w 1928813"/>
              <a:gd name="connsiteY37" fmla="*/ 448000 h 528962"/>
              <a:gd name="connsiteX38" fmla="*/ 1635919 w 1928813"/>
              <a:gd name="connsiteY38" fmla="*/ 474194 h 528962"/>
              <a:gd name="connsiteX39" fmla="*/ 1674019 w 1928813"/>
              <a:gd name="connsiteY39" fmla="*/ 490863 h 528962"/>
              <a:gd name="connsiteX40" fmla="*/ 1743075 w 1928813"/>
              <a:gd name="connsiteY40" fmla="*/ 509912 h 528962"/>
              <a:gd name="connsiteX41" fmla="*/ 1812131 w 1928813"/>
              <a:gd name="connsiteY41" fmla="*/ 521818 h 528962"/>
              <a:gd name="connsiteX42" fmla="*/ 1864519 w 1928813"/>
              <a:gd name="connsiteY42" fmla="*/ 524199 h 528962"/>
              <a:gd name="connsiteX43" fmla="*/ 1928813 w 1928813"/>
              <a:gd name="connsiteY43" fmla="*/ 528962 h 528962"/>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6330 w 1928813"/>
              <a:gd name="connsiteY25" fmla="*/ 16858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71613 w 1928813"/>
              <a:gd name="connsiteY35" fmla="*/ 388334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8750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66902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393032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64483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16869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26394 w 1928813"/>
              <a:gd name="connsiteY39" fmla="*/ 476439 h 531208"/>
              <a:gd name="connsiteX40" fmla="*/ 1674019 w 1928813"/>
              <a:gd name="connsiteY40" fmla="*/ 493109 h 531208"/>
              <a:gd name="connsiteX41" fmla="*/ 1743075 w 1928813"/>
              <a:gd name="connsiteY41" fmla="*/ 512158 h 531208"/>
              <a:gd name="connsiteX42" fmla="*/ 1812131 w 1928813"/>
              <a:gd name="connsiteY42" fmla="*/ 524064 h 531208"/>
              <a:gd name="connsiteX43" fmla="*/ 1864519 w 1928813"/>
              <a:gd name="connsiteY43" fmla="*/ 526445 h 531208"/>
              <a:gd name="connsiteX44" fmla="*/ 1928813 w 1928813"/>
              <a:gd name="connsiteY44"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35919 w 1928813"/>
              <a:gd name="connsiteY38" fmla="*/ 476440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14514 h 531208"/>
              <a:gd name="connsiteX1" fmla="*/ 83344 w 1928813"/>
              <a:gd name="connsiteY1" fmla="*/ 316896 h 531208"/>
              <a:gd name="connsiteX2" fmla="*/ 123825 w 1928813"/>
              <a:gd name="connsiteY2" fmla="*/ 316896 h 531208"/>
              <a:gd name="connsiteX3" fmla="*/ 209550 w 1928813"/>
              <a:gd name="connsiteY3" fmla="*/ 312133 h 531208"/>
              <a:gd name="connsiteX4" fmla="*/ 290513 w 1928813"/>
              <a:gd name="connsiteY4" fmla="*/ 297846 h 531208"/>
              <a:gd name="connsiteX5" fmla="*/ 366713 w 1928813"/>
              <a:gd name="connsiteY5" fmla="*/ 278796 h 531208"/>
              <a:gd name="connsiteX6" fmla="*/ 402432 w 1928813"/>
              <a:gd name="connsiteY6" fmla="*/ 269271 h 531208"/>
              <a:gd name="connsiteX7" fmla="*/ 445294 w 1928813"/>
              <a:gd name="connsiteY7" fmla="*/ 269271 h 531208"/>
              <a:gd name="connsiteX8" fmla="*/ 488157 w 1928813"/>
              <a:gd name="connsiteY8" fmla="*/ 278796 h 531208"/>
              <a:gd name="connsiteX9" fmla="*/ 545307 w 1928813"/>
              <a:gd name="connsiteY9" fmla="*/ 288321 h 531208"/>
              <a:gd name="connsiteX10" fmla="*/ 566738 w 1928813"/>
              <a:gd name="connsiteY10" fmla="*/ 288321 h 531208"/>
              <a:gd name="connsiteX11" fmla="*/ 592932 w 1928813"/>
              <a:gd name="connsiteY11" fmla="*/ 293083 h 531208"/>
              <a:gd name="connsiteX12" fmla="*/ 595313 w 1928813"/>
              <a:gd name="connsiteY12" fmla="*/ 293083 h 531208"/>
              <a:gd name="connsiteX13" fmla="*/ 633412 w 1928813"/>
              <a:gd name="connsiteY13" fmla="*/ 283559 h 531208"/>
              <a:gd name="connsiteX14" fmla="*/ 683419 w 1928813"/>
              <a:gd name="connsiteY14" fmla="*/ 254983 h 531208"/>
              <a:gd name="connsiteX15" fmla="*/ 704850 w 1928813"/>
              <a:gd name="connsiteY15" fmla="*/ 233551 h 531208"/>
              <a:gd name="connsiteX16" fmla="*/ 742951 w 1928813"/>
              <a:gd name="connsiteY16" fmla="*/ 204975 h 531208"/>
              <a:gd name="connsiteX17" fmla="*/ 769144 w 1928813"/>
              <a:gd name="connsiteY17" fmla="*/ 185926 h 531208"/>
              <a:gd name="connsiteX18" fmla="*/ 831056 w 1928813"/>
              <a:gd name="connsiteY18" fmla="*/ 128777 h 531208"/>
              <a:gd name="connsiteX19" fmla="*/ 876299 w 1928813"/>
              <a:gd name="connsiteY19" fmla="*/ 83533 h 531208"/>
              <a:gd name="connsiteX20" fmla="*/ 933450 w 1928813"/>
              <a:gd name="connsiteY20" fmla="*/ 43051 h 531208"/>
              <a:gd name="connsiteX21" fmla="*/ 962026 w 1928813"/>
              <a:gd name="connsiteY21" fmla="*/ 26384 h 531208"/>
              <a:gd name="connsiteX22" fmla="*/ 1004888 w 1928813"/>
              <a:gd name="connsiteY22" fmla="*/ 12096 h 531208"/>
              <a:gd name="connsiteX23" fmla="*/ 1050132 w 1928813"/>
              <a:gd name="connsiteY23" fmla="*/ 189 h 531208"/>
              <a:gd name="connsiteX24" fmla="*/ 1090613 w 1928813"/>
              <a:gd name="connsiteY24" fmla="*/ 4952 h 531208"/>
              <a:gd name="connsiteX25" fmla="*/ 1128711 w 1928813"/>
              <a:gd name="connsiteY25" fmla="*/ 24002 h 531208"/>
              <a:gd name="connsiteX26" fmla="*/ 1162049 w 1928813"/>
              <a:gd name="connsiteY26" fmla="*/ 47815 h 531208"/>
              <a:gd name="connsiteX27" fmla="*/ 1188244 w 1928813"/>
              <a:gd name="connsiteY27" fmla="*/ 74008 h 531208"/>
              <a:gd name="connsiteX28" fmla="*/ 1231106 w 1928813"/>
              <a:gd name="connsiteY28" fmla="*/ 112109 h 531208"/>
              <a:gd name="connsiteX29" fmla="*/ 1259681 w 1928813"/>
              <a:gd name="connsiteY29" fmla="*/ 150208 h 531208"/>
              <a:gd name="connsiteX30" fmla="*/ 1281113 w 1928813"/>
              <a:gd name="connsiteY30" fmla="*/ 176401 h 531208"/>
              <a:gd name="connsiteX31" fmla="*/ 1312069 w 1928813"/>
              <a:gd name="connsiteY31" fmla="*/ 216883 h 531208"/>
              <a:gd name="connsiteX32" fmla="*/ 1364457 w 1928813"/>
              <a:gd name="connsiteY32" fmla="*/ 283557 h 531208"/>
              <a:gd name="connsiteX33" fmla="*/ 1402557 w 1928813"/>
              <a:gd name="connsiteY33" fmla="*/ 328802 h 531208"/>
              <a:gd name="connsiteX34" fmla="*/ 1426369 w 1928813"/>
              <a:gd name="connsiteY34" fmla="*/ 359758 h 531208"/>
              <a:gd name="connsiteX35" fmla="*/ 1469232 w 1928813"/>
              <a:gd name="connsiteY35" fmla="*/ 395478 h 531208"/>
              <a:gd name="connsiteX36" fmla="*/ 1516856 w 1928813"/>
              <a:gd name="connsiteY36" fmla="*/ 421671 h 531208"/>
              <a:gd name="connsiteX37" fmla="*/ 1557339 w 1928813"/>
              <a:gd name="connsiteY37" fmla="*/ 450246 h 531208"/>
              <a:gd name="connsiteX38" fmla="*/ 1624012 w 1928813"/>
              <a:gd name="connsiteY38" fmla="*/ 478821 h 531208"/>
              <a:gd name="connsiteX39" fmla="*/ 1674019 w 1928813"/>
              <a:gd name="connsiteY39" fmla="*/ 493109 h 531208"/>
              <a:gd name="connsiteX40" fmla="*/ 1743075 w 1928813"/>
              <a:gd name="connsiteY40" fmla="*/ 512158 h 531208"/>
              <a:gd name="connsiteX41" fmla="*/ 1812131 w 1928813"/>
              <a:gd name="connsiteY41" fmla="*/ 524064 h 531208"/>
              <a:gd name="connsiteX42" fmla="*/ 1864519 w 1928813"/>
              <a:gd name="connsiteY42" fmla="*/ 526445 h 531208"/>
              <a:gd name="connsiteX43" fmla="*/ 1928813 w 1928813"/>
              <a:gd name="connsiteY43" fmla="*/ 531208 h 531208"/>
              <a:gd name="connsiteX0" fmla="*/ 0 w 1928813"/>
              <a:gd name="connsiteY0" fmla="*/ 309887 h 526581"/>
              <a:gd name="connsiteX1" fmla="*/ 83344 w 1928813"/>
              <a:gd name="connsiteY1" fmla="*/ 312269 h 526581"/>
              <a:gd name="connsiteX2" fmla="*/ 123825 w 1928813"/>
              <a:gd name="connsiteY2" fmla="*/ 312269 h 526581"/>
              <a:gd name="connsiteX3" fmla="*/ 209550 w 1928813"/>
              <a:gd name="connsiteY3" fmla="*/ 307506 h 526581"/>
              <a:gd name="connsiteX4" fmla="*/ 290513 w 1928813"/>
              <a:gd name="connsiteY4" fmla="*/ 293219 h 526581"/>
              <a:gd name="connsiteX5" fmla="*/ 366713 w 1928813"/>
              <a:gd name="connsiteY5" fmla="*/ 274169 h 526581"/>
              <a:gd name="connsiteX6" fmla="*/ 402432 w 1928813"/>
              <a:gd name="connsiteY6" fmla="*/ 264644 h 526581"/>
              <a:gd name="connsiteX7" fmla="*/ 445294 w 1928813"/>
              <a:gd name="connsiteY7" fmla="*/ 264644 h 526581"/>
              <a:gd name="connsiteX8" fmla="*/ 488157 w 1928813"/>
              <a:gd name="connsiteY8" fmla="*/ 274169 h 526581"/>
              <a:gd name="connsiteX9" fmla="*/ 545307 w 1928813"/>
              <a:gd name="connsiteY9" fmla="*/ 283694 h 526581"/>
              <a:gd name="connsiteX10" fmla="*/ 566738 w 1928813"/>
              <a:gd name="connsiteY10" fmla="*/ 283694 h 526581"/>
              <a:gd name="connsiteX11" fmla="*/ 592932 w 1928813"/>
              <a:gd name="connsiteY11" fmla="*/ 288456 h 526581"/>
              <a:gd name="connsiteX12" fmla="*/ 595313 w 1928813"/>
              <a:gd name="connsiteY12" fmla="*/ 288456 h 526581"/>
              <a:gd name="connsiteX13" fmla="*/ 633412 w 1928813"/>
              <a:gd name="connsiteY13" fmla="*/ 278932 h 526581"/>
              <a:gd name="connsiteX14" fmla="*/ 683419 w 1928813"/>
              <a:gd name="connsiteY14" fmla="*/ 250356 h 526581"/>
              <a:gd name="connsiteX15" fmla="*/ 704850 w 1928813"/>
              <a:gd name="connsiteY15" fmla="*/ 228924 h 526581"/>
              <a:gd name="connsiteX16" fmla="*/ 742951 w 1928813"/>
              <a:gd name="connsiteY16" fmla="*/ 200348 h 526581"/>
              <a:gd name="connsiteX17" fmla="*/ 769144 w 1928813"/>
              <a:gd name="connsiteY17" fmla="*/ 181299 h 526581"/>
              <a:gd name="connsiteX18" fmla="*/ 831056 w 1928813"/>
              <a:gd name="connsiteY18" fmla="*/ 124150 h 526581"/>
              <a:gd name="connsiteX19" fmla="*/ 876299 w 1928813"/>
              <a:gd name="connsiteY19" fmla="*/ 78906 h 526581"/>
              <a:gd name="connsiteX20" fmla="*/ 933450 w 1928813"/>
              <a:gd name="connsiteY20" fmla="*/ 38424 h 526581"/>
              <a:gd name="connsiteX21" fmla="*/ 962026 w 1928813"/>
              <a:gd name="connsiteY21" fmla="*/ 21757 h 526581"/>
              <a:gd name="connsiteX22" fmla="*/ 1004888 w 1928813"/>
              <a:gd name="connsiteY22" fmla="*/ 7469 h 526581"/>
              <a:gd name="connsiteX23" fmla="*/ 1050132 w 1928813"/>
              <a:gd name="connsiteY23" fmla="*/ 2705 h 526581"/>
              <a:gd name="connsiteX24" fmla="*/ 1090613 w 1928813"/>
              <a:gd name="connsiteY24" fmla="*/ 325 h 526581"/>
              <a:gd name="connsiteX25" fmla="*/ 1128711 w 1928813"/>
              <a:gd name="connsiteY25" fmla="*/ 19375 h 526581"/>
              <a:gd name="connsiteX26" fmla="*/ 1162049 w 1928813"/>
              <a:gd name="connsiteY26" fmla="*/ 43188 h 526581"/>
              <a:gd name="connsiteX27" fmla="*/ 1188244 w 1928813"/>
              <a:gd name="connsiteY27" fmla="*/ 69381 h 526581"/>
              <a:gd name="connsiteX28" fmla="*/ 1231106 w 1928813"/>
              <a:gd name="connsiteY28" fmla="*/ 107482 h 526581"/>
              <a:gd name="connsiteX29" fmla="*/ 1259681 w 1928813"/>
              <a:gd name="connsiteY29" fmla="*/ 145581 h 526581"/>
              <a:gd name="connsiteX30" fmla="*/ 1281113 w 1928813"/>
              <a:gd name="connsiteY30" fmla="*/ 171774 h 526581"/>
              <a:gd name="connsiteX31" fmla="*/ 1312069 w 1928813"/>
              <a:gd name="connsiteY31" fmla="*/ 212256 h 526581"/>
              <a:gd name="connsiteX32" fmla="*/ 1364457 w 1928813"/>
              <a:gd name="connsiteY32" fmla="*/ 278930 h 526581"/>
              <a:gd name="connsiteX33" fmla="*/ 1402557 w 1928813"/>
              <a:gd name="connsiteY33" fmla="*/ 324175 h 526581"/>
              <a:gd name="connsiteX34" fmla="*/ 1426369 w 1928813"/>
              <a:gd name="connsiteY34" fmla="*/ 355131 h 526581"/>
              <a:gd name="connsiteX35" fmla="*/ 1469232 w 1928813"/>
              <a:gd name="connsiteY35" fmla="*/ 390851 h 526581"/>
              <a:gd name="connsiteX36" fmla="*/ 1516856 w 1928813"/>
              <a:gd name="connsiteY36" fmla="*/ 417044 h 526581"/>
              <a:gd name="connsiteX37" fmla="*/ 1557339 w 1928813"/>
              <a:gd name="connsiteY37" fmla="*/ 445619 h 526581"/>
              <a:gd name="connsiteX38" fmla="*/ 1624012 w 1928813"/>
              <a:gd name="connsiteY38" fmla="*/ 474194 h 526581"/>
              <a:gd name="connsiteX39" fmla="*/ 1674019 w 1928813"/>
              <a:gd name="connsiteY39" fmla="*/ 488482 h 526581"/>
              <a:gd name="connsiteX40" fmla="*/ 1743075 w 1928813"/>
              <a:gd name="connsiteY40" fmla="*/ 507531 h 526581"/>
              <a:gd name="connsiteX41" fmla="*/ 1812131 w 1928813"/>
              <a:gd name="connsiteY41" fmla="*/ 519437 h 526581"/>
              <a:gd name="connsiteX42" fmla="*/ 1864519 w 1928813"/>
              <a:gd name="connsiteY42" fmla="*/ 521818 h 526581"/>
              <a:gd name="connsiteX43" fmla="*/ 1928813 w 1928813"/>
              <a:gd name="connsiteY43" fmla="*/ 526581 h 526581"/>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31056 w 1928813"/>
              <a:gd name="connsiteY18" fmla="*/ 121635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76299 w 1928813"/>
              <a:gd name="connsiteY19" fmla="*/ 76391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33450 w 1928813"/>
              <a:gd name="connsiteY20" fmla="*/ 35909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62026 w 1928813"/>
              <a:gd name="connsiteY21" fmla="*/ 19242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7372 h 524066"/>
              <a:gd name="connsiteX1" fmla="*/ 83344 w 1928813"/>
              <a:gd name="connsiteY1" fmla="*/ 309754 h 524066"/>
              <a:gd name="connsiteX2" fmla="*/ 123825 w 1928813"/>
              <a:gd name="connsiteY2" fmla="*/ 309754 h 524066"/>
              <a:gd name="connsiteX3" fmla="*/ 209550 w 1928813"/>
              <a:gd name="connsiteY3" fmla="*/ 304991 h 524066"/>
              <a:gd name="connsiteX4" fmla="*/ 290513 w 1928813"/>
              <a:gd name="connsiteY4" fmla="*/ 290704 h 524066"/>
              <a:gd name="connsiteX5" fmla="*/ 366713 w 1928813"/>
              <a:gd name="connsiteY5" fmla="*/ 271654 h 524066"/>
              <a:gd name="connsiteX6" fmla="*/ 402432 w 1928813"/>
              <a:gd name="connsiteY6" fmla="*/ 262129 h 524066"/>
              <a:gd name="connsiteX7" fmla="*/ 445294 w 1928813"/>
              <a:gd name="connsiteY7" fmla="*/ 262129 h 524066"/>
              <a:gd name="connsiteX8" fmla="*/ 488157 w 1928813"/>
              <a:gd name="connsiteY8" fmla="*/ 271654 h 524066"/>
              <a:gd name="connsiteX9" fmla="*/ 545307 w 1928813"/>
              <a:gd name="connsiteY9" fmla="*/ 281179 h 524066"/>
              <a:gd name="connsiteX10" fmla="*/ 566738 w 1928813"/>
              <a:gd name="connsiteY10" fmla="*/ 281179 h 524066"/>
              <a:gd name="connsiteX11" fmla="*/ 592932 w 1928813"/>
              <a:gd name="connsiteY11" fmla="*/ 285941 h 524066"/>
              <a:gd name="connsiteX12" fmla="*/ 595313 w 1928813"/>
              <a:gd name="connsiteY12" fmla="*/ 285941 h 524066"/>
              <a:gd name="connsiteX13" fmla="*/ 633412 w 1928813"/>
              <a:gd name="connsiteY13" fmla="*/ 276417 h 524066"/>
              <a:gd name="connsiteX14" fmla="*/ 683419 w 1928813"/>
              <a:gd name="connsiteY14" fmla="*/ 247841 h 524066"/>
              <a:gd name="connsiteX15" fmla="*/ 704850 w 1928813"/>
              <a:gd name="connsiteY15" fmla="*/ 226409 h 524066"/>
              <a:gd name="connsiteX16" fmla="*/ 742951 w 1928813"/>
              <a:gd name="connsiteY16" fmla="*/ 197833 h 524066"/>
              <a:gd name="connsiteX17" fmla="*/ 769144 w 1928813"/>
              <a:gd name="connsiteY17" fmla="*/ 178784 h 524066"/>
              <a:gd name="connsiteX18" fmla="*/ 842962 w 1928813"/>
              <a:gd name="connsiteY18" fmla="*/ 126397 h 524066"/>
              <a:gd name="connsiteX19" fmla="*/ 892967 w 1928813"/>
              <a:gd name="connsiteY19" fmla="*/ 74010 h 524066"/>
              <a:gd name="connsiteX20" fmla="*/ 940593 w 1928813"/>
              <a:gd name="connsiteY20" fmla="*/ 40672 h 524066"/>
              <a:gd name="connsiteX21" fmla="*/ 973932 w 1928813"/>
              <a:gd name="connsiteY21" fmla="*/ 21623 h 524066"/>
              <a:gd name="connsiteX22" fmla="*/ 1004888 w 1928813"/>
              <a:gd name="connsiteY22" fmla="*/ 4954 h 524066"/>
              <a:gd name="connsiteX23" fmla="*/ 1050132 w 1928813"/>
              <a:gd name="connsiteY23" fmla="*/ 190 h 524066"/>
              <a:gd name="connsiteX24" fmla="*/ 1092995 w 1928813"/>
              <a:gd name="connsiteY24" fmla="*/ 4954 h 524066"/>
              <a:gd name="connsiteX25" fmla="*/ 1128711 w 1928813"/>
              <a:gd name="connsiteY25" fmla="*/ 16860 h 524066"/>
              <a:gd name="connsiteX26" fmla="*/ 1162049 w 1928813"/>
              <a:gd name="connsiteY26" fmla="*/ 40673 h 524066"/>
              <a:gd name="connsiteX27" fmla="*/ 1188244 w 1928813"/>
              <a:gd name="connsiteY27" fmla="*/ 66866 h 524066"/>
              <a:gd name="connsiteX28" fmla="*/ 1231106 w 1928813"/>
              <a:gd name="connsiteY28" fmla="*/ 104967 h 524066"/>
              <a:gd name="connsiteX29" fmla="*/ 1259681 w 1928813"/>
              <a:gd name="connsiteY29" fmla="*/ 143066 h 524066"/>
              <a:gd name="connsiteX30" fmla="*/ 1281113 w 1928813"/>
              <a:gd name="connsiteY30" fmla="*/ 169259 h 524066"/>
              <a:gd name="connsiteX31" fmla="*/ 1312069 w 1928813"/>
              <a:gd name="connsiteY31" fmla="*/ 209741 h 524066"/>
              <a:gd name="connsiteX32" fmla="*/ 1364457 w 1928813"/>
              <a:gd name="connsiteY32" fmla="*/ 276415 h 524066"/>
              <a:gd name="connsiteX33" fmla="*/ 1402557 w 1928813"/>
              <a:gd name="connsiteY33" fmla="*/ 321660 h 524066"/>
              <a:gd name="connsiteX34" fmla="*/ 1426369 w 1928813"/>
              <a:gd name="connsiteY34" fmla="*/ 352616 h 524066"/>
              <a:gd name="connsiteX35" fmla="*/ 1469232 w 1928813"/>
              <a:gd name="connsiteY35" fmla="*/ 388336 h 524066"/>
              <a:gd name="connsiteX36" fmla="*/ 1516856 w 1928813"/>
              <a:gd name="connsiteY36" fmla="*/ 414529 h 524066"/>
              <a:gd name="connsiteX37" fmla="*/ 1557339 w 1928813"/>
              <a:gd name="connsiteY37" fmla="*/ 443104 h 524066"/>
              <a:gd name="connsiteX38" fmla="*/ 1624012 w 1928813"/>
              <a:gd name="connsiteY38" fmla="*/ 471679 h 524066"/>
              <a:gd name="connsiteX39" fmla="*/ 1674019 w 1928813"/>
              <a:gd name="connsiteY39" fmla="*/ 485967 h 524066"/>
              <a:gd name="connsiteX40" fmla="*/ 1743075 w 1928813"/>
              <a:gd name="connsiteY40" fmla="*/ 505016 h 524066"/>
              <a:gd name="connsiteX41" fmla="*/ 1812131 w 1928813"/>
              <a:gd name="connsiteY41" fmla="*/ 516922 h 524066"/>
              <a:gd name="connsiteX42" fmla="*/ 1864519 w 1928813"/>
              <a:gd name="connsiteY42" fmla="*/ 519303 h 524066"/>
              <a:gd name="connsiteX43" fmla="*/ 1928813 w 1928813"/>
              <a:gd name="connsiteY43" fmla="*/ 524066 h 52406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092995 w 1928813"/>
              <a:gd name="connsiteY24" fmla="*/ 2404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4822 h 521516"/>
              <a:gd name="connsiteX1" fmla="*/ 83344 w 1928813"/>
              <a:gd name="connsiteY1" fmla="*/ 307204 h 521516"/>
              <a:gd name="connsiteX2" fmla="*/ 123825 w 1928813"/>
              <a:gd name="connsiteY2" fmla="*/ 307204 h 521516"/>
              <a:gd name="connsiteX3" fmla="*/ 209550 w 1928813"/>
              <a:gd name="connsiteY3" fmla="*/ 302441 h 521516"/>
              <a:gd name="connsiteX4" fmla="*/ 290513 w 1928813"/>
              <a:gd name="connsiteY4" fmla="*/ 288154 h 521516"/>
              <a:gd name="connsiteX5" fmla="*/ 366713 w 1928813"/>
              <a:gd name="connsiteY5" fmla="*/ 269104 h 521516"/>
              <a:gd name="connsiteX6" fmla="*/ 402432 w 1928813"/>
              <a:gd name="connsiteY6" fmla="*/ 259579 h 521516"/>
              <a:gd name="connsiteX7" fmla="*/ 445294 w 1928813"/>
              <a:gd name="connsiteY7" fmla="*/ 259579 h 521516"/>
              <a:gd name="connsiteX8" fmla="*/ 488157 w 1928813"/>
              <a:gd name="connsiteY8" fmla="*/ 269104 h 521516"/>
              <a:gd name="connsiteX9" fmla="*/ 545307 w 1928813"/>
              <a:gd name="connsiteY9" fmla="*/ 278629 h 521516"/>
              <a:gd name="connsiteX10" fmla="*/ 566738 w 1928813"/>
              <a:gd name="connsiteY10" fmla="*/ 278629 h 521516"/>
              <a:gd name="connsiteX11" fmla="*/ 592932 w 1928813"/>
              <a:gd name="connsiteY11" fmla="*/ 283391 h 521516"/>
              <a:gd name="connsiteX12" fmla="*/ 595313 w 1928813"/>
              <a:gd name="connsiteY12" fmla="*/ 283391 h 521516"/>
              <a:gd name="connsiteX13" fmla="*/ 633412 w 1928813"/>
              <a:gd name="connsiteY13" fmla="*/ 273867 h 521516"/>
              <a:gd name="connsiteX14" fmla="*/ 683419 w 1928813"/>
              <a:gd name="connsiteY14" fmla="*/ 245291 h 521516"/>
              <a:gd name="connsiteX15" fmla="*/ 704850 w 1928813"/>
              <a:gd name="connsiteY15" fmla="*/ 223859 h 521516"/>
              <a:gd name="connsiteX16" fmla="*/ 742951 w 1928813"/>
              <a:gd name="connsiteY16" fmla="*/ 195283 h 521516"/>
              <a:gd name="connsiteX17" fmla="*/ 769144 w 1928813"/>
              <a:gd name="connsiteY17" fmla="*/ 176234 h 521516"/>
              <a:gd name="connsiteX18" fmla="*/ 842962 w 1928813"/>
              <a:gd name="connsiteY18" fmla="*/ 123847 h 521516"/>
              <a:gd name="connsiteX19" fmla="*/ 892967 w 1928813"/>
              <a:gd name="connsiteY19" fmla="*/ 71460 h 521516"/>
              <a:gd name="connsiteX20" fmla="*/ 940593 w 1928813"/>
              <a:gd name="connsiteY20" fmla="*/ 38122 h 521516"/>
              <a:gd name="connsiteX21" fmla="*/ 973932 w 1928813"/>
              <a:gd name="connsiteY21" fmla="*/ 19073 h 521516"/>
              <a:gd name="connsiteX22" fmla="*/ 1004888 w 1928813"/>
              <a:gd name="connsiteY22" fmla="*/ 2404 h 521516"/>
              <a:gd name="connsiteX23" fmla="*/ 1066801 w 1928813"/>
              <a:gd name="connsiteY23" fmla="*/ 7165 h 521516"/>
              <a:gd name="connsiteX24" fmla="*/ 1102520 w 1928813"/>
              <a:gd name="connsiteY24" fmla="*/ 16692 h 521516"/>
              <a:gd name="connsiteX25" fmla="*/ 1128711 w 1928813"/>
              <a:gd name="connsiteY25" fmla="*/ 14310 h 521516"/>
              <a:gd name="connsiteX26" fmla="*/ 1162049 w 1928813"/>
              <a:gd name="connsiteY26" fmla="*/ 38123 h 521516"/>
              <a:gd name="connsiteX27" fmla="*/ 1188244 w 1928813"/>
              <a:gd name="connsiteY27" fmla="*/ 64316 h 521516"/>
              <a:gd name="connsiteX28" fmla="*/ 1231106 w 1928813"/>
              <a:gd name="connsiteY28" fmla="*/ 102417 h 521516"/>
              <a:gd name="connsiteX29" fmla="*/ 1259681 w 1928813"/>
              <a:gd name="connsiteY29" fmla="*/ 140516 h 521516"/>
              <a:gd name="connsiteX30" fmla="*/ 1281113 w 1928813"/>
              <a:gd name="connsiteY30" fmla="*/ 166709 h 521516"/>
              <a:gd name="connsiteX31" fmla="*/ 1312069 w 1928813"/>
              <a:gd name="connsiteY31" fmla="*/ 207191 h 521516"/>
              <a:gd name="connsiteX32" fmla="*/ 1364457 w 1928813"/>
              <a:gd name="connsiteY32" fmla="*/ 273865 h 521516"/>
              <a:gd name="connsiteX33" fmla="*/ 1402557 w 1928813"/>
              <a:gd name="connsiteY33" fmla="*/ 319110 h 521516"/>
              <a:gd name="connsiteX34" fmla="*/ 1426369 w 1928813"/>
              <a:gd name="connsiteY34" fmla="*/ 350066 h 521516"/>
              <a:gd name="connsiteX35" fmla="*/ 1469232 w 1928813"/>
              <a:gd name="connsiteY35" fmla="*/ 385786 h 521516"/>
              <a:gd name="connsiteX36" fmla="*/ 1516856 w 1928813"/>
              <a:gd name="connsiteY36" fmla="*/ 411979 h 521516"/>
              <a:gd name="connsiteX37" fmla="*/ 1557339 w 1928813"/>
              <a:gd name="connsiteY37" fmla="*/ 440554 h 521516"/>
              <a:gd name="connsiteX38" fmla="*/ 1624012 w 1928813"/>
              <a:gd name="connsiteY38" fmla="*/ 469129 h 521516"/>
              <a:gd name="connsiteX39" fmla="*/ 1674019 w 1928813"/>
              <a:gd name="connsiteY39" fmla="*/ 483417 h 521516"/>
              <a:gd name="connsiteX40" fmla="*/ 1743075 w 1928813"/>
              <a:gd name="connsiteY40" fmla="*/ 502466 h 521516"/>
              <a:gd name="connsiteX41" fmla="*/ 1812131 w 1928813"/>
              <a:gd name="connsiteY41" fmla="*/ 514372 h 521516"/>
              <a:gd name="connsiteX42" fmla="*/ 1864519 w 1928813"/>
              <a:gd name="connsiteY42" fmla="*/ 516753 h 521516"/>
              <a:gd name="connsiteX43" fmla="*/ 1928813 w 1928813"/>
              <a:gd name="connsiteY43" fmla="*/ 521516 h 521516"/>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2967 w 1928813"/>
              <a:gd name="connsiteY19" fmla="*/ 72148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28711 w 1928813"/>
              <a:gd name="connsiteY25" fmla="*/ 14998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62049 w 1928813"/>
              <a:gd name="connsiteY26" fmla="*/ 38811 h 522204"/>
              <a:gd name="connsiteX27" fmla="*/ 1188244 w 1928813"/>
              <a:gd name="connsiteY27" fmla="*/ 65004 h 522204"/>
              <a:gd name="connsiteX28" fmla="*/ 1183482 w 1928813"/>
              <a:gd name="connsiteY28" fmla="*/ 60241 h 522204"/>
              <a:gd name="connsiteX29" fmla="*/ 1231106 w 1928813"/>
              <a:gd name="connsiteY29" fmla="*/ 103105 h 522204"/>
              <a:gd name="connsiteX30" fmla="*/ 1259681 w 1928813"/>
              <a:gd name="connsiteY30" fmla="*/ 141204 h 522204"/>
              <a:gd name="connsiteX31" fmla="*/ 1281113 w 1928813"/>
              <a:gd name="connsiteY31" fmla="*/ 167397 h 522204"/>
              <a:gd name="connsiteX32" fmla="*/ 1312069 w 1928813"/>
              <a:gd name="connsiteY32" fmla="*/ 207879 h 522204"/>
              <a:gd name="connsiteX33" fmla="*/ 1364457 w 1928813"/>
              <a:gd name="connsiteY33" fmla="*/ 274553 h 522204"/>
              <a:gd name="connsiteX34" fmla="*/ 1402557 w 1928813"/>
              <a:gd name="connsiteY34" fmla="*/ 319798 h 522204"/>
              <a:gd name="connsiteX35" fmla="*/ 1426369 w 1928813"/>
              <a:gd name="connsiteY35" fmla="*/ 350754 h 522204"/>
              <a:gd name="connsiteX36" fmla="*/ 1469232 w 1928813"/>
              <a:gd name="connsiteY36" fmla="*/ 386474 h 522204"/>
              <a:gd name="connsiteX37" fmla="*/ 1516856 w 1928813"/>
              <a:gd name="connsiteY37" fmla="*/ 412667 h 522204"/>
              <a:gd name="connsiteX38" fmla="*/ 1557339 w 1928813"/>
              <a:gd name="connsiteY38" fmla="*/ 441242 h 522204"/>
              <a:gd name="connsiteX39" fmla="*/ 1624012 w 1928813"/>
              <a:gd name="connsiteY39" fmla="*/ 469817 h 522204"/>
              <a:gd name="connsiteX40" fmla="*/ 1674019 w 1928813"/>
              <a:gd name="connsiteY40" fmla="*/ 484105 h 522204"/>
              <a:gd name="connsiteX41" fmla="*/ 1743075 w 1928813"/>
              <a:gd name="connsiteY41" fmla="*/ 503154 h 522204"/>
              <a:gd name="connsiteX42" fmla="*/ 1812131 w 1928813"/>
              <a:gd name="connsiteY42" fmla="*/ 515060 h 522204"/>
              <a:gd name="connsiteX43" fmla="*/ 1864519 w 1928813"/>
              <a:gd name="connsiteY43" fmla="*/ 517441 h 522204"/>
              <a:gd name="connsiteX44" fmla="*/ 1928813 w 1928813"/>
              <a:gd name="connsiteY44" fmla="*/ 522204 h 522204"/>
              <a:gd name="connsiteX0" fmla="*/ 0 w 1928813"/>
              <a:gd name="connsiteY0" fmla="*/ 305510 h 522204"/>
              <a:gd name="connsiteX1" fmla="*/ 83344 w 1928813"/>
              <a:gd name="connsiteY1" fmla="*/ 307892 h 522204"/>
              <a:gd name="connsiteX2" fmla="*/ 123825 w 1928813"/>
              <a:gd name="connsiteY2" fmla="*/ 307892 h 522204"/>
              <a:gd name="connsiteX3" fmla="*/ 209550 w 1928813"/>
              <a:gd name="connsiteY3" fmla="*/ 303129 h 522204"/>
              <a:gd name="connsiteX4" fmla="*/ 290513 w 1928813"/>
              <a:gd name="connsiteY4" fmla="*/ 288842 h 522204"/>
              <a:gd name="connsiteX5" fmla="*/ 366713 w 1928813"/>
              <a:gd name="connsiteY5" fmla="*/ 269792 h 522204"/>
              <a:gd name="connsiteX6" fmla="*/ 402432 w 1928813"/>
              <a:gd name="connsiteY6" fmla="*/ 260267 h 522204"/>
              <a:gd name="connsiteX7" fmla="*/ 445294 w 1928813"/>
              <a:gd name="connsiteY7" fmla="*/ 260267 h 522204"/>
              <a:gd name="connsiteX8" fmla="*/ 488157 w 1928813"/>
              <a:gd name="connsiteY8" fmla="*/ 269792 h 522204"/>
              <a:gd name="connsiteX9" fmla="*/ 545307 w 1928813"/>
              <a:gd name="connsiteY9" fmla="*/ 279317 h 522204"/>
              <a:gd name="connsiteX10" fmla="*/ 566738 w 1928813"/>
              <a:gd name="connsiteY10" fmla="*/ 279317 h 522204"/>
              <a:gd name="connsiteX11" fmla="*/ 592932 w 1928813"/>
              <a:gd name="connsiteY11" fmla="*/ 284079 h 522204"/>
              <a:gd name="connsiteX12" fmla="*/ 595313 w 1928813"/>
              <a:gd name="connsiteY12" fmla="*/ 284079 h 522204"/>
              <a:gd name="connsiteX13" fmla="*/ 633412 w 1928813"/>
              <a:gd name="connsiteY13" fmla="*/ 274555 h 522204"/>
              <a:gd name="connsiteX14" fmla="*/ 683419 w 1928813"/>
              <a:gd name="connsiteY14" fmla="*/ 245979 h 522204"/>
              <a:gd name="connsiteX15" fmla="*/ 704850 w 1928813"/>
              <a:gd name="connsiteY15" fmla="*/ 224547 h 522204"/>
              <a:gd name="connsiteX16" fmla="*/ 742951 w 1928813"/>
              <a:gd name="connsiteY16" fmla="*/ 195971 h 522204"/>
              <a:gd name="connsiteX17" fmla="*/ 769144 w 1928813"/>
              <a:gd name="connsiteY17" fmla="*/ 176922 h 522204"/>
              <a:gd name="connsiteX18" fmla="*/ 842962 w 1928813"/>
              <a:gd name="connsiteY18" fmla="*/ 124535 h 522204"/>
              <a:gd name="connsiteX19" fmla="*/ 897730 w 1928813"/>
              <a:gd name="connsiteY19" fmla="*/ 79292 h 522204"/>
              <a:gd name="connsiteX20" fmla="*/ 940593 w 1928813"/>
              <a:gd name="connsiteY20" fmla="*/ 38810 h 522204"/>
              <a:gd name="connsiteX21" fmla="*/ 973932 w 1928813"/>
              <a:gd name="connsiteY21" fmla="*/ 19761 h 522204"/>
              <a:gd name="connsiteX22" fmla="*/ 1004888 w 1928813"/>
              <a:gd name="connsiteY22" fmla="*/ 3092 h 522204"/>
              <a:gd name="connsiteX23" fmla="*/ 1073944 w 1928813"/>
              <a:gd name="connsiteY23" fmla="*/ 3090 h 522204"/>
              <a:gd name="connsiteX24" fmla="*/ 1102520 w 1928813"/>
              <a:gd name="connsiteY24" fmla="*/ 17380 h 522204"/>
              <a:gd name="connsiteX25" fmla="*/ 1138236 w 1928813"/>
              <a:gd name="connsiteY25" fmla="*/ 36429 h 522204"/>
              <a:gd name="connsiteX26" fmla="*/ 1188244 w 1928813"/>
              <a:gd name="connsiteY26" fmla="*/ 65004 h 522204"/>
              <a:gd name="connsiteX27" fmla="*/ 1183482 w 1928813"/>
              <a:gd name="connsiteY27" fmla="*/ 60241 h 522204"/>
              <a:gd name="connsiteX28" fmla="*/ 1231106 w 1928813"/>
              <a:gd name="connsiteY28" fmla="*/ 103105 h 522204"/>
              <a:gd name="connsiteX29" fmla="*/ 1259681 w 1928813"/>
              <a:gd name="connsiteY29" fmla="*/ 141204 h 522204"/>
              <a:gd name="connsiteX30" fmla="*/ 1281113 w 1928813"/>
              <a:gd name="connsiteY30" fmla="*/ 167397 h 522204"/>
              <a:gd name="connsiteX31" fmla="*/ 1312069 w 1928813"/>
              <a:gd name="connsiteY31" fmla="*/ 207879 h 522204"/>
              <a:gd name="connsiteX32" fmla="*/ 1364457 w 1928813"/>
              <a:gd name="connsiteY32" fmla="*/ 274553 h 522204"/>
              <a:gd name="connsiteX33" fmla="*/ 1402557 w 1928813"/>
              <a:gd name="connsiteY33" fmla="*/ 319798 h 522204"/>
              <a:gd name="connsiteX34" fmla="*/ 1426369 w 1928813"/>
              <a:gd name="connsiteY34" fmla="*/ 350754 h 522204"/>
              <a:gd name="connsiteX35" fmla="*/ 1469232 w 1928813"/>
              <a:gd name="connsiteY35" fmla="*/ 386474 h 522204"/>
              <a:gd name="connsiteX36" fmla="*/ 1516856 w 1928813"/>
              <a:gd name="connsiteY36" fmla="*/ 412667 h 522204"/>
              <a:gd name="connsiteX37" fmla="*/ 1557339 w 1928813"/>
              <a:gd name="connsiteY37" fmla="*/ 441242 h 522204"/>
              <a:gd name="connsiteX38" fmla="*/ 1624012 w 1928813"/>
              <a:gd name="connsiteY38" fmla="*/ 469817 h 522204"/>
              <a:gd name="connsiteX39" fmla="*/ 1674019 w 1928813"/>
              <a:gd name="connsiteY39" fmla="*/ 484105 h 522204"/>
              <a:gd name="connsiteX40" fmla="*/ 1743075 w 1928813"/>
              <a:gd name="connsiteY40" fmla="*/ 503154 h 522204"/>
              <a:gd name="connsiteX41" fmla="*/ 1812131 w 1928813"/>
              <a:gd name="connsiteY41" fmla="*/ 515060 h 522204"/>
              <a:gd name="connsiteX42" fmla="*/ 1864519 w 1928813"/>
              <a:gd name="connsiteY42" fmla="*/ 517441 h 522204"/>
              <a:gd name="connsiteX43" fmla="*/ 1928813 w 1928813"/>
              <a:gd name="connsiteY43" fmla="*/ 522204 h 522204"/>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02520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38236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183482 w 1928813"/>
              <a:gd name="connsiteY27" fmla="*/ 6196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4913 w 1928813"/>
              <a:gd name="connsiteY27" fmla="*/ 71492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36 h 523930"/>
              <a:gd name="connsiteX1" fmla="*/ 83344 w 1928813"/>
              <a:gd name="connsiteY1" fmla="*/ 309618 h 523930"/>
              <a:gd name="connsiteX2" fmla="*/ 123825 w 1928813"/>
              <a:gd name="connsiteY2" fmla="*/ 309618 h 523930"/>
              <a:gd name="connsiteX3" fmla="*/ 209550 w 1928813"/>
              <a:gd name="connsiteY3" fmla="*/ 304855 h 523930"/>
              <a:gd name="connsiteX4" fmla="*/ 290513 w 1928813"/>
              <a:gd name="connsiteY4" fmla="*/ 290568 h 523930"/>
              <a:gd name="connsiteX5" fmla="*/ 366713 w 1928813"/>
              <a:gd name="connsiteY5" fmla="*/ 271518 h 523930"/>
              <a:gd name="connsiteX6" fmla="*/ 402432 w 1928813"/>
              <a:gd name="connsiteY6" fmla="*/ 261993 h 523930"/>
              <a:gd name="connsiteX7" fmla="*/ 445294 w 1928813"/>
              <a:gd name="connsiteY7" fmla="*/ 261993 h 523930"/>
              <a:gd name="connsiteX8" fmla="*/ 488157 w 1928813"/>
              <a:gd name="connsiteY8" fmla="*/ 271518 h 523930"/>
              <a:gd name="connsiteX9" fmla="*/ 545307 w 1928813"/>
              <a:gd name="connsiteY9" fmla="*/ 281043 h 523930"/>
              <a:gd name="connsiteX10" fmla="*/ 566738 w 1928813"/>
              <a:gd name="connsiteY10" fmla="*/ 281043 h 523930"/>
              <a:gd name="connsiteX11" fmla="*/ 592932 w 1928813"/>
              <a:gd name="connsiteY11" fmla="*/ 285805 h 523930"/>
              <a:gd name="connsiteX12" fmla="*/ 595313 w 1928813"/>
              <a:gd name="connsiteY12" fmla="*/ 285805 h 523930"/>
              <a:gd name="connsiteX13" fmla="*/ 633412 w 1928813"/>
              <a:gd name="connsiteY13" fmla="*/ 276281 h 523930"/>
              <a:gd name="connsiteX14" fmla="*/ 683419 w 1928813"/>
              <a:gd name="connsiteY14" fmla="*/ 247705 h 523930"/>
              <a:gd name="connsiteX15" fmla="*/ 704850 w 1928813"/>
              <a:gd name="connsiteY15" fmla="*/ 226273 h 523930"/>
              <a:gd name="connsiteX16" fmla="*/ 742951 w 1928813"/>
              <a:gd name="connsiteY16" fmla="*/ 197697 h 523930"/>
              <a:gd name="connsiteX17" fmla="*/ 769144 w 1928813"/>
              <a:gd name="connsiteY17" fmla="*/ 178648 h 523930"/>
              <a:gd name="connsiteX18" fmla="*/ 842962 w 1928813"/>
              <a:gd name="connsiteY18" fmla="*/ 126261 h 523930"/>
              <a:gd name="connsiteX19" fmla="*/ 897730 w 1928813"/>
              <a:gd name="connsiteY19" fmla="*/ 81018 h 523930"/>
              <a:gd name="connsiteX20" fmla="*/ 940593 w 1928813"/>
              <a:gd name="connsiteY20" fmla="*/ 40536 h 523930"/>
              <a:gd name="connsiteX21" fmla="*/ 973932 w 1928813"/>
              <a:gd name="connsiteY21" fmla="*/ 21487 h 523930"/>
              <a:gd name="connsiteX22" fmla="*/ 1004888 w 1928813"/>
              <a:gd name="connsiteY22" fmla="*/ 4818 h 523930"/>
              <a:gd name="connsiteX23" fmla="*/ 1064419 w 1928813"/>
              <a:gd name="connsiteY23" fmla="*/ 53 h 523930"/>
              <a:gd name="connsiteX24" fmla="*/ 1116807 w 1928813"/>
              <a:gd name="connsiteY24" fmla="*/ 19106 h 523930"/>
              <a:gd name="connsiteX25" fmla="*/ 1152524 w 1928813"/>
              <a:gd name="connsiteY25" fmla="*/ 38155 h 523930"/>
              <a:gd name="connsiteX26" fmla="*/ 1188244 w 1928813"/>
              <a:gd name="connsiteY26" fmla="*/ 66730 h 523930"/>
              <a:gd name="connsiteX27" fmla="*/ 1207295 w 1928813"/>
              <a:gd name="connsiteY27" fmla="*/ 81017 h 523930"/>
              <a:gd name="connsiteX28" fmla="*/ 1231106 w 1928813"/>
              <a:gd name="connsiteY28" fmla="*/ 104831 h 523930"/>
              <a:gd name="connsiteX29" fmla="*/ 1259681 w 1928813"/>
              <a:gd name="connsiteY29" fmla="*/ 142930 h 523930"/>
              <a:gd name="connsiteX30" fmla="*/ 1281113 w 1928813"/>
              <a:gd name="connsiteY30" fmla="*/ 169123 h 523930"/>
              <a:gd name="connsiteX31" fmla="*/ 1312069 w 1928813"/>
              <a:gd name="connsiteY31" fmla="*/ 209605 h 523930"/>
              <a:gd name="connsiteX32" fmla="*/ 1364457 w 1928813"/>
              <a:gd name="connsiteY32" fmla="*/ 276279 h 523930"/>
              <a:gd name="connsiteX33" fmla="*/ 1402557 w 1928813"/>
              <a:gd name="connsiteY33" fmla="*/ 321524 h 523930"/>
              <a:gd name="connsiteX34" fmla="*/ 1426369 w 1928813"/>
              <a:gd name="connsiteY34" fmla="*/ 352480 h 523930"/>
              <a:gd name="connsiteX35" fmla="*/ 1469232 w 1928813"/>
              <a:gd name="connsiteY35" fmla="*/ 388200 h 523930"/>
              <a:gd name="connsiteX36" fmla="*/ 1516856 w 1928813"/>
              <a:gd name="connsiteY36" fmla="*/ 414393 h 523930"/>
              <a:gd name="connsiteX37" fmla="*/ 1557339 w 1928813"/>
              <a:gd name="connsiteY37" fmla="*/ 442968 h 523930"/>
              <a:gd name="connsiteX38" fmla="*/ 1624012 w 1928813"/>
              <a:gd name="connsiteY38" fmla="*/ 471543 h 523930"/>
              <a:gd name="connsiteX39" fmla="*/ 1674019 w 1928813"/>
              <a:gd name="connsiteY39" fmla="*/ 485831 h 523930"/>
              <a:gd name="connsiteX40" fmla="*/ 1743075 w 1928813"/>
              <a:gd name="connsiteY40" fmla="*/ 504880 h 523930"/>
              <a:gd name="connsiteX41" fmla="*/ 1812131 w 1928813"/>
              <a:gd name="connsiteY41" fmla="*/ 516786 h 523930"/>
              <a:gd name="connsiteX42" fmla="*/ 1864519 w 1928813"/>
              <a:gd name="connsiteY42" fmla="*/ 519167 h 523930"/>
              <a:gd name="connsiteX43" fmla="*/ 1928813 w 1928813"/>
              <a:gd name="connsiteY43" fmla="*/ 523930 h 523930"/>
              <a:gd name="connsiteX0" fmla="*/ 0 w 1928813"/>
              <a:gd name="connsiteY0" fmla="*/ 307266 h 523960"/>
              <a:gd name="connsiteX1" fmla="*/ 83344 w 1928813"/>
              <a:gd name="connsiteY1" fmla="*/ 309648 h 523960"/>
              <a:gd name="connsiteX2" fmla="*/ 123825 w 1928813"/>
              <a:gd name="connsiteY2" fmla="*/ 309648 h 523960"/>
              <a:gd name="connsiteX3" fmla="*/ 209550 w 1928813"/>
              <a:gd name="connsiteY3" fmla="*/ 304885 h 523960"/>
              <a:gd name="connsiteX4" fmla="*/ 290513 w 1928813"/>
              <a:gd name="connsiteY4" fmla="*/ 290598 h 523960"/>
              <a:gd name="connsiteX5" fmla="*/ 366713 w 1928813"/>
              <a:gd name="connsiteY5" fmla="*/ 271548 h 523960"/>
              <a:gd name="connsiteX6" fmla="*/ 402432 w 1928813"/>
              <a:gd name="connsiteY6" fmla="*/ 262023 h 523960"/>
              <a:gd name="connsiteX7" fmla="*/ 445294 w 1928813"/>
              <a:gd name="connsiteY7" fmla="*/ 262023 h 523960"/>
              <a:gd name="connsiteX8" fmla="*/ 488157 w 1928813"/>
              <a:gd name="connsiteY8" fmla="*/ 271548 h 523960"/>
              <a:gd name="connsiteX9" fmla="*/ 545307 w 1928813"/>
              <a:gd name="connsiteY9" fmla="*/ 281073 h 523960"/>
              <a:gd name="connsiteX10" fmla="*/ 566738 w 1928813"/>
              <a:gd name="connsiteY10" fmla="*/ 281073 h 523960"/>
              <a:gd name="connsiteX11" fmla="*/ 592932 w 1928813"/>
              <a:gd name="connsiteY11" fmla="*/ 285835 h 523960"/>
              <a:gd name="connsiteX12" fmla="*/ 595313 w 1928813"/>
              <a:gd name="connsiteY12" fmla="*/ 285835 h 523960"/>
              <a:gd name="connsiteX13" fmla="*/ 633412 w 1928813"/>
              <a:gd name="connsiteY13" fmla="*/ 276311 h 523960"/>
              <a:gd name="connsiteX14" fmla="*/ 683419 w 1928813"/>
              <a:gd name="connsiteY14" fmla="*/ 247735 h 523960"/>
              <a:gd name="connsiteX15" fmla="*/ 704850 w 1928813"/>
              <a:gd name="connsiteY15" fmla="*/ 226303 h 523960"/>
              <a:gd name="connsiteX16" fmla="*/ 742951 w 1928813"/>
              <a:gd name="connsiteY16" fmla="*/ 197727 h 523960"/>
              <a:gd name="connsiteX17" fmla="*/ 769144 w 1928813"/>
              <a:gd name="connsiteY17" fmla="*/ 178678 h 523960"/>
              <a:gd name="connsiteX18" fmla="*/ 842962 w 1928813"/>
              <a:gd name="connsiteY18" fmla="*/ 126291 h 523960"/>
              <a:gd name="connsiteX19" fmla="*/ 897730 w 1928813"/>
              <a:gd name="connsiteY19" fmla="*/ 81048 h 523960"/>
              <a:gd name="connsiteX20" fmla="*/ 940593 w 1928813"/>
              <a:gd name="connsiteY20" fmla="*/ 40566 h 523960"/>
              <a:gd name="connsiteX21" fmla="*/ 973932 w 1928813"/>
              <a:gd name="connsiteY21" fmla="*/ 21517 h 523960"/>
              <a:gd name="connsiteX22" fmla="*/ 1004888 w 1928813"/>
              <a:gd name="connsiteY22" fmla="*/ 4848 h 523960"/>
              <a:gd name="connsiteX23" fmla="*/ 1064419 w 1928813"/>
              <a:gd name="connsiteY23" fmla="*/ 83 h 523960"/>
              <a:gd name="connsiteX24" fmla="*/ 1121570 w 1928813"/>
              <a:gd name="connsiteY24" fmla="*/ 11993 h 523960"/>
              <a:gd name="connsiteX25" fmla="*/ 1152524 w 1928813"/>
              <a:gd name="connsiteY25" fmla="*/ 38185 h 523960"/>
              <a:gd name="connsiteX26" fmla="*/ 1188244 w 1928813"/>
              <a:gd name="connsiteY26" fmla="*/ 66760 h 523960"/>
              <a:gd name="connsiteX27" fmla="*/ 1207295 w 1928813"/>
              <a:gd name="connsiteY27" fmla="*/ 81047 h 523960"/>
              <a:gd name="connsiteX28" fmla="*/ 1231106 w 1928813"/>
              <a:gd name="connsiteY28" fmla="*/ 104861 h 523960"/>
              <a:gd name="connsiteX29" fmla="*/ 1259681 w 1928813"/>
              <a:gd name="connsiteY29" fmla="*/ 142960 h 523960"/>
              <a:gd name="connsiteX30" fmla="*/ 1281113 w 1928813"/>
              <a:gd name="connsiteY30" fmla="*/ 169153 h 523960"/>
              <a:gd name="connsiteX31" fmla="*/ 1312069 w 1928813"/>
              <a:gd name="connsiteY31" fmla="*/ 209635 h 523960"/>
              <a:gd name="connsiteX32" fmla="*/ 1364457 w 1928813"/>
              <a:gd name="connsiteY32" fmla="*/ 276309 h 523960"/>
              <a:gd name="connsiteX33" fmla="*/ 1402557 w 1928813"/>
              <a:gd name="connsiteY33" fmla="*/ 321554 h 523960"/>
              <a:gd name="connsiteX34" fmla="*/ 1426369 w 1928813"/>
              <a:gd name="connsiteY34" fmla="*/ 352510 h 523960"/>
              <a:gd name="connsiteX35" fmla="*/ 1469232 w 1928813"/>
              <a:gd name="connsiteY35" fmla="*/ 388230 h 523960"/>
              <a:gd name="connsiteX36" fmla="*/ 1516856 w 1928813"/>
              <a:gd name="connsiteY36" fmla="*/ 414423 h 523960"/>
              <a:gd name="connsiteX37" fmla="*/ 1557339 w 1928813"/>
              <a:gd name="connsiteY37" fmla="*/ 442998 h 523960"/>
              <a:gd name="connsiteX38" fmla="*/ 1624012 w 1928813"/>
              <a:gd name="connsiteY38" fmla="*/ 471573 h 523960"/>
              <a:gd name="connsiteX39" fmla="*/ 1674019 w 1928813"/>
              <a:gd name="connsiteY39" fmla="*/ 485861 h 523960"/>
              <a:gd name="connsiteX40" fmla="*/ 1743075 w 1928813"/>
              <a:gd name="connsiteY40" fmla="*/ 504910 h 523960"/>
              <a:gd name="connsiteX41" fmla="*/ 1812131 w 1928813"/>
              <a:gd name="connsiteY41" fmla="*/ 516816 h 523960"/>
              <a:gd name="connsiteX42" fmla="*/ 1864519 w 1928813"/>
              <a:gd name="connsiteY42" fmla="*/ 519197 h 523960"/>
              <a:gd name="connsiteX43" fmla="*/ 1928813 w 1928813"/>
              <a:gd name="connsiteY43" fmla="*/ 523960 h 523960"/>
              <a:gd name="connsiteX0" fmla="*/ 0 w 1928813"/>
              <a:gd name="connsiteY0" fmla="*/ 307183 h 523877"/>
              <a:gd name="connsiteX1" fmla="*/ 83344 w 1928813"/>
              <a:gd name="connsiteY1" fmla="*/ 309565 h 523877"/>
              <a:gd name="connsiteX2" fmla="*/ 123825 w 1928813"/>
              <a:gd name="connsiteY2" fmla="*/ 309565 h 523877"/>
              <a:gd name="connsiteX3" fmla="*/ 209550 w 1928813"/>
              <a:gd name="connsiteY3" fmla="*/ 304802 h 523877"/>
              <a:gd name="connsiteX4" fmla="*/ 290513 w 1928813"/>
              <a:gd name="connsiteY4" fmla="*/ 290515 h 523877"/>
              <a:gd name="connsiteX5" fmla="*/ 366713 w 1928813"/>
              <a:gd name="connsiteY5" fmla="*/ 271465 h 523877"/>
              <a:gd name="connsiteX6" fmla="*/ 402432 w 1928813"/>
              <a:gd name="connsiteY6" fmla="*/ 261940 h 523877"/>
              <a:gd name="connsiteX7" fmla="*/ 445294 w 1928813"/>
              <a:gd name="connsiteY7" fmla="*/ 261940 h 523877"/>
              <a:gd name="connsiteX8" fmla="*/ 488157 w 1928813"/>
              <a:gd name="connsiteY8" fmla="*/ 271465 h 523877"/>
              <a:gd name="connsiteX9" fmla="*/ 545307 w 1928813"/>
              <a:gd name="connsiteY9" fmla="*/ 280990 h 523877"/>
              <a:gd name="connsiteX10" fmla="*/ 566738 w 1928813"/>
              <a:gd name="connsiteY10" fmla="*/ 280990 h 523877"/>
              <a:gd name="connsiteX11" fmla="*/ 592932 w 1928813"/>
              <a:gd name="connsiteY11" fmla="*/ 285752 h 523877"/>
              <a:gd name="connsiteX12" fmla="*/ 595313 w 1928813"/>
              <a:gd name="connsiteY12" fmla="*/ 285752 h 523877"/>
              <a:gd name="connsiteX13" fmla="*/ 633412 w 1928813"/>
              <a:gd name="connsiteY13" fmla="*/ 276228 h 523877"/>
              <a:gd name="connsiteX14" fmla="*/ 683419 w 1928813"/>
              <a:gd name="connsiteY14" fmla="*/ 247652 h 523877"/>
              <a:gd name="connsiteX15" fmla="*/ 704850 w 1928813"/>
              <a:gd name="connsiteY15" fmla="*/ 226220 h 523877"/>
              <a:gd name="connsiteX16" fmla="*/ 742951 w 1928813"/>
              <a:gd name="connsiteY16" fmla="*/ 197644 h 523877"/>
              <a:gd name="connsiteX17" fmla="*/ 769144 w 1928813"/>
              <a:gd name="connsiteY17" fmla="*/ 178595 h 523877"/>
              <a:gd name="connsiteX18" fmla="*/ 842962 w 1928813"/>
              <a:gd name="connsiteY18" fmla="*/ 126208 h 523877"/>
              <a:gd name="connsiteX19" fmla="*/ 897730 w 1928813"/>
              <a:gd name="connsiteY19" fmla="*/ 80965 h 523877"/>
              <a:gd name="connsiteX20" fmla="*/ 940593 w 1928813"/>
              <a:gd name="connsiteY20" fmla="*/ 40483 h 523877"/>
              <a:gd name="connsiteX21" fmla="*/ 973932 w 1928813"/>
              <a:gd name="connsiteY21" fmla="*/ 21434 h 523877"/>
              <a:gd name="connsiteX22" fmla="*/ 1004888 w 1928813"/>
              <a:gd name="connsiteY22" fmla="*/ 4765 h 523877"/>
              <a:gd name="connsiteX23" fmla="*/ 1064419 w 1928813"/>
              <a:gd name="connsiteY23" fmla="*/ 0 h 523877"/>
              <a:gd name="connsiteX24" fmla="*/ 1092994 w 1928813"/>
              <a:gd name="connsiteY24" fmla="*/ 7145 h 523877"/>
              <a:gd name="connsiteX25" fmla="*/ 1121570 w 1928813"/>
              <a:gd name="connsiteY25" fmla="*/ 11910 h 523877"/>
              <a:gd name="connsiteX26" fmla="*/ 1152524 w 1928813"/>
              <a:gd name="connsiteY26" fmla="*/ 38102 h 523877"/>
              <a:gd name="connsiteX27" fmla="*/ 1188244 w 1928813"/>
              <a:gd name="connsiteY27" fmla="*/ 66677 h 523877"/>
              <a:gd name="connsiteX28" fmla="*/ 1207295 w 1928813"/>
              <a:gd name="connsiteY28" fmla="*/ 80964 h 523877"/>
              <a:gd name="connsiteX29" fmla="*/ 1231106 w 1928813"/>
              <a:gd name="connsiteY29" fmla="*/ 104778 h 523877"/>
              <a:gd name="connsiteX30" fmla="*/ 1259681 w 1928813"/>
              <a:gd name="connsiteY30" fmla="*/ 142877 h 523877"/>
              <a:gd name="connsiteX31" fmla="*/ 1281113 w 1928813"/>
              <a:gd name="connsiteY31" fmla="*/ 169070 h 523877"/>
              <a:gd name="connsiteX32" fmla="*/ 1312069 w 1928813"/>
              <a:gd name="connsiteY32" fmla="*/ 209552 h 523877"/>
              <a:gd name="connsiteX33" fmla="*/ 1364457 w 1928813"/>
              <a:gd name="connsiteY33" fmla="*/ 276226 h 523877"/>
              <a:gd name="connsiteX34" fmla="*/ 1402557 w 1928813"/>
              <a:gd name="connsiteY34" fmla="*/ 321471 h 523877"/>
              <a:gd name="connsiteX35" fmla="*/ 1426369 w 1928813"/>
              <a:gd name="connsiteY35" fmla="*/ 352427 h 523877"/>
              <a:gd name="connsiteX36" fmla="*/ 1469232 w 1928813"/>
              <a:gd name="connsiteY36" fmla="*/ 388147 h 523877"/>
              <a:gd name="connsiteX37" fmla="*/ 1516856 w 1928813"/>
              <a:gd name="connsiteY37" fmla="*/ 414340 h 523877"/>
              <a:gd name="connsiteX38" fmla="*/ 1557339 w 1928813"/>
              <a:gd name="connsiteY38" fmla="*/ 442915 h 523877"/>
              <a:gd name="connsiteX39" fmla="*/ 1624012 w 1928813"/>
              <a:gd name="connsiteY39" fmla="*/ 471490 h 523877"/>
              <a:gd name="connsiteX40" fmla="*/ 1674019 w 1928813"/>
              <a:gd name="connsiteY40" fmla="*/ 485778 h 523877"/>
              <a:gd name="connsiteX41" fmla="*/ 1743075 w 1928813"/>
              <a:gd name="connsiteY41" fmla="*/ 504827 h 523877"/>
              <a:gd name="connsiteX42" fmla="*/ 1812131 w 1928813"/>
              <a:gd name="connsiteY42" fmla="*/ 516733 h 523877"/>
              <a:gd name="connsiteX43" fmla="*/ 1864519 w 1928813"/>
              <a:gd name="connsiteY43" fmla="*/ 519114 h 523877"/>
              <a:gd name="connsiteX44" fmla="*/ 1928813 w 1928813"/>
              <a:gd name="connsiteY44" fmla="*/ 523877 h 523877"/>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11907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1570 w 1928813"/>
              <a:gd name="connsiteY25" fmla="*/ 16672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2524 w 1928813"/>
              <a:gd name="connsiteY26" fmla="*/ 42864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59668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92994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85726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09540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73832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9681 w 1928813"/>
              <a:gd name="connsiteY30" fmla="*/ 147639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16856 w 1928813"/>
              <a:gd name="connsiteY37" fmla="*/ 419102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11945 h 528639"/>
              <a:gd name="connsiteX1" fmla="*/ 83344 w 1928813"/>
              <a:gd name="connsiteY1" fmla="*/ 314327 h 528639"/>
              <a:gd name="connsiteX2" fmla="*/ 123825 w 1928813"/>
              <a:gd name="connsiteY2" fmla="*/ 314327 h 528639"/>
              <a:gd name="connsiteX3" fmla="*/ 209550 w 1928813"/>
              <a:gd name="connsiteY3" fmla="*/ 309564 h 528639"/>
              <a:gd name="connsiteX4" fmla="*/ 290513 w 1928813"/>
              <a:gd name="connsiteY4" fmla="*/ 295277 h 528639"/>
              <a:gd name="connsiteX5" fmla="*/ 366713 w 1928813"/>
              <a:gd name="connsiteY5" fmla="*/ 276227 h 528639"/>
              <a:gd name="connsiteX6" fmla="*/ 402432 w 1928813"/>
              <a:gd name="connsiteY6" fmla="*/ 266702 h 528639"/>
              <a:gd name="connsiteX7" fmla="*/ 445294 w 1928813"/>
              <a:gd name="connsiteY7" fmla="*/ 266702 h 528639"/>
              <a:gd name="connsiteX8" fmla="*/ 488157 w 1928813"/>
              <a:gd name="connsiteY8" fmla="*/ 276227 h 528639"/>
              <a:gd name="connsiteX9" fmla="*/ 545307 w 1928813"/>
              <a:gd name="connsiteY9" fmla="*/ 285752 h 528639"/>
              <a:gd name="connsiteX10" fmla="*/ 566738 w 1928813"/>
              <a:gd name="connsiteY10" fmla="*/ 285752 h 528639"/>
              <a:gd name="connsiteX11" fmla="*/ 592932 w 1928813"/>
              <a:gd name="connsiteY11" fmla="*/ 290514 h 528639"/>
              <a:gd name="connsiteX12" fmla="*/ 595313 w 1928813"/>
              <a:gd name="connsiteY12" fmla="*/ 290514 h 528639"/>
              <a:gd name="connsiteX13" fmla="*/ 633412 w 1928813"/>
              <a:gd name="connsiteY13" fmla="*/ 280990 h 528639"/>
              <a:gd name="connsiteX14" fmla="*/ 683419 w 1928813"/>
              <a:gd name="connsiteY14" fmla="*/ 252414 h 528639"/>
              <a:gd name="connsiteX15" fmla="*/ 704850 w 1928813"/>
              <a:gd name="connsiteY15" fmla="*/ 230982 h 528639"/>
              <a:gd name="connsiteX16" fmla="*/ 742951 w 1928813"/>
              <a:gd name="connsiteY16" fmla="*/ 202406 h 528639"/>
              <a:gd name="connsiteX17" fmla="*/ 769144 w 1928813"/>
              <a:gd name="connsiteY17" fmla="*/ 183357 h 528639"/>
              <a:gd name="connsiteX18" fmla="*/ 842962 w 1928813"/>
              <a:gd name="connsiteY18" fmla="*/ 130970 h 528639"/>
              <a:gd name="connsiteX19" fmla="*/ 897730 w 1928813"/>
              <a:gd name="connsiteY19" fmla="*/ 85727 h 528639"/>
              <a:gd name="connsiteX20" fmla="*/ 940593 w 1928813"/>
              <a:gd name="connsiteY20" fmla="*/ 45245 h 528639"/>
              <a:gd name="connsiteX21" fmla="*/ 973932 w 1928813"/>
              <a:gd name="connsiteY21" fmla="*/ 26196 h 528639"/>
              <a:gd name="connsiteX22" fmla="*/ 1004888 w 1928813"/>
              <a:gd name="connsiteY22" fmla="*/ 9527 h 528639"/>
              <a:gd name="connsiteX23" fmla="*/ 1040607 w 1928813"/>
              <a:gd name="connsiteY23" fmla="*/ 0 h 528639"/>
              <a:gd name="connsiteX24" fmla="*/ 1085850 w 1928813"/>
              <a:gd name="connsiteY24" fmla="*/ 4763 h 528639"/>
              <a:gd name="connsiteX25" fmla="*/ 1126333 w 1928813"/>
              <a:gd name="connsiteY25" fmla="*/ 23815 h 528639"/>
              <a:gd name="connsiteX26" fmla="*/ 1166812 w 1928813"/>
              <a:gd name="connsiteY26" fmla="*/ 52389 h 528639"/>
              <a:gd name="connsiteX27" fmla="*/ 1188244 w 1928813"/>
              <a:gd name="connsiteY27" fmla="*/ 71439 h 528639"/>
              <a:gd name="connsiteX28" fmla="*/ 1207295 w 1928813"/>
              <a:gd name="connsiteY28" fmla="*/ 95251 h 528639"/>
              <a:gd name="connsiteX29" fmla="*/ 1231106 w 1928813"/>
              <a:gd name="connsiteY29" fmla="*/ 121446 h 528639"/>
              <a:gd name="connsiteX30" fmla="*/ 1257300 w 1928813"/>
              <a:gd name="connsiteY30" fmla="*/ 154783 h 528639"/>
              <a:gd name="connsiteX31" fmla="*/ 1281113 w 1928813"/>
              <a:gd name="connsiteY31" fmla="*/ 180975 h 528639"/>
              <a:gd name="connsiteX32" fmla="*/ 1312069 w 1928813"/>
              <a:gd name="connsiteY32" fmla="*/ 214314 h 528639"/>
              <a:gd name="connsiteX33" fmla="*/ 1364457 w 1928813"/>
              <a:gd name="connsiteY33" fmla="*/ 280988 h 528639"/>
              <a:gd name="connsiteX34" fmla="*/ 1402557 w 1928813"/>
              <a:gd name="connsiteY34" fmla="*/ 326233 h 528639"/>
              <a:gd name="connsiteX35" fmla="*/ 1426369 w 1928813"/>
              <a:gd name="connsiteY35" fmla="*/ 357189 h 528639"/>
              <a:gd name="connsiteX36" fmla="*/ 1469232 w 1928813"/>
              <a:gd name="connsiteY36" fmla="*/ 392909 h 528639"/>
              <a:gd name="connsiteX37" fmla="*/ 1509712 w 1928813"/>
              <a:gd name="connsiteY37" fmla="*/ 423864 h 528639"/>
              <a:gd name="connsiteX38" fmla="*/ 1557339 w 1928813"/>
              <a:gd name="connsiteY38" fmla="*/ 447677 h 528639"/>
              <a:gd name="connsiteX39" fmla="*/ 1624012 w 1928813"/>
              <a:gd name="connsiteY39" fmla="*/ 476252 h 528639"/>
              <a:gd name="connsiteX40" fmla="*/ 1674019 w 1928813"/>
              <a:gd name="connsiteY40" fmla="*/ 490540 h 528639"/>
              <a:gd name="connsiteX41" fmla="*/ 1743075 w 1928813"/>
              <a:gd name="connsiteY41" fmla="*/ 509589 h 528639"/>
              <a:gd name="connsiteX42" fmla="*/ 1812131 w 1928813"/>
              <a:gd name="connsiteY42" fmla="*/ 521495 h 528639"/>
              <a:gd name="connsiteX43" fmla="*/ 1864519 w 1928813"/>
              <a:gd name="connsiteY43" fmla="*/ 523876 h 528639"/>
              <a:gd name="connsiteX44" fmla="*/ 1928813 w 1928813"/>
              <a:gd name="connsiteY44" fmla="*/ 528639 h 528639"/>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4988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973932 w 1928813"/>
              <a:gd name="connsiteY21" fmla="*/ 21657 h 524100"/>
              <a:gd name="connsiteX22" fmla="*/ 1004888 w 1928813"/>
              <a:gd name="connsiteY22" fmla="*/ 16894 h 524100"/>
              <a:gd name="connsiteX23" fmla="*/ 1040607 w 1928813"/>
              <a:gd name="connsiteY23" fmla="*/ 9748 h 524100"/>
              <a:gd name="connsiteX24" fmla="*/ 1085850 w 1928813"/>
              <a:gd name="connsiteY24" fmla="*/ 224 h 524100"/>
              <a:gd name="connsiteX25" fmla="*/ 1126333 w 1928813"/>
              <a:gd name="connsiteY25" fmla="*/ 19276 h 524100"/>
              <a:gd name="connsiteX26" fmla="*/ 1166812 w 1928813"/>
              <a:gd name="connsiteY26" fmla="*/ 47850 h 524100"/>
              <a:gd name="connsiteX27" fmla="*/ 1188244 w 1928813"/>
              <a:gd name="connsiteY27" fmla="*/ 66900 h 524100"/>
              <a:gd name="connsiteX28" fmla="*/ 1207295 w 1928813"/>
              <a:gd name="connsiteY28" fmla="*/ 90712 h 524100"/>
              <a:gd name="connsiteX29" fmla="*/ 1231106 w 1928813"/>
              <a:gd name="connsiteY29" fmla="*/ 116907 h 524100"/>
              <a:gd name="connsiteX30" fmla="*/ 1257300 w 1928813"/>
              <a:gd name="connsiteY30" fmla="*/ 150244 h 524100"/>
              <a:gd name="connsiteX31" fmla="*/ 1281113 w 1928813"/>
              <a:gd name="connsiteY31" fmla="*/ 176436 h 524100"/>
              <a:gd name="connsiteX32" fmla="*/ 1312069 w 1928813"/>
              <a:gd name="connsiteY32" fmla="*/ 209775 h 524100"/>
              <a:gd name="connsiteX33" fmla="*/ 1364457 w 1928813"/>
              <a:gd name="connsiteY33" fmla="*/ 276449 h 524100"/>
              <a:gd name="connsiteX34" fmla="*/ 1402557 w 1928813"/>
              <a:gd name="connsiteY34" fmla="*/ 321694 h 524100"/>
              <a:gd name="connsiteX35" fmla="*/ 1426369 w 1928813"/>
              <a:gd name="connsiteY35" fmla="*/ 352650 h 524100"/>
              <a:gd name="connsiteX36" fmla="*/ 1469232 w 1928813"/>
              <a:gd name="connsiteY36" fmla="*/ 388370 h 524100"/>
              <a:gd name="connsiteX37" fmla="*/ 1509712 w 1928813"/>
              <a:gd name="connsiteY37" fmla="*/ 419325 h 524100"/>
              <a:gd name="connsiteX38" fmla="*/ 1557339 w 1928813"/>
              <a:gd name="connsiteY38" fmla="*/ 443138 h 524100"/>
              <a:gd name="connsiteX39" fmla="*/ 1624012 w 1928813"/>
              <a:gd name="connsiteY39" fmla="*/ 471713 h 524100"/>
              <a:gd name="connsiteX40" fmla="*/ 1674019 w 1928813"/>
              <a:gd name="connsiteY40" fmla="*/ 486001 h 524100"/>
              <a:gd name="connsiteX41" fmla="*/ 1743075 w 1928813"/>
              <a:gd name="connsiteY41" fmla="*/ 505050 h 524100"/>
              <a:gd name="connsiteX42" fmla="*/ 1812131 w 1928813"/>
              <a:gd name="connsiteY42" fmla="*/ 516956 h 524100"/>
              <a:gd name="connsiteX43" fmla="*/ 1864519 w 1928813"/>
              <a:gd name="connsiteY43" fmla="*/ 519337 h 524100"/>
              <a:gd name="connsiteX44" fmla="*/ 1928813 w 1928813"/>
              <a:gd name="connsiteY44"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40593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307406 h 524100"/>
              <a:gd name="connsiteX1" fmla="*/ 83344 w 1928813"/>
              <a:gd name="connsiteY1" fmla="*/ 309788 h 524100"/>
              <a:gd name="connsiteX2" fmla="*/ 123825 w 1928813"/>
              <a:gd name="connsiteY2" fmla="*/ 309788 h 524100"/>
              <a:gd name="connsiteX3" fmla="*/ 209550 w 1928813"/>
              <a:gd name="connsiteY3" fmla="*/ 305025 h 524100"/>
              <a:gd name="connsiteX4" fmla="*/ 290513 w 1928813"/>
              <a:gd name="connsiteY4" fmla="*/ 290738 h 524100"/>
              <a:gd name="connsiteX5" fmla="*/ 366713 w 1928813"/>
              <a:gd name="connsiteY5" fmla="*/ 271688 h 524100"/>
              <a:gd name="connsiteX6" fmla="*/ 402432 w 1928813"/>
              <a:gd name="connsiteY6" fmla="*/ 262163 h 524100"/>
              <a:gd name="connsiteX7" fmla="*/ 445294 w 1928813"/>
              <a:gd name="connsiteY7" fmla="*/ 262163 h 524100"/>
              <a:gd name="connsiteX8" fmla="*/ 488157 w 1928813"/>
              <a:gd name="connsiteY8" fmla="*/ 271688 h 524100"/>
              <a:gd name="connsiteX9" fmla="*/ 545307 w 1928813"/>
              <a:gd name="connsiteY9" fmla="*/ 281213 h 524100"/>
              <a:gd name="connsiteX10" fmla="*/ 566738 w 1928813"/>
              <a:gd name="connsiteY10" fmla="*/ 281213 h 524100"/>
              <a:gd name="connsiteX11" fmla="*/ 592932 w 1928813"/>
              <a:gd name="connsiteY11" fmla="*/ 285975 h 524100"/>
              <a:gd name="connsiteX12" fmla="*/ 595313 w 1928813"/>
              <a:gd name="connsiteY12" fmla="*/ 285975 h 524100"/>
              <a:gd name="connsiteX13" fmla="*/ 633412 w 1928813"/>
              <a:gd name="connsiteY13" fmla="*/ 276451 h 524100"/>
              <a:gd name="connsiteX14" fmla="*/ 683419 w 1928813"/>
              <a:gd name="connsiteY14" fmla="*/ 247875 h 524100"/>
              <a:gd name="connsiteX15" fmla="*/ 704850 w 1928813"/>
              <a:gd name="connsiteY15" fmla="*/ 226443 h 524100"/>
              <a:gd name="connsiteX16" fmla="*/ 742951 w 1928813"/>
              <a:gd name="connsiteY16" fmla="*/ 197867 h 524100"/>
              <a:gd name="connsiteX17" fmla="*/ 769144 w 1928813"/>
              <a:gd name="connsiteY17" fmla="*/ 178818 h 524100"/>
              <a:gd name="connsiteX18" fmla="*/ 842962 w 1928813"/>
              <a:gd name="connsiteY18" fmla="*/ 126431 h 524100"/>
              <a:gd name="connsiteX19" fmla="*/ 897730 w 1928813"/>
              <a:gd name="connsiteY19" fmla="*/ 81188 h 524100"/>
              <a:gd name="connsiteX20" fmla="*/ 950118 w 1928813"/>
              <a:gd name="connsiteY20" fmla="*/ 40706 h 524100"/>
              <a:gd name="connsiteX21" fmla="*/ 1004888 w 1928813"/>
              <a:gd name="connsiteY21" fmla="*/ 16894 h 524100"/>
              <a:gd name="connsiteX22" fmla="*/ 1040607 w 1928813"/>
              <a:gd name="connsiteY22" fmla="*/ 9748 h 524100"/>
              <a:gd name="connsiteX23" fmla="*/ 1085850 w 1928813"/>
              <a:gd name="connsiteY23" fmla="*/ 224 h 524100"/>
              <a:gd name="connsiteX24" fmla="*/ 1126333 w 1928813"/>
              <a:gd name="connsiteY24" fmla="*/ 19276 h 524100"/>
              <a:gd name="connsiteX25" fmla="*/ 1166812 w 1928813"/>
              <a:gd name="connsiteY25" fmla="*/ 47850 h 524100"/>
              <a:gd name="connsiteX26" fmla="*/ 1188244 w 1928813"/>
              <a:gd name="connsiteY26" fmla="*/ 66900 h 524100"/>
              <a:gd name="connsiteX27" fmla="*/ 1207295 w 1928813"/>
              <a:gd name="connsiteY27" fmla="*/ 90712 h 524100"/>
              <a:gd name="connsiteX28" fmla="*/ 1231106 w 1928813"/>
              <a:gd name="connsiteY28" fmla="*/ 116907 h 524100"/>
              <a:gd name="connsiteX29" fmla="*/ 1257300 w 1928813"/>
              <a:gd name="connsiteY29" fmla="*/ 150244 h 524100"/>
              <a:gd name="connsiteX30" fmla="*/ 1281113 w 1928813"/>
              <a:gd name="connsiteY30" fmla="*/ 176436 h 524100"/>
              <a:gd name="connsiteX31" fmla="*/ 1312069 w 1928813"/>
              <a:gd name="connsiteY31" fmla="*/ 209775 h 524100"/>
              <a:gd name="connsiteX32" fmla="*/ 1364457 w 1928813"/>
              <a:gd name="connsiteY32" fmla="*/ 276449 h 524100"/>
              <a:gd name="connsiteX33" fmla="*/ 1402557 w 1928813"/>
              <a:gd name="connsiteY33" fmla="*/ 321694 h 524100"/>
              <a:gd name="connsiteX34" fmla="*/ 1426369 w 1928813"/>
              <a:gd name="connsiteY34" fmla="*/ 352650 h 524100"/>
              <a:gd name="connsiteX35" fmla="*/ 1469232 w 1928813"/>
              <a:gd name="connsiteY35" fmla="*/ 388370 h 524100"/>
              <a:gd name="connsiteX36" fmla="*/ 1509712 w 1928813"/>
              <a:gd name="connsiteY36" fmla="*/ 419325 h 524100"/>
              <a:gd name="connsiteX37" fmla="*/ 1557339 w 1928813"/>
              <a:gd name="connsiteY37" fmla="*/ 443138 h 524100"/>
              <a:gd name="connsiteX38" fmla="*/ 1624012 w 1928813"/>
              <a:gd name="connsiteY38" fmla="*/ 471713 h 524100"/>
              <a:gd name="connsiteX39" fmla="*/ 1674019 w 1928813"/>
              <a:gd name="connsiteY39" fmla="*/ 486001 h 524100"/>
              <a:gd name="connsiteX40" fmla="*/ 1743075 w 1928813"/>
              <a:gd name="connsiteY40" fmla="*/ 505050 h 524100"/>
              <a:gd name="connsiteX41" fmla="*/ 1812131 w 1928813"/>
              <a:gd name="connsiteY41" fmla="*/ 516956 h 524100"/>
              <a:gd name="connsiteX42" fmla="*/ 1864519 w 1928813"/>
              <a:gd name="connsiteY42" fmla="*/ 519337 h 524100"/>
              <a:gd name="connsiteX43" fmla="*/ 1928813 w 1928813"/>
              <a:gd name="connsiteY43" fmla="*/ 524100 h 524100"/>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6333 w 1928813"/>
              <a:gd name="connsiteY24" fmla="*/ 9528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45294 w 1928813"/>
              <a:gd name="connsiteY7" fmla="*/ 252415 h 514352"/>
              <a:gd name="connsiteX8" fmla="*/ 488157 w 1928813"/>
              <a:gd name="connsiteY8" fmla="*/ 261940 h 514352"/>
              <a:gd name="connsiteX9" fmla="*/ 545307 w 1928813"/>
              <a:gd name="connsiteY9" fmla="*/ 271465 h 514352"/>
              <a:gd name="connsiteX10" fmla="*/ 566738 w 1928813"/>
              <a:gd name="connsiteY10" fmla="*/ 271465 h 514352"/>
              <a:gd name="connsiteX11" fmla="*/ 592932 w 1928813"/>
              <a:gd name="connsiteY11" fmla="*/ 276227 h 514352"/>
              <a:gd name="connsiteX12" fmla="*/ 595313 w 1928813"/>
              <a:gd name="connsiteY12" fmla="*/ 276227 h 514352"/>
              <a:gd name="connsiteX13" fmla="*/ 633412 w 1928813"/>
              <a:gd name="connsiteY13" fmla="*/ 266703 h 514352"/>
              <a:gd name="connsiteX14" fmla="*/ 683419 w 1928813"/>
              <a:gd name="connsiteY14" fmla="*/ 238127 h 514352"/>
              <a:gd name="connsiteX15" fmla="*/ 704850 w 1928813"/>
              <a:gd name="connsiteY15" fmla="*/ 216695 h 514352"/>
              <a:gd name="connsiteX16" fmla="*/ 742951 w 1928813"/>
              <a:gd name="connsiteY16" fmla="*/ 188119 h 514352"/>
              <a:gd name="connsiteX17" fmla="*/ 769144 w 1928813"/>
              <a:gd name="connsiteY17" fmla="*/ 169070 h 514352"/>
              <a:gd name="connsiteX18" fmla="*/ 842962 w 1928813"/>
              <a:gd name="connsiteY18" fmla="*/ 116683 h 514352"/>
              <a:gd name="connsiteX19" fmla="*/ 897730 w 1928813"/>
              <a:gd name="connsiteY19" fmla="*/ 71440 h 514352"/>
              <a:gd name="connsiteX20" fmla="*/ 950118 w 1928813"/>
              <a:gd name="connsiteY20" fmla="*/ 30958 h 514352"/>
              <a:gd name="connsiteX21" fmla="*/ 1004888 w 1928813"/>
              <a:gd name="connsiteY21" fmla="*/ 7146 h 514352"/>
              <a:gd name="connsiteX22" fmla="*/ 1040607 w 1928813"/>
              <a:gd name="connsiteY22" fmla="*/ 0 h 514352"/>
              <a:gd name="connsiteX23" fmla="*/ 1090613 w 1928813"/>
              <a:gd name="connsiteY23" fmla="*/ 2382 h 514352"/>
              <a:gd name="connsiteX24" fmla="*/ 1128714 w 1928813"/>
              <a:gd name="connsiteY24" fmla="*/ 26197 h 514352"/>
              <a:gd name="connsiteX25" fmla="*/ 1166812 w 1928813"/>
              <a:gd name="connsiteY25" fmla="*/ 38102 h 514352"/>
              <a:gd name="connsiteX26" fmla="*/ 1188244 w 1928813"/>
              <a:gd name="connsiteY26" fmla="*/ 57152 h 514352"/>
              <a:gd name="connsiteX27" fmla="*/ 1207295 w 1928813"/>
              <a:gd name="connsiteY27" fmla="*/ 80964 h 514352"/>
              <a:gd name="connsiteX28" fmla="*/ 1231106 w 1928813"/>
              <a:gd name="connsiteY28" fmla="*/ 107159 h 514352"/>
              <a:gd name="connsiteX29" fmla="*/ 1257300 w 1928813"/>
              <a:gd name="connsiteY29" fmla="*/ 140496 h 514352"/>
              <a:gd name="connsiteX30" fmla="*/ 1281113 w 1928813"/>
              <a:gd name="connsiteY30" fmla="*/ 166688 h 514352"/>
              <a:gd name="connsiteX31" fmla="*/ 1312069 w 1928813"/>
              <a:gd name="connsiteY31" fmla="*/ 200027 h 514352"/>
              <a:gd name="connsiteX32" fmla="*/ 1364457 w 1928813"/>
              <a:gd name="connsiteY32" fmla="*/ 266701 h 514352"/>
              <a:gd name="connsiteX33" fmla="*/ 1402557 w 1928813"/>
              <a:gd name="connsiteY33" fmla="*/ 311946 h 514352"/>
              <a:gd name="connsiteX34" fmla="*/ 1426369 w 1928813"/>
              <a:gd name="connsiteY34" fmla="*/ 342902 h 514352"/>
              <a:gd name="connsiteX35" fmla="*/ 1469232 w 1928813"/>
              <a:gd name="connsiteY35" fmla="*/ 378622 h 514352"/>
              <a:gd name="connsiteX36" fmla="*/ 1509712 w 1928813"/>
              <a:gd name="connsiteY36" fmla="*/ 409577 h 514352"/>
              <a:gd name="connsiteX37" fmla="*/ 1557339 w 1928813"/>
              <a:gd name="connsiteY37" fmla="*/ 433390 h 514352"/>
              <a:gd name="connsiteX38" fmla="*/ 1624012 w 1928813"/>
              <a:gd name="connsiteY38" fmla="*/ 461965 h 514352"/>
              <a:gd name="connsiteX39" fmla="*/ 1674019 w 1928813"/>
              <a:gd name="connsiteY39" fmla="*/ 476253 h 514352"/>
              <a:gd name="connsiteX40" fmla="*/ 1743075 w 1928813"/>
              <a:gd name="connsiteY40" fmla="*/ 495302 h 514352"/>
              <a:gd name="connsiteX41" fmla="*/ 1812131 w 1928813"/>
              <a:gd name="connsiteY41" fmla="*/ 507208 h 514352"/>
              <a:gd name="connsiteX42" fmla="*/ 1864519 w 1928813"/>
              <a:gd name="connsiteY42" fmla="*/ 509589 h 514352"/>
              <a:gd name="connsiteX43" fmla="*/ 1928813 w 1928813"/>
              <a:gd name="connsiteY43" fmla="*/ 514352 h 514352"/>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66812 w 1928813"/>
              <a:gd name="connsiteY24" fmla="*/ 39198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42999 w 1928813"/>
              <a:gd name="connsiteY24" fmla="*/ 32054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67784 h 515448"/>
              <a:gd name="connsiteX30" fmla="*/ 1312069 w 1928813"/>
              <a:gd name="connsiteY30" fmla="*/ 201123 h 515448"/>
              <a:gd name="connsiteX31" fmla="*/ 1364457 w 1928813"/>
              <a:gd name="connsiteY31" fmla="*/ 267797 h 515448"/>
              <a:gd name="connsiteX32" fmla="*/ 1402557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28711 w 1928813"/>
              <a:gd name="connsiteY24" fmla="*/ 22529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2050 w 1928813"/>
              <a:gd name="connsiteY25" fmla="*/ 41577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402557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64457 w 1928813"/>
              <a:gd name="connsiteY32" fmla="*/ 267797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01123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9213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67784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66738 w 1928813"/>
              <a:gd name="connsiteY10" fmla="*/ 272561 h 515448"/>
              <a:gd name="connsiteX11" fmla="*/ 592932 w 1928813"/>
              <a:gd name="connsiteY11" fmla="*/ 277323 h 515448"/>
              <a:gd name="connsiteX12" fmla="*/ 595313 w 1928813"/>
              <a:gd name="connsiteY12" fmla="*/ 277323 h 515448"/>
              <a:gd name="connsiteX13" fmla="*/ 633412 w 1928813"/>
              <a:gd name="connsiteY13" fmla="*/ 267799 h 515448"/>
              <a:gd name="connsiteX14" fmla="*/ 683419 w 1928813"/>
              <a:gd name="connsiteY14" fmla="*/ 239223 h 515448"/>
              <a:gd name="connsiteX15" fmla="*/ 704850 w 1928813"/>
              <a:gd name="connsiteY15" fmla="*/ 217791 h 515448"/>
              <a:gd name="connsiteX16" fmla="*/ 742951 w 1928813"/>
              <a:gd name="connsiteY16" fmla="*/ 189215 h 515448"/>
              <a:gd name="connsiteX17" fmla="*/ 769144 w 1928813"/>
              <a:gd name="connsiteY17" fmla="*/ 170166 h 515448"/>
              <a:gd name="connsiteX18" fmla="*/ 842962 w 1928813"/>
              <a:gd name="connsiteY18" fmla="*/ 117779 h 515448"/>
              <a:gd name="connsiteX19" fmla="*/ 897730 w 1928813"/>
              <a:gd name="connsiteY19" fmla="*/ 72536 h 515448"/>
              <a:gd name="connsiteX20" fmla="*/ 950118 w 1928813"/>
              <a:gd name="connsiteY20" fmla="*/ 32054 h 515448"/>
              <a:gd name="connsiteX21" fmla="*/ 1004888 w 1928813"/>
              <a:gd name="connsiteY21" fmla="*/ 8242 h 515448"/>
              <a:gd name="connsiteX22" fmla="*/ 1040607 w 1928813"/>
              <a:gd name="connsiteY22" fmla="*/ 1096 h 515448"/>
              <a:gd name="connsiteX23" fmla="*/ 1090613 w 1928813"/>
              <a:gd name="connsiteY23" fmla="*/ 3478 h 515448"/>
              <a:gd name="connsiteX24" fmla="*/ 1135855 w 1928813"/>
              <a:gd name="connsiteY24" fmla="*/ 17767 h 515448"/>
              <a:gd name="connsiteX25" fmla="*/ 1169194 w 1928813"/>
              <a:gd name="connsiteY25" fmla="*/ 39195 h 515448"/>
              <a:gd name="connsiteX26" fmla="*/ 1188244 w 1928813"/>
              <a:gd name="connsiteY26" fmla="*/ 58248 h 515448"/>
              <a:gd name="connsiteX27" fmla="*/ 1207295 w 1928813"/>
              <a:gd name="connsiteY27" fmla="*/ 82060 h 515448"/>
              <a:gd name="connsiteX28" fmla="*/ 1231106 w 1928813"/>
              <a:gd name="connsiteY28" fmla="*/ 108255 h 515448"/>
              <a:gd name="connsiteX29" fmla="*/ 1257300 w 1928813"/>
              <a:gd name="connsiteY29" fmla="*/ 141592 h 515448"/>
              <a:gd name="connsiteX30" fmla="*/ 1281113 w 1928813"/>
              <a:gd name="connsiteY30" fmla="*/ 177309 h 515448"/>
              <a:gd name="connsiteX31" fmla="*/ 1312069 w 1928813"/>
              <a:gd name="connsiteY31" fmla="*/ 215411 h 515448"/>
              <a:gd name="connsiteX32" fmla="*/ 1357313 w 1928813"/>
              <a:gd name="connsiteY32" fmla="*/ 272559 h 515448"/>
              <a:gd name="connsiteX33" fmla="*/ 1395413 w 1928813"/>
              <a:gd name="connsiteY33" fmla="*/ 313042 h 515448"/>
              <a:gd name="connsiteX34" fmla="*/ 1426369 w 1928813"/>
              <a:gd name="connsiteY34" fmla="*/ 343998 h 515448"/>
              <a:gd name="connsiteX35" fmla="*/ 1469232 w 1928813"/>
              <a:gd name="connsiteY35" fmla="*/ 379718 h 515448"/>
              <a:gd name="connsiteX36" fmla="*/ 1509712 w 1928813"/>
              <a:gd name="connsiteY36" fmla="*/ 410673 h 515448"/>
              <a:gd name="connsiteX37" fmla="*/ 1557339 w 1928813"/>
              <a:gd name="connsiteY37" fmla="*/ 434486 h 515448"/>
              <a:gd name="connsiteX38" fmla="*/ 1624012 w 1928813"/>
              <a:gd name="connsiteY38" fmla="*/ 463061 h 515448"/>
              <a:gd name="connsiteX39" fmla="*/ 1674019 w 1928813"/>
              <a:gd name="connsiteY39" fmla="*/ 477349 h 515448"/>
              <a:gd name="connsiteX40" fmla="*/ 1743075 w 1928813"/>
              <a:gd name="connsiteY40" fmla="*/ 496398 h 515448"/>
              <a:gd name="connsiteX41" fmla="*/ 1812131 w 1928813"/>
              <a:gd name="connsiteY41" fmla="*/ 508304 h 515448"/>
              <a:gd name="connsiteX42" fmla="*/ 1864519 w 1928813"/>
              <a:gd name="connsiteY42" fmla="*/ 510685 h 515448"/>
              <a:gd name="connsiteX43" fmla="*/ 1928813 w 1928813"/>
              <a:gd name="connsiteY43"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5313 w 1928813"/>
              <a:gd name="connsiteY11" fmla="*/ 277323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2932 w 1928813"/>
              <a:gd name="connsiteY10" fmla="*/ 277323 h 515448"/>
              <a:gd name="connsiteX11" fmla="*/ 597694 w 1928813"/>
              <a:gd name="connsiteY11" fmla="*/ 289229 h 515448"/>
              <a:gd name="connsiteX12" fmla="*/ 633412 w 1928813"/>
              <a:gd name="connsiteY12" fmla="*/ 267799 h 515448"/>
              <a:gd name="connsiteX13" fmla="*/ 683419 w 1928813"/>
              <a:gd name="connsiteY13" fmla="*/ 239223 h 515448"/>
              <a:gd name="connsiteX14" fmla="*/ 704850 w 1928813"/>
              <a:gd name="connsiteY14" fmla="*/ 217791 h 515448"/>
              <a:gd name="connsiteX15" fmla="*/ 742951 w 1928813"/>
              <a:gd name="connsiteY15" fmla="*/ 189215 h 515448"/>
              <a:gd name="connsiteX16" fmla="*/ 769144 w 1928813"/>
              <a:gd name="connsiteY16" fmla="*/ 170166 h 515448"/>
              <a:gd name="connsiteX17" fmla="*/ 842962 w 1928813"/>
              <a:gd name="connsiteY17" fmla="*/ 117779 h 515448"/>
              <a:gd name="connsiteX18" fmla="*/ 897730 w 1928813"/>
              <a:gd name="connsiteY18" fmla="*/ 72536 h 515448"/>
              <a:gd name="connsiteX19" fmla="*/ 950118 w 1928813"/>
              <a:gd name="connsiteY19" fmla="*/ 32054 h 515448"/>
              <a:gd name="connsiteX20" fmla="*/ 1004888 w 1928813"/>
              <a:gd name="connsiteY20" fmla="*/ 8242 h 515448"/>
              <a:gd name="connsiteX21" fmla="*/ 1040607 w 1928813"/>
              <a:gd name="connsiteY21" fmla="*/ 1096 h 515448"/>
              <a:gd name="connsiteX22" fmla="*/ 1090613 w 1928813"/>
              <a:gd name="connsiteY22" fmla="*/ 3478 h 515448"/>
              <a:gd name="connsiteX23" fmla="*/ 1135855 w 1928813"/>
              <a:gd name="connsiteY23" fmla="*/ 17767 h 515448"/>
              <a:gd name="connsiteX24" fmla="*/ 1169194 w 1928813"/>
              <a:gd name="connsiteY24" fmla="*/ 39195 h 515448"/>
              <a:gd name="connsiteX25" fmla="*/ 1188244 w 1928813"/>
              <a:gd name="connsiteY25" fmla="*/ 58248 h 515448"/>
              <a:gd name="connsiteX26" fmla="*/ 1207295 w 1928813"/>
              <a:gd name="connsiteY26" fmla="*/ 82060 h 515448"/>
              <a:gd name="connsiteX27" fmla="*/ 1231106 w 1928813"/>
              <a:gd name="connsiteY27" fmla="*/ 108255 h 515448"/>
              <a:gd name="connsiteX28" fmla="*/ 1257300 w 1928813"/>
              <a:gd name="connsiteY28" fmla="*/ 141592 h 515448"/>
              <a:gd name="connsiteX29" fmla="*/ 1281113 w 1928813"/>
              <a:gd name="connsiteY29" fmla="*/ 177309 h 515448"/>
              <a:gd name="connsiteX30" fmla="*/ 1312069 w 1928813"/>
              <a:gd name="connsiteY30" fmla="*/ 215411 h 515448"/>
              <a:gd name="connsiteX31" fmla="*/ 1357313 w 1928813"/>
              <a:gd name="connsiteY31" fmla="*/ 272559 h 515448"/>
              <a:gd name="connsiteX32" fmla="*/ 1395413 w 1928813"/>
              <a:gd name="connsiteY32" fmla="*/ 313042 h 515448"/>
              <a:gd name="connsiteX33" fmla="*/ 1426369 w 1928813"/>
              <a:gd name="connsiteY33" fmla="*/ 343998 h 515448"/>
              <a:gd name="connsiteX34" fmla="*/ 1469232 w 1928813"/>
              <a:gd name="connsiteY34" fmla="*/ 379718 h 515448"/>
              <a:gd name="connsiteX35" fmla="*/ 1509712 w 1928813"/>
              <a:gd name="connsiteY35" fmla="*/ 410673 h 515448"/>
              <a:gd name="connsiteX36" fmla="*/ 1557339 w 1928813"/>
              <a:gd name="connsiteY36" fmla="*/ 434486 h 515448"/>
              <a:gd name="connsiteX37" fmla="*/ 1624012 w 1928813"/>
              <a:gd name="connsiteY37" fmla="*/ 463061 h 515448"/>
              <a:gd name="connsiteX38" fmla="*/ 1674019 w 1928813"/>
              <a:gd name="connsiteY38" fmla="*/ 477349 h 515448"/>
              <a:gd name="connsiteX39" fmla="*/ 1743075 w 1928813"/>
              <a:gd name="connsiteY39" fmla="*/ 496398 h 515448"/>
              <a:gd name="connsiteX40" fmla="*/ 1812131 w 1928813"/>
              <a:gd name="connsiteY40" fmla="*/ 508304 h 515448"/>
              <a:gd name="connsiteX41" fmla="*/ 1864519 w 1928813"/>
              <a:gd name="connsiteY41" fmla="*/ 510685 h 515448"/>
              <a:gd name="connsiteX42" fmla="*/ 1928813 w 1928813"/>
              <a:gd name="connsiteY42"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488157 w 1928813"/>
              <a:gd name="connsiteY8" fmla="*/ 263036 h 515448"/>
              <a:gd name="connsiteX9" fmla="*/ 545307 w 1928813"/>
              <a:gd name="connsiteY9" fmla="*/ 272561 h 515448"/>
              <a:gd name="connsiteX10" fmla="*/ 597694 w 1928813"/>
              <a:gd name="connsiteY10" fmla="*/ 289229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45294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289229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45307 w 1928813"/>
              <a:gd name="connsiteY9" fmla="*/ 282084 h 515448"/>
              <a:gd name="connsiteX10" fmla="*/ 597694 w 1928813"/>
              <a:gd name="connsiteY10" fmla="*/ 301136 h 515448"/>
              <a:gd name="connsiteX11" fmla="*/ 633412 w 1928813"/>
              <a:gd name="connsiteY11" fmla="*/ 267799 h 515448"/>
              <a:gd name="connsiteX12" fmla="*/ 683419 w 1928813"/>
              <a:gd name="connsiteY12" fmla="*/ 239223 h 515448"/>
              <a:gd name="connsiteX13" fmla="*/ 704850 w 1928813"/>
              <a:gd name="connsiteY13" fmla="*/ 217791 h 515448"/>
              <a:gd name="connsiteX14" fmla="*/ 742951 w 1928813"/>
              <a:gd name="connsiteY14" fmla="*/ 189215 h 515448"/>
              <a:gd name="connsiteX15" fmla="*/ 769144 w 1928813"/>
              <a:gd name="connsiteY15" fmla="*/ 170166 h 515448"/>
              <a:gd name="connsiteX16" fmla="*/ 842962 w 1928813"/>
              <a:gd name="connsiteY16" fmla="*/ 117779 h 515448"/>
              <a:gd name="connsiteX17" fmla="*/ 897730 w 1928813"/>
              <a:gd name="connsiteY17" fmla="*/ 72536 h 515448"/>
              <a:gd name="connsiteX18" fmla="*/ 950118 w 1928813"/>
              <a:gd name="connsiteY18" fmla="*/ 32054 h 515448"/>
              <a:gd name="connsiteX19" fmla="*/ 1004888 w 1928813"/>
              <a:gd name="connsiteY19" fmla="*/ 8242 h 515448"/>
              <a:gd name="connsiteX20" fmla="*/ 1040607 w 1928813"/>
              <a:gd name="connsiteY20" fmla="*/ 1096 h 515448"/>
              <a:gd name="connsiteX21" fmla="*/ 1090613 w 1928813"/>
              <a:gd name="connsiteY21" fmla="*/ 3478 h 515448"/>
              <a:gd name="connsiteX22" fmla="*/ 1135855 w 1928813"/>
              <a:gd name="connsiteY22" fmla="*/ 17767 h 515448"/>
              <a:gd name="connsiteX23" fmla="*/ 1169194 w 1928813"/>
              <a:gd name="connsiteY23" fmla="*/ 39195 h 515448"/>
              <a:gd name="connsiteX24" fmla="*/ 1188244 w 1928813"/>
              <a:gd name="connsiteY24" fmla="*/ 58248 h 515448"/>
              <a:gd name="connsiteX25" fmla="*/ 1207295 w 1928813"/>
              <a:gd name="connsiteY25" fmla="*/ 82060 h 515448"/>
              <a:gd name="connsiteX26" fmla="*/ 1231106 w 1928813"/>
              <a:gd name="connsiteY26" fmla="*/ 108255 h 515448"/>
              <a:gd name="connsiteX27" fmla="*/ 1257300 w 1928813"/>
              <a:gd name="connsiteY27" fmla="*/ 141592 h 515448"/>
              <a:gd name="connsiteX28" fmla="*/ 1281113 w 1928813"/>
              <a:gd name="connsiteY28" fmla="*/ 177309 h 515448"/>
              <a:gd name="connsiteX29" fmla="*/ 1312069 w 1928813"/>
              <a:gd name="connsiteY29" fmla="*/ 215411 h 515448"/>
              <a:gd name="connsiteX30" fmla="*/ 1357313 w 1928813"/>
              <a:gd name="connsiteY30" fmla="*/ 272559 h 515448"/>
              <a:gd name="connsiteX31" fmla="*/ 1395413 w 1928813"/>
              <a:gd name="connsiteY31" fmla="*/ 313042 h 515448"/>
              <a:gd name="connsiteX32" fmla="*/ 1426369 w 1928813"/>
              <a:gd name="connsiteY32" fmla="*/ 343998 h 515448"/>
              <a:gd name="connsiteX33" fmla="*/ 1469232 w 1928813"/>
              <a:gd name="connsiteY33" fmla="*/ 379718 h 515448"/>
              <a:gd name="connsiteX34" fmla="*/ 1509712 w 1928813"/>
              <a:gd name="connsiteY34" fmla="*/ 410673 h 515448"/>
              <a:gd name="connsiteX35" fmla="*/ 1557339 w 1928813"/>
              <a:gd name="connsiteY35" fmla="*/ 434486 h 515448"/>
              <a:gd name="connsiteX36" fmla="*/ 1624012 w 1928813"/>
              <a:gd name="connsiteY36" fmla="*/ 463061 h 515448"/>
              <a:gd name="connsiteX37" fmla="*/ 1674019 w 1928813"/>
              <a:gd name="connsiteY37" fmla="*/ 477349 h 515448"/>
              <a:gd name="connsiteX38" fmla="*/ 1743075 w 1928813"/>
              <a:gd name="connsiteY38" fmla="*/ 496398 h 515448"/>
              <a:gd name="connsiteX39" fmla="*/ 1812131 w 1928813"/>
              <a:gd name="connsiteY39" fmla="*/ 508304 h 515448"/>
              <a:gd name="connsiteX40" fmla="*/ 1864519 w 1928813"/>
              <a:gd name="connsiteY40" fmla="*/ 510685 h 515448"/>
              <a:gd name="connsiteX41" fmla="*/ 1928813 w 1928813"/>
              <a:gd name="connsiteY41"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33412 w 1928813"/>
              <a:gd name="connsiteY10" fmla="*/ 267799 h 515448"/>
              <a:gd name="connsiteX11" fmla="*/ 683419 w 1928813"/>
              <a:gd name="connsiteY11" fmla="*/ 239223 h 515448"/>
              <a:gd name="connsiteX12" fmla="*/ 704850 w 1928813"/>
              <a:gd name="connsiteY12" fmla="*/ 217791 h 515448"/>
              <a:gd name="connsiteX13" fmla="*/ 742951 w 1928813"/>
              <a:gd name="connsiteY13" fmla="*/ 189215 h 515448"/>
              <a:gd name="connsiteX14" fmla="*/ 769144 w 1928813"/>
              <a:gd name="connsiteY14" fmla="*/ 170166 h 515448"/>
              <a:gd name="connsiteX15" fmla="*/ 842962 w 1928813"/>
              <a:gd name="connsiteY15" fmla="*/ 117779 h 515448"/>
              <a:gd name="connsiteX16" fmla="*/ 897730 w 1928813"/>
              <a:gd name="connsiteY16" fmla="*/ 72536 h 515448"/>
              <a:gd name="connsiteX17" fmla="*/ 950118 w 1928813"/>
              <a:gd name="connsiteY17" fmla="*/ 32054 h 515448"/>
              <a:gd name="connsiteX18" fmla="*/ 1004888 w 1928813"/>
              <a:gd name="connsiteY18" fmla="*/ 8242 h 515448"/>
              <a:gd name="connsiteX19" fmla="*/ 1040607 w 1928813"/>
              <a:gd name="connsiteY19" fmla="*/ 1096 h 515448"/>
              <a:gd name="connsiteX20" fmla="*/ 1090613 w 1928813"/>
              <a:gd name="connsiteY20" fmla="*/ 3478 h 515448"/>
              <a:gd name="connsiteX21" fmla="*/ 1135855 w 1928813"/>
              <a:gd name="connsiteY21" fmla="*/ 17767 h 515448"/>
              <a:gd name="connsiteX22" fmla="*/ 1169194 w 1928813"/>
              <a:gd name="connsiteY22" fmla="*/ 39195 h 515448"/>
              <a:gd name="connsiteX23" fmla="*/ 1188244 w 1928813"/>
              <a:gd name="connsiteY23" fmla="*/ 58248 h 515448"/>
              <a:gd name="connsiteX24" fmla="*/ 1207295 w 1928813"/>
              <a:gd name="connsiteY24" fmla="*/ 82060 h 515448"/>
              <a:gd name="connsiteX25" fmla="*/ 1231106 w 1928813"/>
              <a:gd name="connsiteY25" fmla="*/ 108255 h 515448"/>
              <a:gd name="connsiteX26" fmla="*/ 1257300 w 1928813"/>
              <a:gd name="connsiteY26" fmla="*/ 141592 h 515448"/>
              <a:gd name="connsiteX27" fmla="*/ 1281113 w 1928813"/>
              <a:gd name="connsiteY27" fmla="*/ 177309 h 515448"/>
              <a:gd name="connsiteX28" fmla="*/ 1312069 w 1928813"/>
              <a:gd name="connsiteY28" fmla="*/ 215411 h 515448"/>
              <a:gd name="connsiteX29" fmla="*/ 1357313 w 1928813"/>
              <a:gd name="connsiteY29" fmla="*/ 272559 h 515448"/>
              <a:gd name="connsiteX30" fmla="*/ 1395413 w 1928813"/>
              <a:gd name="connsiteY30" fmla="*/ 313042 h 515448"/>
              <a:gd name="connsiteX31" fmla="*/ 1426369 w 1928813"/>
              <a:gd name="connsiteY31" fmla="*/ 343998 h 515448"/>
              <a:gd name="connsiteX32" fmla="*/ 1469232 w 1928813"/>
              <a:gd name="connsiteY32" fmla="*/ 379718 h 515448"/>
              <a:gd name="connsiteX33" fmla="*/ 1509712 w 1928813"/>
              <a:gd name="connsiteY33" fmla="*/ 410673 h 515448"/>
              <a:gd name="connsiteX34" fmla="*/ 1557339 w 1928813"/>
              <a:gd name="connsiteY34" fmla="*/ 434486 h 515448"/>
              <a:gd name="connsiteX35" fmla="*/ 1624012 w 1928813"/>
              <a:gd name="connsiteY35" fmla="*/ 463061 h 515448"/>
              <a:gd name="connsiteX36" fmla="*/ 1674019 w 1928813"/>
              <a:gd name="connsiteY36" fmla="*/ 477349 h 515448"/>
              <a:gd name="connsiteX37" fmla="*/ 1743075 w 1928813"/>
              <a:gd name="connsiteY37" fmla="*/ 496398 h 515448"/>
              <a:gd name="connsiteX38" fmla="*/ 1812131 w 1928813"/>
              <a:gd name="connsiteY38" fmla="*/ 508304 h 515448"/>
              <a:gd name="connsiteX39" fmla="*/ 1864519 w 1928813"/>
              <a:gd name="connsiteY39" fmla="*/ 510685 h 515448"/>
              <a:gd name="connsiteX40" fmla="*/ 1928813 w 1928813"/>
              <a:gd name="connsiteY40"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45307 w 1928813"/>
              <a:gd name="connsiteY8" fmla="*/ 272561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7694 w 1928813"/>
              <a:gd name="connsiteY9" fmla="*/ 301136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611982 w 1928813"/>
              <a:gd name="connsiteY9" fmla="*/ 296373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90550 w 1928813"/>
              <a:gd name="connsiteY9" fmla="*/ 308279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3816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73881 w 1928813"/>
              <a:gd name="connsiteY9" fmla="*/ 301135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3419 w 1928813"/>
              <a:gd name="connsiteY10" fmla="*/ 239223 h 515448"/>
              <a:gd name="connsiteX11" fmla="*/ 704850 w 1928813"/>
              <a:gd name="connsiteY11" fmla="*/ 217791 h 515448"/>
              <a:gd name="connsiteX12" fmla="*/ 742951 w 1928813"/>
              <a:gd name="connsiteY12" fmla="*/ 189215 h 515448"/>
              <a:gd name="connsiteX13" fmla="*/ 769144 w 1928813"/>
              <a:gd name="connsiteY13" fmla="*/ 170166 h 515448"/>
              <a:gd name="connsiteX14" fmla="*/ 842962 w 1928813"/>
              <a:gd name="connsiteY14" fmla="*/ 117779 h 515448"/>
              <a:gd name="connsiteX15" fmla="*/ 897730 w 1928813"/>
              <a:gd name="connsiteY15" fmla="*/ 72536 h 515448"/>
              <a:gd name="connsiteX16" fmla="*/ 950118 w 1928813"/>
              <a:gd name="connsiteY16" fmla="*/ 32054 h 515448"/>
              <a:gd name="connsiteX17" fmla="*/ 1004888 w 1928813"/>
              <a:gd name="connsiteY17" fmla="*/ 8242 h 515448"/>
              <a:gd name="connsiteX18" fmla="*/ 1040607 w 1928813"/>
              <a:gd name="connsiteY18" fmla="*/ 1096 h 515448"/>
              <a:gd name="connsiteX19" fmla="*/ 1090613 w 1928813"/>
              <a:gd name="connsiteY19" fmla="*/ 3478 h 515448"/>
              <a:gd name="connsiteX20" fmla="*/ 1135855 w 1928813"/>
              <a:gd name="connsiteY20" fmla="*/ 17767 h 515448"/>
              <a:gd name="connsiteX21" fmla="*/ 1169194 w 1928813"/>
              <a:gd name="connsiteY21" fmla="*/ 39195 h 515448"/>
              <a:gd name="connsiteX22" fmla="*/ 1188244 w 1928813"/>
              <a:gd name="connsiteY22" fmla="*/ 58248 h 515448"/>
              <a:gd name="connsiteX23" fmla="*/ 1207295 w 1928813"/>
              <a:gd name="connsiteY23" fmla="*/ 82060 h 515448"/>
              <a:gd name="connsiteX24" fmla="*/ 1231106 w 1928813"/>
              <a:gd name="connsiteY24" fmla="*/ 108255 h 515448"/>
              <a:gd name="connsiteX25" fmla="*/ 1257300 w 1928813"/>
              <a:gd name="connsiteY25" fmla="*/ 141592 h 515448"/>
              <a:gd name="connsiteX26" fmla="*/ 1281113 w 1928813"/>
              <a:gd name="connsiteY26" fmla="*/ 177309 h 515448"/>
              <a:gd name="connsiteX27" fmla="*/ 1312069 w 1928813"/>
              <a:gd name="connsiteY27" fmla="*/ 215411 h 515448"/>
              <a:gd name="connsiteX28" fmla="*/ 1357313 w 1928813"/>
              <a:gd name="connsiteY28" fmla="*/ 272559 h 515448"/>
              <a:gd name="connsiteX29" fmla="*/ 1395413 w 1928813"/>
              <a:gd name="connsiteY29" fmla="*/ 313042 h 515448"/>
              <a:gd name="connsiteX30" fmla="*/ 1426369 w 1928813"/>
              <a:gd name="connsiteY30" fmla="*/ 343998 h 515448"/>
              <a:gd name="connsiteX31" fmla="*/ 1469232 w 1928813"/>
              <a:gd name="connsiteY31" fmla="*/ 379718 h 515448"/>
              <a:gd name="connsiteX32" fmla="*/ 1509712 w 1928813"/>
              <a:gd name="connsiteY32" fmla="*/ 410673 h 515448"/>
              <a:gd name="connsiteX33" fmla="*/ 1557339 w 1928813"/>
              <a:gd name="connsiteY33" fmla="*/ 434486 h 515448"/>
              <a:gd name="connsiteX34" fmla="*/ 1624012 w 1928813"/>
              <a:gd name="connsiteY34" fmla="*/ 463061 h 515448"/>
              <a:gd name="connsiteX35" fmla="*/ 1674019 w 1928813"/>
              <a:gd name="connsiteY35" fmla="*/ 477349 h 515448"/>
              <a:gd name="connsiteX36" fmla="*/ 1743075 w 1928813"/>
              <a:gd name="connsiteY36" fmla="*/ 496398 h 515448"/>
              <a:gd name="connsiteX37" fmla="*/ 1812131 w 1928813"/>
              <a:gd name="connsiteY37" fmla="*/ 508304 h 515448"/>
              <a:gd name="connsiteX38" fmla="*/ 1864519 w 1928813"/>
              <a:gd name="connsiteY38" fmla="*/ 510685 h 515448"/>
              <a:gd name="connsiteX39" fmla="*/ 1928813 w 1928813"/>
              <a:gd name="connsiteY39"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704850 w 1928813"/>
              <a:gd name="connsiteY10" fmla="*/ 217791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78657 w 1928813"/>
              <a:gd name="connsiteY10" fmla="*/ 232079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769144 w 1928813"/>
              <a:gd name="connsiteY12" fmla="*/ 170166 h 515448"/>
              <a:gd name="connsiteX13" fmla="*/ 842962 w 1928813"/>
              <a:gd name="connsiteY13" fmla="*/ 117779 h 515448"/>
              <a:gd name="connsiteX14" fmla="*/ 897730 w 1928813"/>
              <a:gd name="connsiteY14" fmla="*/ 72536 h 515448"/>
              <a:gd name="connsiteX15" fmla="*/ 950118 w 1928813"/>
              <a:gd name="connsiteY15" fmla="*/ 32054 h 515448"/>
              <a:gd name="connsiteX16" fmla="*/ 1004888 w 1928813"/>
              <a:gd name="connsiteY16" fmla="*/ 8242 h 515448"/>
              <a:gd name="connsiteX17" fmla="*/ 1040607 w 1928813"/>
              <a:gd name="connsiteY17" fmla="*/ 1096 h 515448"/>
              <a:gd name="connsiteX18" fmla="*/ 1090613 w 1928813"/>
              <a:gd name="connsiteY18" fmla="*/ 3478 h 515448"/>
              <a:gd name="connsiteX19" fmla="*/ 1135855 w 1928813"/>
              <a:gd name="connsiteY19" fmla="*/ 17767 h 515448"/>
              <a:gd name="connsiteX20" fmla="*/ 1169194 w 1928813"/>
              <a:gd name="connsiteY20" fmla="*/ 39195 h 515448"/>
              <a:gd name="connsiteX21" fmla="*/ 1188244 w 1928813"/>
              <a:gd name="connsiteY21" fmla="*/ 58248 h 515448"/>
              <a:gd name="connsiteX22" fmla="*/ 1207295 w 1928813"/>
              <a:gd name="connsiteY22" fmla="*/ 82060 h 515448"/>
              <a:gd name="connsiteX23" fmla="*/ 1231106 w 1928813"/>
              <a:gd name="connsiteY23" fmla="*/ 108255 h 515448"/>
              <a:gd name="connsiteX24" fmla="*/ 1257300 w 1928813"/>
              <a:gd name="connsiteY24" fmla="*/ 141592 h 515448"/>
              <a:gd name="connsiteX25" fmla="*/ 1281113 w 1928813"/>
              <a:gd name="connsiteY25" fmla="*/ 177309 h 515448"/>
              <a:gd name="connsiteX26" fmla="*/ 1312069 w 1928813"/>
              <a:gd name="connsiteY26" fmla="*/ 215411 h 515448"/>
              <a:gd name="connsiteX27" fmla="*/ 1357313 w 1928813"/>
              <a:gd name="connsiteY27" fmla="*/ 272559 h 515448"/>
              <a:gd name="connsiteX28" fmla="*/ 1395413 w 1928813"/>
              <a:gd name="connsiteY28" fmla="*/ 313042 h 515448"/>
              <a:gd name="connsiteX29" fmla="*/ 1426369 w 1928813"/>
              <a:gd name="connsiteY29" fmla="*/ 343998 h 515448"/>
              <a:gd name="connsiteX30" fmla="*/ 1469232 w 1928813"/>
              <a:gd name="connsiteY30" fmla="*/ 379718 h 515448"/>
              <a:gd name="connsiteX31" fmla="*/ 1509712 w 1928813"/>
              <a:gd name="connsiteY31" fmla="*/ 410673 h 515448"/>
              <a:gd name="connsiteX32" fmla="*/ 1557339 w 1928813"/>
              <a:gd name="connsiteY32" fmla="*/ 434486 h 515448"/>
              <a:gd name="connsiteX33" fmla="*/ 1624012 w 1928813"/>
              <a:gd name="connsiteY33" fmla="*/ 463061 h 515448"/>
              <a:gd name="connsiteX34" fmla="*/ 1674019 w 1928813"/>
              <a:gd name="connsiteY34" fmla="*/ 477349 h 515448"/>
              <a:gd name="connsiteX35" fmla="*/ 1743075 w 1928813"/>
              <a:gd name="connsiteY35" fmla="*/ 496398 h 515448"/>
              <a:gd name="connsiteX36" fmla="*/ 1812131 w 1928813"/>
              <a:gd name="connsiteY36" fmla="*/ 508304 h 515448"/>
              <a:gd name="connsiteX37" fmla="*/ 1864519 w 1928813"/>
              <a:gd name="connsiteY37" fmla="*/ 510685 h 515448"/>
              <a:gd name="connsiteX38" fmla="*/ 1928813 w 1928813"/>
              <a:gd name="connsiteY38"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42951 w 1928813"/>
              <a:gd name="connsiteY11" fmla="*/ 18921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04888 w 1928813"/>
              <a:gd name="connsiteY15" fmla="*/ 8242 h 515448"/>
              <a:gd name="connsiteX16" fmla="*/ 1040607 w 1928813"/>
              <a:gd name="connsiteY16" fmla="*/ 1096 h 515448"/>
              <a:gd name="connsiteX17" fmla="*/ 1090613 w 1928813"/>
              <a:gd name="connsiteY17" fmla="*/ 3478 h 515448"/>
              <a:gd name="connsiteX18" fmla="*/ 1135855 w 1928813"/>
              <a:gd name="connsiteY18" fmla="*/ 17767 h 515448"/>
              <a:gd name="connsiteX19" fmla="*/ 1169194 w 1928813"/>
              <a:gd name="connsiteY19" fmla="*/ 39195 h 515448"/>
              <a:gd name="connsiteX20" fmla="*/ 1188244 w 1928813"/>
              <a:gd name="connsiteY20" fmla="*/ 58248 h 515448"/>
              <a:gd name="connsiteX21" fmla="*/ 1207295 w 1928813"/>
              <a:gd name="connsiteY21" fmla="*/ 82060 h 515448"/>
              <a:gd name="connsiteX22" fmla="*/ 1231106 w 1928813"/>
              <a:gd name="connsiteY22" fmla="*/ 108255 h 515448"/>
              <a:gd name="connsiteX23" fmla="*/ 1257300 w 1928813"/>
              <a:gd name="connsiteY23" fmla="*/ 141592 h 515448"/>
              <a:gd name="connsiteX24" fmla="*/ 1281113 w 1928813"/>
              <a:gd name="connsiteY24" fmla="*/ 177309 h 515448"/>
              <a:gd name="connsiteX25" fmla="*/ 1312069 w 1928813"/>
              <a:gd name="connsiteY25" fmla="*/ 215411 h 515448"/>
              <a:gd name="connsiteX26" fmla="*/ 1357313 w 1928813"/>
              <a:gd name="connsiteY26" fmla="*/ 272559 h 515448"/>
              <a:gd name="connsiteX27" fmla="*/ 1395413 w 1928813"/>
              <a:gd name="connsiteY27" fmla="*/ 313042 h 515448"/>
              <a:gd name="connsiteX28" fmla="*/ 1426369 w 1928813"/>
              <a:gd name="connsiteY28" fmla="*/ 343998 h 515448"/>
              <a:gd name="connsiteX29" fmla="*/ 1469232 w 1928813"/>
              <a:gd name="connsiteY29" fmla="*/ 379718 h 515448"/>
              <a:gd name="connsiteX30" fmla="*/ 1509712 w 1928813"/>
              <a:gd name="connsiteY30" fmla="*/ 410673 h 515448"/>
              <a:gd name="connsiteX31" fmla="*/ 1557339 w 1928813"/>
              <a:gd name="connsiteY31" fmla="*/ 434486 h 515448"/>
              <a:gd name="connsiteX32" fmla="*/ 1624012 w 1928813"/>
              <a:gd name="connsiteY32" fmla="*/ 463061 h 515448"/>
              <a:gd name="connsiteX33" fmla="*/ 1674019 w 1928813"/>
              <a:gd name="connsiteY33" fmla="*/ 477349 h 515448"/>
              <a:gd name="connsiteX34" fmla="*/ 1743075 w 1928813"/>
              <a:gd name="connsiteY34" fmla="*/ 496398 h 515448"/>
              <a:gd name="connsiteX35" fmla="*/ 1812131 w 1928813"/>
              <a:gd name="connsiteY35" fmla="*/ 508304 h 515448"/>
              <a:gd name="connsiteX36" fmla="*/ 1864519 w 1928813"/>
              <a:gd name="connsiteY36" fmla="*/ 510685 h 515448"/>
              <a:gd name="connsiteX37" fmla="*/ 1928813 w 1928813"/>
              <a:gd name="connsiteY37" fmla="*/ 515448 h 515448"/>
              <a:gd name="connsiteX0" fmla="*/ 0 w 1928813"/>
              <a:gd name="connsiteY0" fmla="*/ 298754 h 515448"/>
              <a:gd name="connsiteX1" fmla="*/ 83344 w 1928813"/>
              <a:gd name="connsiteY1" fmla="*/ 301136 h 515448"/>
              <a:gd name="connsiteX2" fmla="*/ 123825 w 1928813"/>
              <a:gd name="connsiteY2" fmla="*/ 301136 h 515448"/>
              <a:gd name="connsiteX3" fmla="*/ 209550 w 1928813"/>
              <a:gd name="connsiteY3" fmla="*/ 296373 h 515448"/>
              <a:gd name="connsiteX4" fmla="*/ 290513 w 1928813"/>
              <a:gd name="connsiteY4" fmla="*/ 282086 h 515448"/>
              <a:gd name="connsiteX5" fmla="*/ 366713 w 1928813"/>
              <a:gd name="connsiteY5" fmla="*/ 263036 h 515448"/>
              <a:gd name="connsiteX6" fmla="*/ 402432 w 1928813"/>
              <a:gd name="connsiteY6" fmla="*/ 253511 h 515448"/>
              <a:gd name="connsiteX7" fmla="*/ 469106 w 1928813"/>
              <a:gd name="connsiteY7" fmla="*/ 253511 h 515448"/>
              <a:gd name="connsiteX8" fmla="*/ 519113 w 1928813"/>
              <a:gd name="connsiteY8" fmla="*/ 277323 h 515448"/>
              <a:gd name="connsiteX9" fmla="*/ 583406 w 1928813"/>
              <a:gd name="connsiteY9" fmla="*/ 293991 h 515448"/>
              <a:gd name="connsiteX10" fmla="*/ 685801 w 1928813"/>
              <a:gd name="connsiteY10" fmla="*/ 239223 h 515448"/>
              <a:gd name="connsiteX11" fmla="*/ 781051 w 1928813"/>
              <a:gd name="connsiteY11" fmla="*/ 170165 h 515448"/>
              <a:gd name="connsiteX12" fmla="*/ 842962 w 1928813"/>
              <a:gd name="connsiteY12" fmla="*/ 117779 h 515448"/>
              <a:gd name="connsiteX13" fmla="*/ 897730 w 1928813"/>
              <a:gd name="connsiteY13" fmla="*/ 72536 h 515448"/>
              <a:gd name="connsiteX14" fmla="*/ 950118 w 1928813"/>
              <a:gd name="connsiteY14" fmla="*/ 32054 h 515448"/>
              <a:gd name="connsiteX15" fmla="*/ 1040607 w 1928813"/>
              <a:gd name="connsiteY15" fmla="*/ 1096 h 515448"/>
              <a:gd name="connsiteX16" fmla="*/ 1090613 w 1928813"/>
              <a:gd name="connsiteY16" fmla="*/ 3478 h 515448"/>
              <a:gd name="connsiteX17" fmla="*/ 1135855 w 1928813"/>
              <a:gd name="connsiteY17" fmla="*/ 17767 h 515448"/>
              <a:gd name="connsiteX18" fmla="*/ 1169194 w 1928813"/>
              <a:gd name="connsiteY18" fmla="*/ 39195 h 515448"/>
              <a:gd name="connsiteX19" fmla="*/ 1188244 w 1928813"/>
              <a:gd name="connsiteY19" fmla="*/ 58248 h 515448"/>
              <a:gd name="connsiteX20" fmla="*/ 1207295 w 1928813"/>
              <a:gd name="connsiteY20" fmla="*/ 82060 h 515448"/>
              <a:gd name="connsiteX21" fmla="*/ 1231106 w 1928813"/>
              <a:gd name="connsiteY21" fmla="*/ 108255 h 515448"/>
              <a:gd name="connsiteX22" fmla="*/ 1257300 w 1928813"/>
              <a:gd name="connsiteY22" fmla="*/ 141592 h 515448"/>
              <a:gd name="connsiteX23" fmla="*/ 1281113 w 1928813"/>
              <a:gd name="connsiteY23" fmla="*/ 177309 h 515448"/>
              <a:gd name="connsiteX24" fmla="*/ 1312069 w 1928813"/>
              <a:gd name="connsiteY24" fmla="*/ 215411 h 515448"/>
              <a:gd name="connsiteX25" fmla="*/ 1357313 w 1928813"/>
              <a:gd name="connsiteY25" fmla="*/ 272559 h 515448"/>
              <a:gd name="connsiteX26" fmla="*/ 1395413 w 1928813"/>
              <a:gd name="connsiteY26" fmla="*/ 313042 h 515448"/>
              <a:gd name="connsiteX27" fmla="*/ 1426369 w 1928813"/>
              <a:gd name="connsiteY27" fmla="*/ 343998 h 515448"/>
              <a:gd name="connsiteX28" fmla="*/ 1469232 w 1928813"/>
              <a:gd name="connsiteY28" fmla="*/ 379718 h 515448"/>
              <a:gd name="connsiteX29" fmla="*/ 1509712 w 1928813"/>
              <a:gd name="connsiteY29" fmla="*/ 410673 h 515448"/>
              <a:gd name="connsiteX30" fmla="*/ 1557339 w 1928813"/>
              <a:gd name="connsiteY30" fmla="*/ 434486 h 515448"/>
              <a:gd name="connsiteX31" fmla="*/ 1624012 w 1928813"/>
              <a:gd name="connsiteY31" fmla="*/ 463061 h 515448"/>
              <a:gd name="connsiteX32" fmla="*/ 1674019 w 1928813"/>
              <a:gd name="connsiteY32" fmla="*/ 477349 h 515448"/>
              <a:gd name="connsiteX33" fmla="*/ 1743075 w 1928813"/>
              <a:gd name="connsiteY33" fmla="*/ 496398 h 515448"/>
              <a:gd name="connsiteX34" fmla="*/ 1812131 w 1928813"/>
              <a:gd name="connsiteY34" fmla="*/ 508304 h 515448"/>
              <a:gd name="connsiteX35" fmla="*/ 1864519 w 1928813"/>
              <a:gd name="connsiteY35" fmla="*/ 510685 h 515448"/>
              <a:gd name="connsiteX36" fmla="*/ 1928813 w 1928813"/>
              <a:gd name="connsiteY36" fmla="*/ 515448 h 515448"/>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188244 w 1928813"/>
              <a:gd name="connsiteY18" fmla="*/ 57446 h 514646"/>
              <a:gd name="connsiteX19" fmla="*/ 1207295 w 1928813"/>
              <a:gd name="connsiteY19" fmla="*/ 81258 h 514646"/>
              <a:gd name="connsiteX20" fmla="*/ 1231106 w 1928813"/>
              <a:gd name="connsiteY20" fmla="*/ 107453 h 514646"/>
              <a:gd name="connsiteX21" fmla="*/ 1257300 w 1928813"/>
              <a:gd name="connsiteY21" fmla="*/ 140790 h 514646"/>
              <a:gd name="connsiteX22" fmla="*/ 1281113 w 1928813"/>
              <a:gd name="connsiteY22" fmla="*/ 176507 h 514646"/>
              <a:gd name="connsiteX23" fmla="*/ 1312069 w 1928813"/>
              <a:gd name="connsiteY23" fmla="*/ 214609 h 514646"/>
              <a:gd name="connsiteX24" fmla="*/ 1357313 w 1928813"/>
              <a:gd name="connsiteY24" fmla="*/ 271757 h 514646"/>
              <a:gd name="connsiteX25" fmla="*/ 1395413 w 1928813"/>
              <a:gd name="connsiteY25" fmla="*/ 312240 h 514646"/>
              <a:gd name="connsiteX26" fmla="*/ 1426369 w 1928813"/>
              <a:gd name="connsiteY26" fmla="*/ 343196 h 514646"/>
              <a:gd name="connsiteX27" fmla="*/ 1469232 w 1928813"/>
              <a:gd name="connsiteY27" fmla="*/ 378916 h 514646"/>
              <a:gd name="connsiteX28" fmla="*/ 1509712 w 1928813"/>
              <a:gd name="connsiteY28" fmla="*/ 409871 h 514646"/>
              <a:gd name="connsiteX29" fmla="*/ 1557339 w 1928813"/>
              <a:gd name="connsiteY29" fmla="*/ 433684 h 514646"/>
              <a:gd name="connsiteX30" fmla="*/ 1624012 w 1928813"/>
              <a:gd name="connsiteY30" fmla="*/ 462259 h 514646"/>
              <a:gd name="connsiteX31" fmla="*/ 1674019 w 1928813"/>
              <a:gd name="connsiteY31" fmla="*/ 476547 h 514646"/>
              <a:gd name="connsiteX32" fmla="*/ 1743075 w 1928813"/>
              <a:gd name="connsiteY32" fmla="*/ 495596 h 514646"/>
              <a:gd name="connsiteX33" fmla="*/ 1812131 w 1928813"/>
              <a:gd name="connsiteY33" fmla="*/ 507502 h 514646"/>
              <a:gd name="connsiteX34" fmla="*/ 1864519 w 1928813"/>
              <a:gd name="connsiteY34" fmla="*/ 509883 h 514646"/>
              <a:gd name="connsiteX35" fmla="*/ 1928813 w 1928813"/>
              <a:gd name="connsiteY35"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31106 w 1928813"/>
              <a:gd name="connsiteY19" fmla="*/ 107453 h 514646"/>
              <a:gd name="connsiteX20" fmla="*/ 1257300 w 1928813"/>
              <a:gd name="connsiteY20" fmla="*/ 140790 h 514646"/>
              <a:gd name="connsiteX21" fmla="*/ 1281113 w 1928813"/>
              <a:gd name="connsiteY21" fmla="*/ 176507 h 514646"/>
              <a:gd name="connsiteX22" fmla="*/ 1312069 w 1928813"/>
              <a:gd name="connsiteY22" fmla="*/ 214609 h 514646"/>
              <a:gd name="connsiteX23" fmla="*/ 1357313 w 1928813"/>
              <a:gd name="connsiteY23" fmla="*/ 271757 h 514646"/>
              <a:gd name="connsiteX24" fmla="*/ 1395413 w 1928813"/>
              <a:gd name="connsiteY24" fmla="*/ 312240 h 514646"/>
              <a:gd name="connsiteX25" fmla="*/ 1426369 w 1928813"/>
              <a:gd name="connsiteY25" fmla="*/ 343196 h 514646"/>
              <a:gd name="connsiteX26" fmla="*/ 1469232 w 1928813"/>
              <a:gd name="connsiteY26" fmla="*/ 378916 h 514646"/>
              <a:gd name="connsiteX27" fmla="*/ 1509712 w 1928813"/>
              <a:gd name="connsiteY27" fmla="*/ 409871 h 514646"/>
              <a:gd name="connsiteX28" fmla="*/ 1557339 w 1928813"/>
              <a:gd name="connsiteY28" fmla="*/ 433684 h 514646"/>
              <a:gd name="connsiteX29" fmla="*/ 1624012 w 1928813"/>
              <a:gd name="connsiteY29" fmla="*/ 462259 h 514646"/>
              <a:gd name="connsiteX30" fmla="*/ 1674019 w 1928813"/>
              <a:gd name="connsiteY30" fmla="*/ 476547 h 514646"/>
              <a:gd name="connsiteX31" fmla="*/ 1743075 w 1928813"/>
              <a:gd name="connsiteY31" fmla="*/ 495596 h 514646"/>
              <a:gd name="connsiteX32" fmla="*/ 1812131 w 1928813"/>
              <a:gd name="connsiteY32" fmla="*/ 507502 h 514646"/>
              <a:gd name="connsiteX33" fmla="*/ 1864519 w 1928813"/>
              <a:gd name="connsiteY33" fmla="*/ 509883 h 514646"/>
              <a:gd name="connsiteX34" fmla="*/ 1928813 w 1928813"/>
              <a:gd name="connsiteY34"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169194 w 1928813"/>
              <a:gd name="connsiteY17" fmla="*/ 38393 h 514646"/>
              <a:gd name="connsiteX18" fmla="*/ 1207295 w 1928813"/>
              <a:gd name="connsiteY18" fmla="*/ 81258 h 514646"/>
              <a:gd name="connsiteX19" fmla="*/ 1257300 w 1928813"/>
              <a:gd name="connsiteY19" fmla="*/ 140790 h 514646"/>
              <a:gd name="connsiteX20" fmla="*/ 1281113 w 1928813"/>
              <a:gd name="connsiteY20" fmla="*/ 176507 h 514646"/>
              <a:gd name="connsiteX21" fmla="*/ 1312069 w 1928813"/>
              <a:gd name="connsiteY21" fmla="*/ 214609 h 514646"/>
              <a:gd name="connsiteX22" fmla="*/ 1357313 w 1928813"/>
              <a:gd name="connsiteY22" fmla="*/ 271757 h 514646"/>
              <a:gd name="connsiteX23" fmla="*/ 1395413 w 1928813"/>
              <a:gd name="connsiteY23" fmla="*/ 312240 h 514646"/>
              <a:gd name="connsiteX24" fmla="*/ 1426369 w 1928813"/>
              <a:gd name="connsiteY24" fmla="*/ 343196 h 514646"/>
              <a:gd name="connsiteX25" fmla="*/ 1469232 w 1928813"/>
              <a:gd name="connsiteY25" fmla="*/ 378916 h 514646"/>
              <a:gd name="connsiteX26" fmla="*/ 1509712 w 1928813"/>
              <a:gd name="connsiteY26" fmla="*/ 409871 h 514646"/>
              <a:gd name="connsiteX27" fmla="*/ 1557339 w 1928813"/>
              <a:gd name="connsiteY27" fmla="*/ 433684 h 514646"/>
              <a:gd name="connsiteX28" fmla="*/ 1624012 w 1928813"/>
              <a:gd name="connsiteY28" fmla="*/ 462259 h 514646"/>
              <a:gd name="connsiteX29" fmla="*/ 1674019 w 1928813"/>
              <a:gd name="connsiteY29" fmla="*/ 476547 h 514646"/>
              <a:gd name="connsiteX30" fmla="*/ 1743075 w 1928813"/>
              <a:gd name="connsiteY30" fmla="*/ 495596 h 514646"/>
              <a:gd name="connsiteX31" fmla="*/ 1812131 w 1928813"/>
              <a:gd name="connsiteY31" fmla="*/ 507502 h 514646"/>
              <a:gd name="connsiteX32" fmla="*/ 1864519 w 1928813"/>
              <a:gd name="connsiteY32" fmla="*/ 509883 h 514646"/>
              <a:gd name="connsiteX33" fmla="*/ 1928813 w 1928813"/>
              <a:gd name="connsiteY33" fmla="*/ 514646 h 514646"/>
              <a:gd name="connsiteX0" fmla="*/ 0 w 1928813"/>
              <a:gd name="connsiteY0" fmla="*/ 297952 h 514646"/>
              <a:gd name="connsiteX1" fmla="*/ 83344 w 1928813"/>
              <a:gd name="connsiteY1" fmla="*/ 300334 h 514646"/>
              <a:gd name="connsiteX2" fmla="*/ 123825 w 1928813"/>
              <a:gd name="connsiteY2" fmla="*/ 300334 h 514646"/>
              <a:gd name="connsiteX3" fmla="*/ 209550 w 1928813"/>
              <a:gd name="connsiteY3" fmla="*/ 295571 h 514646"/>
              <a:gd name="connsiteX4" fmla="*/ 290513 w 1928813"/>
              <a:gd name="connsiteY4" fmla="*/ 281284 h 514646"/>
              <a:gd name="connsiteX5" fmla="*/ 366713 w 1928813"/>
              <a:gd name="connsiteY5" fmla="*/ 262234 h 514646"/>
              <a:gd name="connsiteX6" fmla="*/ 402432 w 1928813"/>
              <a:gd name="connsiteY6" fmla="*/ 252709 h 514646"/>
              <a:gd name="connsiteX7" fmla="*/ 469106 w 1928813"/>
              <a:gd name="connsiteY7" fmla="*/ 252709 h 514646"/>
              <a:gd name="connsiteX8" fmla="*/ 519113 w 1928813"/>
              <a:gd name="connsiteY8" fmla="*/ 276521 h 514646"/>
              <a:gd name="connsiteX9" fmla="*/ 583406 w 1928813"/>
              <a:gd name="connsiteY9" fmla="*/ 293189 h 514646"/>
              <a:gd name="connsiteX10" fmla="*/ 685801 w 1928813"/>
              <a:gd name="connsiteY10" fmla="*/ 238421 h 514646"/>
              <a:gd name="connsiteX11" fmla="*/ 781051 w 1928813"/>
              <a:gd name="connsiteY11" fmla="*/ 169363 h 514646"/>
              <a:gd name="connsiteX12" fmla="*/ 842962 w 1928813"/>
              <a:gd name="connsiteY12" fmla="*/ 116977 h 514646"/>
              <a:gd name="connsiteX13" fmla="*/ 897730 w 1928813"/>
              <a:gd name="connsiteY13" fmla="*/ 71734 h 514646"/>
              <a:gd name="connsiteX14" fmla="*/ 950118 w 1928813"/>
              <a:gd name="connsiteY14" fmla="*/ 31252 h 514646"/>
              <a:gd name="connsiteX15" fmla="*/ 1040607 w 1928813"/>
              <a:gd name="connsiteY15" fmla="*/ 294 h 514646"/>
              <a:gd name="connsiteX16" fmla="*/ 1135855 w 1928813"/>
              <a:gd name="connsiteY16" fmla="*/ 16965 h 514646"/>
              <a:gd name="connsiteX17" fmla="*/ 1207295 w 1928813"/>
              <a:gd name="connsiteY17" fmla="*/ 81258 h 514646"/>
              <a:gd name="connsiteX18" fmla="*/ 1257300 w 1928813"/>
              <a:gd name="connsiteY18" fmla="*/ 140790 h 514646"/>
              <a:gd name="connsiteX19" fmla="*/ 1281113 w 1928813"/>
              <a:gd name="connsiteY19" fmla="*/ 176507 h 514646"/>
              <a:gd name="connsiteX20" fmla="*/ 1312069 w 1928813"/>
              <a:gd name="connsiteY20" fmla="*/ 214609 h 514646"/>
              <a:gd name="connsiteX21" fmla="*/ 1357313 w 1928813"/>
              <a:gd name="connsiteY21" fmla="*/ 271757 h 514646"/>
              <a:gd name="connsiteX22" fmla="*/ 1395413 w 1928813"/>
              <a:gd name="connsiteY22" fmla="*/ 312240 h 514646"/>
              <a:gd name="connsiteX23" fmla="*/ 1426369 w 1928813"/>
              <a:gd name="connsiteY23" fmla="*/ 343196 h 514646"/>
              <a:gd name="connsiteX24" fmla="*/ 1469232 w 1928813"/>
              <a:gd name="connsiteY24" fmla="*/ 378916 h 514646"/>
              <a:gd name="connsiteX25" fmla="*/ 1509712 w 1928813"/>
              <a:gd name="connsiteY25" fmla="*/ 409871 h 514646"/>
              <a:gd name="connsiteX26" fmla="*/ 1557339 w 1928813"/>
              <a:gd name="connsiteY26" fmla="*/ 433684 h 514646"/>
              <a:gd name="connsiteX27" fmla="*/ 1624012 w 1928813"/>
              <a:gd name="connsiteY27" fmla="*/ 462259 h 514646"/>
              <a:gd name="connsiteX28" fmla="*/ 1674019 w 1928813"/>
              <a:gd name="connsiteY28" fmla="*/ 476547 h 514646"/>
              <a:gd name="connsiteX29" fmla="*/ 1743075 w 1928813"/>
              <a:gd name="connsiteY29" fmla="*/ 495596 h 514646"/>
              <a:gd name="connsiteX30" fmla="*/ 1812131 w 1928813"/>
              <a:gd name="connsiteY30" fmla="*/ 507502 h 514646"/>
              <a:gd name="connsiteX31" fmla="*/ 1864519 w 1928813"/>
              <a:gd name="connsiteY31" fmla="*/ 509883 h 514646"/>
              <a:gd name="connsiteX32" fmla="*/ 1928813 w 1928813"/>
              <a:gd name="connsiteY32" fmla="*/ 514646 h 514646"/>
              <a:gd name="connsiteX0" fmla="*/ 0 w 1928813"/>
              <a:gd name="connsiteY0" fmla="*/ 299163 h 515857"/>
              <a:gd name="connsiteX1" fmla="*/ 83344 w 1928813"/>
              <a:gd name="connsiteY1" fmla="*/ 301545 h 515857"/>
              <a:gd name="connsiteX2" fmla="*/ 123825 w 1928813"/>
              <a:gd name="connsiteY2" fmla="*/ 301545 h 515857"/>
              <a:gd name="connsiteX3" fmla="*/ 209550 w 1928813"/>
              <a:gd name="connsiteY3" fmla="*/ 296782 h 515857"/>
              <a:gd name="connsiteX4" fmla="*/ 290513 w 1928813"/>
              <a:gd name="connsiteY4" fmla="*/ 282495 h 515857"/>
              <a:gd name="connsiteX5" fmla="*/ 366713 w 1928813"/>
              <a:gd name="connsiteY5" fmla="*/ 263445 h 515857"/>
              <a:gd name="connsiteX6" fmla="*/ 402432 w 1928813"/>
              <a:gd name="connsiteY6" fmla="*/ 253920 h 515857"/>
              <a:gd name="connsiteX7" fmla="*/ 469106 w 1928813"/>
              <a:gd name="connsiteY7" fmla="*/ 253920 h 515857"/>
              <a:gd name="connsiteX8" fmla="*/ 519113 w 1928813"/>
              <a:gd name="connsiteY8" fmla="*/ 277732 h 515857"/>
              <a:gd name="connsiteX9" fmla="*/ 583406 w 1928813"/>
              <a:gd name="connsiteY9" fmla="*/ 294400 h 515857"/>
              <a:gd name="connsiteX10" fmla="*/ 685801 w 1928813"/>
              <a:gd name="connsiteY10" fmla="*/ 239632 h 515857"/>
              <a:gd name="connsiteX11" fmla="*/ 781051 w 1928813"/>
              <a:gd name="connsiteY11" fmla="*/ 170574 h 515857"/>
              <a:gd name="connsiteX12" fmla="*/ 842962 w 1928813"/>
              <a:gd name="connsiteY12" fmla="*/ 118188 h 515857"/>
              <a:gd name="connsiteX13" fmla="*/ 897730 w 1928813"/>
              <a:gd name="connsiteY13" fmla="*/ 72945 h 515857"/>
              <a:gd name="connsiteX14" fmla="*/ 950118 w 1928813"/>
              <a:gd name="connsiteY14" fmla="*/ 32463 h 515857"/>
              <a:gd name="connsiteX15" fmla="*/ 1040607 w 1928813"/>
              <a:gd name="connsiteY15" fmla="*/ 1505 h 515857"/>
              <a:gd name="connsiteX16" fmla="*/ 1135855 w 1928813"/>
              <a:gd name="connsiteY16" fmla="*/ 18176 h 515857"/>
              <a:gd name="connsiteX17" fmla="*/ 1207295 w 1928813"/>
              <a:gd name="connsiteY17" fmla="*/ 82469 h 515857"/>
              <a:gd name="connsiteX18" fmla="*/ 1257300 w 1928813"/>
              <a:gd name="connsiteY18" fmla="*/ 142001 h 515857"/>
              <a:gd name="connsiteX19" fmla="*/ 1281113 w 1928813"/>
              <a:gd name="connsiteY19" fmla="*/ 177718 h 515857"/>
              <a:gd name="connsiteX20" fmla="*/ 1312069 w 1928813"/>
              <a:gd name="connsiteY20" fmla="*/ 215820 h 515857"/>
              <a:gd name="connsiteX21" fmla="*/ 1357313 w 1928813"/>
              <a:gd name="connsiteY21" fmla="*/ 272968 h 515857"/>
              <a:gd name="connsiteX22" fmla="*/ 1395413 w 1928813"/>
              <a:gd name="connsiteY22" fmla="*/ 313451 h 515857"/>
              <a:gd name="connsiteX23" fmla="*/ 1426369 w 1928813"/>
              <a:gd name="connsiteY23" fmla="*/ 344407 h 515857"/>
              <a:gd name="connsiteX24" fmla="*/ 1469232 w 1928813"/>
              <a:gd name="connsiteY24" fmla="*/ 380127 h 515857"/>
              <a:gd name="connsiteX25" fmla="*/ 1509712 w 1928813"/>
              <a:gd name="connsiteY25" fmla="*/ 411082 h 515857"/>
              <a:gd name="connsiteX26" fmla="*/ 1557339 w 1928813"/>
              <a:gd name="connsiteY26" fmla="*/ 434895 h 515857"/>
              <a:gd name="connsiteX27" fmla="*/ 1624012 w 1928813"/>
              <a:gd name="connsiteY27" fmla="*/ 463470 h 515857"/>
              <a:gd name="connsiteX28" fmla="*/ 1674019 w 1928813"/>
              <a:gd name="connsiteY28" fmla="*/ 477758 h 515857"/>
              <a:gd name="connsiteX29" fmla="*/ 1743075 w 1928813"/>
              <a:gd name="connsiteY29" fmla="*/ 496807 h 515857"/>
              <a:gd name="connsiteX30" fmla="*/ 1812131 w 1928813"/>
              <a:gd name="connsiteY30" fmla="*/ 508713 h 515857"/>
              <a:gd name="connsiteX31" fmla="*/ 1864519 w 1928813"/>
              <a:gd name="connsiteY31" fmla="*/ 511094 h 515857"/>
              <a:gd name="connsiteX32" fmla="*/ 1928813 w 1928813"/>
              <a:gd name="connsiteY32" fmla="*/ 515857 h 515857"/>
              <a:gd name="connsiteX0" fmla="*/ 0 w 1928813"/>
              <a:gd name="connsiteY0" fmla="*/ 297673 h 514367"/>
              <a:gd name="connsiteX1" fmla="*/ 83344 w 1928813"/>
              <a:gd name="connsiteY1" fmla="*/ 300055 h 514367"/>
              <a:gd name="connsiteX2" fmla="*/ 123825 w 1928813"/>
              <a:gd name="connsiteY2" fmla="*/ 300055 h 514367"/>
              <a:gd name="connsiteX3" fmla="*/ 209550 w 1928813"/>
              <a:gd name="connsiteY3" fmla="*/ 295292 h 514367"/>
              <a:gd name="connsiteX4" fmla="*/ 290513 w 1928813"/>
              <a:gd name="connsiteY4" fmla="*/ 281005 h 514367"/>
              <a:gd name="connsiteX5" fmla="*/ 366713 w 1928813"/>
              <a:gd name="connsiteY5" fmla="*/ 261955 h 514367"/>
              <a:gd name="connsiteX6" fmla="*/ 402432 w 1928813"/>
              <a:gd name="connsiteY6" fmla="*/ 252430 h 514367"/>
              <a:gd name="connsiteX7" fmla="*/ 469106 w 1928813"/>
              <a:gd name="connsiteY7" fmla="*/ 252430 h 514367"/>
              <a:gd name="connsiteX8" fmla="*/ 519113 w 1928813"/>
              <a:gd name="connsiteY8" fmla="*/ 276242 h 514367"/>
              <a:gd name="connsiteX9" fmla="*/ 583406 w 1928813"/>
              <a:gd name="connsiteY9" fmla="*/ 292910 h 514367"/>
              <a:gd name="connsiteX10" fmla="*/ 685801 w 1928813"/>
              <a:gd name="connsiteY10" fmla="*/ 238142 h 514367"/>
              <a:gd name="connsiteX11" fmla="*/ 781051 w 1928813"/>
              <a:gd name="connsiteY11" fmla="*/ 169084 h 514367"/>
              <a:gd name="connsiteX12" fmla="*/ 842962 w 1928813"/>
              <a:gd name="connsiteY12" fmla="*/ 116698 h 514367"/>
              <a:gd name="connsiteX13" fmla="*/ 897730 w 1928813"/>
              <a:gd name="connsiteY13" fmla="*/ 71455 h 514367"/>
              <a:gd name="connsiteX14" fmla="*/ 950118 w 1928813"/>
              <a:gd name="connsiteY14" fmla="*/ 30973 h 514367"/>
              <a:gd name="connsiteX15" fmla="*/ 1040607 w 1928813"/>
              <a:gd name="connsiteY15" fmla="*/ 15 h 514367"/>
              <a:gd name="connsiteX16" fmla="*/ 1154905 w 1928813"/>
              <a:gd name="connsiteY16" fmla="*/ 28592 h 514367"/>
              <a:gd name="connsiteX17" fmla="*/ 1207295 w 1928813"/>
              <a:gd name="connsiteY17" fmla="*/ 80979 h 514367"/>
              <a:gd name="connsiteX18" fmla="*/ 1257300 w 1928813"/>
              <a:gd name="connsiteY18" fmla="*/ 140511 h 514367"/>
              <a:gd name="connsiteX19" fmla="*/ 1281113 w 1928813"/>
              <a:gd name="connsiteY19" fmla="*/ 176228 h 514367"/>
              <a:gd name="connsiteX20" fmla="*/ 1312069 w 1928813"/>
              <a:gd name="connsiteY20" fmla="*/ 214330 h 514367"/>
              <a:gd name="connsiteX21" fmla="*/ 1357313 w 1928813"/>
              <a:gd name="connsiteY21" fmla="*/ 271478 h 514367"/>
              <a:gd name="connsiteX22" fmla="*/ 1395413 w 1928813"/>
              <a:gd name="connsiteY22" fmla="*/ 311961 h 514367"/>
              <a:gd name="connsiteX23" fmla="*/ 1426369 w 1928813"/>
              <a:gd name="connsiteY23" fmla="*/ 342917 h 514367"/>
              <a:gd name="connsiteX24" fmla="*/ 1469232 w 1928813"/>
              <a:gd name="connsiteY24" fmla="*/ 378637 h 514367"/>
              <a:gd name="connsiteX25" fmla="*/ 1509712 w 1928813"/>
              <a:gd name="connsiteY25" fmla="*/ 409592 h 514367"/>
              <a:gd name="connsiteX26" fmla="*/ 1557339 w 1928813"/>
              <a:gd name="connsiteY26" fmla="*/ 433405 h 514367"/>
              <a:gd name="connsiteX27" fmla="*/ 1624012 w 1928813"/>
              <a:gd name="connsiteY27" fmla="*/ 461980 h 514367"/>
              <a:gd name="connsiteX28" fmla="*/ 1674019 w 1928813"/>
              <a:gd name="connsiteY28" fmla="*/ 476268 h 514367"/>
              <a:gd name="connsiteX29" fmla="*/ 1743075 w 1928813"/>
              <a:gd name="connsiteY29" fmla="*/ 495317 h 514367"/>
              <a:gd name="connsiteX30" fmla="*/ 1812131 w 1928813"/>
              <a:gd name="connsiteY30" fmla="*/ 507223 h 514367"/>
              <a:gd name="connsiteX31" fmla="*/ 1864519 w 1928813"/>
              <a:gd name="connsiteY31" fmla="*/ 509604 h 514367"/>
              <a:gd name="connsiteX32" fmla="*/ 1928813 w 1928813"/>
              <a:gd name="connsiteY32" fmla="*/ 514367 h 514367"/>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07295 w 1928813"/>
              <a:gd name="connsiteY17" fmla="*/ 80987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57300 w 1928813"/>
              <a:gd name="connsiteY18" fmla="*/ 140519 h 514375"/>
              <a:gd name="connsiteX19" fmla="*/ 1281113 w 1928813"/>
              <a:gd name="connsiteY19" fmla="*/ 176236 h 514375"/>
              <a:gd name="connsiteX20" fmla="*/ 1312069 w 1928813"/>
              <a:gd name="connsiteY20" fmla="*/ 214338 h 514375"/>
              <a:gd name="connsiteX21" fmla="*/ 1357313 w 1928813"/>
              <a:gd name="connsiteY21" fmla="*/ 271486 h 514375"/>
              <a:gd name="connsiteX22" fmla="*/ 1395413 w 1928813"/>
              <a:gd name="connsiteY22" fmla="*/ 311969 h 514375"/>
              <a:gd name="connsiteX23" fmla="*/ 1426369 w 1928813"/>
              <a:gd name="connsiteY23" fmla="*/ 342925 h 514375"/>
              <a:gd name="connsiteX24" fmla="*/ 1469232 w 1928813"/>
              <a:gd name="connsiteY24" fmla="*/ 378645 h 514375"/>
              <a:gd name="connsiteX25" fmla="*/ 1509712 w 1928813"/>
              <a:gd name="connsiteY25" fmla="*/ 409600 h 514375"/>
              <a:gd name="connsiteX26" fmla="*/ 1557339 w 1928813"/>
              <a:gd name="connsiteY26" fmla="*/ 433413 h 514375"/>
              <a:gd name="connsiteX27" fmla="*/ 1624012 w 1928813"/>
              <a:gd name="connsiteY27" fmla="*/ 461988 h 514375"/>
              <a:gd name="connsiteX28" fmla="*/ 1674019 w 1928813"/>
              <a:gd name="connsiteY28" fmla="*/ 476276 h 514375"/>
              <a:gd name="connsiteX29" fmla="*/ 1743075 w 1928813"/>
              <a:gd name="connsiteY29" fmla="*/ 495325 h 514375"/>
              <a:gd name="connsiteX30" fmla="*/ 1812131 w 1928813"/>
              <a:gd name="connsiteY30" fmla="*/ 507231 h 514375"/>
              <a:gd name="connsiteX31" fmla="*/ 1864519 w 1928813"/>
              <a:gd name="connsiteY31" fmla="*/ 509612 h 514375"/>
              <a:gd name="connsiteX32" fmla="*/ 1928813 w 1928813"/>
              <a:gd name="connsiteY32" fmla="*/ 514375 h 514375"/>
              <a:gd name="connsiteX0" fmla="*/ 0 w 1928813"/>
              <a:gd name="connsiteY0" fmla="*/ 297681 h 514375"/>
              <a:gd name="connsiteX1" fmla="*/ 83344 w 1928813"/>
              <a:gd name="connsiteY1" fmla="*/ 300063 h 514375"/>
              <a:gd name="connsiteX2" fmla="*/ 123825 w 1928813"/>
              <a:gd name="connsiteY2" fmla="*/ 300063 h 514375"/>
              <a:gd name="connsiteX3" fmla="*/ 209550 w 1928813"/>
              <a:gd name="connsiteY3" fmla="*/ 295300 h 514375"/>
              <a:gd name="connsiteX4" fmla="*/ 290513 w 1928813"/>
              <a:gd name="connsiteY4" fmla="*/ 281013 h 514375"/>
              <a:gd name="connsiteX5" fmla="*/ 366713 w 1928813"/>
              <a:gd name="connsiteY5" fmla="*/ 261963 h 514375"/>
              <a:gd name="connsiteX6" fmla="*/ 402432 w 1928813"/>
              <a:gd name="connsiteY6" fmla="*/ 252438 h 514375"/>
              <a:gd name="connsiteX7" fmla="*/ 469106 w 1928813"/>
              <a:gd name="connsiteY7" fmla="*/ 252438 h 514375"/>
              <a:gd name="connsiteX8" fmla="*/ 519113 w 1928813"/>
              <a:gd name="connsiteY8" fmla="*/ 276250 h 514375"/>
              <a:gd name="connsiteX9" fmla="*/ 583406 w 1928813"/>
              <a:gd name="connsiteY9" fmla="*/ 292918 h 514375"/>
              <a:gd name="connsiteX10" fmla="*/ 685801 w 1928813"/>
              <a:gd name="connsiteY10" fmla="*/ 238150 h 514375"/>
              <a:gd name="connsiteX11" fmla="*/ 781051 w 1928813"/>
              <a:gd name="connsiteY11" fmla="*/ 169092 h 514375"/>
              <a:gd name="connsiteX12" fmla="*/ 842962 w 1928813"/>
              <a:gd name="connsiteY12" fmla="*/ 116706 h 514375"/>
              <a:gd name="connsiteX13" fmla="*/ 897730 w 1928813"/>
              <a:gd name="connsiteY13" fmla="*/ 71463 h 514375"/>
              <a:gd name="connsiteX14" fmla="*/ 950118 w 1928813"/>
              <a:gd name="connsiteY14" fmla="*/ 30981 h 514375"/>
              <a:gd name="connsiteX15" fmla="*/ 1040607 w 1928813"/>
              <a:gd name="connsiteY15" fmla="*/ 23 h 514375"/>
              <a:gd name="connsiteX16" fmla="*/ 1154905 w 1928813"/>
              <a:gd name="connsiteY16" fmla="*/ 35744 h 514375"/>
              <a:gd name="connsiteX17" fmla="*/ 1219201 w 1928813"/>
              <a:gd name="connsiteY17" fmla="*/ 102418 h 514375"/>
              <a:gd name="connsiteX18" fmla="*/ 1281113 w 1928813"/>
              <a:gd name="connsiteY18" fmla="*/ 176236 h 514375"/>
              <a:gd name="connsiteX19" fmla="*/ 1312069 w 1928813"/>
              <a:gd name="connsiteY19" fmla="*/ 214338 h 514375"/>
              <a:gd name="connsiteX20" fmla="*/ 1357313 w 1928813"/>
              <a:gd name="connsiteY20" fmla="*/ 271486 h 514375"/>
              <a:gd name="connsiteX21" fmla="*/ 1395413 w 1928813"/>
              <a:gd name="connsiteY21" fmla="*/ 311969 h 514375"/>
              <a:gd name="connsiteX22" fmla="*/ 1426369 w 1928813"/>
              <a:gd name="connsiteY22" fmla="*/ 342925 h 514375"/>
              <a:gd name="connsiteX23" fmla="*/ 1469232 w 1928813"/>
              <a:gd name="connsiteY23" fmla="*/ 378645 h 514375"/>
              <a:gd name="connsiteX24" fmla="*/ 1509712 w 1928813"/>
              <a:gd name="connsiteY24" fmla="*/ 409600 h 514375"/>
              <a:gd name="connsiteX25" fmla="*/ 1557339 w 1928813"/>
              <a:gd name="connsiteY25" fmla="*/ 433413 h 514375"/>
              <a:gd name="connsiteX26" fmla="*/ 1624012 w 1928813"/>
              <a:gd name="connsiteY26" fmla="*/ 461988 h 514375"/>
              <a:gd name="connsiteX27" fmla="*/ 1674019 w 1928813"/>
              <a:gd name="connsiteY27" fmla="*/ 476276 h 514375"/>
              <a:gd name="connsiteX28" fmla="*/ 1743075 w 1928813"/>
              <a:gd name="connsiteY28" fmla="*/ 495325 h 514375"/>
              <a:gd name="connsiteX29" fmla="*/ 1812131 w 1928813"/>
              <a:gd name="connsiteY29" fmla="*/ 507231 h 514375"/>
              <a:gd name="connsiteX30" fmla="*/ 1864519 w 1928813"/>
              <a:gd name="connsiteY30" fmla="*/ 509612 h 514375"/>
              <a:gd name="connsiteX31" fmla="*/ 1928813 w 1928813"/>
              <a:gd name="connsiteY31" fmla="*/ 514375 h 514375"/>
              <a:gd name="connsiteX0" fmla="*/ 0 w 1928813"/>
              <a:gd name="connsiteY0" fmla="*/ 297744 h 514438"/>
              <a:gd name="connsiteX1" fmla="*/ 83344 w 1928813"/>
              <a:gd name="connsiteY1" fmla="*/ 300126 h 514438"/>
              <a:gd name="connsiteX2" fmla="*/ 123825 w 1928813"/>
              <a:gd name="connsiteY2" fmla="*/ 300126 h 514438"/>
              <a:gd name="connsiteX3" fmla="*/ 209550 w 1928813"/>
              <a:gd name="connsiteY3" fmla="*/ 295363 h 514438"/>
              <a:gd name="connsiteX4" fmla="*/ 290513 w 1928813"/>
              <a:gd name="connsiteY4" fmla="*/ 281076 h 514438"/>
              <a:gd name="connsiteX5" fmla="*/ 366713 w 1928813"/>
              <a:gd name="connsiteY5" fmla="*/ 262026 h 514438"/>
              <a:gd name="connsiteX6" fmla="*/ 402432 w 1928813"/>
              <a:gd name="connsiteY6" fmla="*/ 252501 h 514438"/>
              <a:gd name="connsiteX7" fmla="*/ 469106 w 1928813"/>
              <a:gd name="connsiteY7" fmla="*/ 252501 h 514438"/>
              <a:gd name="connsiteX8" fmla="*/ 519113 w 1928813"/>
              <a:gd name="connsiteY8" fmla="*/ 276313 h 514438"/>
              <a:gd name="connsiteX9" fmla="*/ 583406 w 1928813"/>
              <a:gd name="connsiteY9" fmla="*/ 292981 h 514438"/>
              <a:gd name="connsiteX10" fmla="*/ 685801 w 1928813"/>
              <a:gd name="connsiteY10" fmla="*/ 238213 h 514438"/>
              <a:gd name="connsiteX11" fmla="*/ 781051 w 1928813"/>
              <a:gd name="connsiteY11" fmla="*/ 169155 h 514438"/>
              <a:gd name="connsiteX12" fmla="*/ 842962 w 1928813"/>
              <a:gd name="connsiteY12" fmla="*/ 116769 h 514438"/>
              <a:gd name="connsiteX13" fmla="*/ 897730 w 1928813"/>
              <a:gd name="connsiteY13" fmla="*/ 71526 h 514438"/>
              <a:gd name="connsiteX14" fmla="*/ 950118 w 1928813"/>
              <a:gd name="connsiteY14" fmla="*/ 31044 h 514438"/>
              <a:gd name="connsiteX15" fmla="*/ 1040607 w 1928813"/>
              <a:gd name="connsiteY15" fmla="*/ 86 h 514438"/>
              <a:gd name="connsiteX16" fmla="*/ 1145380 w 1928813"/>
              <a:gd name="connsiteY16" fmla="*/ 40569 h 514438"/>
              <a:gd name="connsiteX17" fmla="*/ 1219201 w 1928813"/>
              <a:gd name="connsiteY17" fmla="*/ 102481 h 514438"/>
              <a:gd name="connsiteX18" fmla="*/ 1281113 w 1928813"/>
              <a:gd name="connsiteY18" fmla="*/ 176299 h 514438"/>
              <a:gd name="connsiteX19" fmla="*/ 1312069 w 1928813"/>
              <a:gd name="connsiteY19" fmla="*/ 214401 h 514438"/>
              <a:gd name="connsiteX20" fmla="*/ 1357313 w 1928813"/>
              <a:gd name="connsiteY20" fmla="*/ 271549 h 514438"/>
              <a:gd name="connsiteX21" fmla="*/ 1395413 w 1928813"/>
              <a:gd name="connsiteY21" fmla="*/ 312032 h 514438"/>
              <a:gd name="connsiteX22" fmla="*/ 1426369 w 1928813"/>
              <a:gd name="connsiteY22" fmla="*/ 342988 h 514438"/>
              <a:gd name="connsiteX23" fmla="*/ 1469232 w 1928813"/>
              <a:gd name="connsiteY23" fmla="*/ 378708 h 514438"/>
              <a:gd name="connsiteX24" fmla="*/ 1509712 w 1928813"/>
              <a:gd name="connsiteY24" fmla="*/ 409663 h 514438"/>
              <a:gd name="connsiteX25" fmla="*/ 1557339 w 1928813"/>
              <a:gd name="connsiteY25" fmla="*/ 433476 h 514438"/>
              <a:gd name="connsiteX26" fmla="*/ 1624012 w 1928813"/>
              <a:gd name="connsiteY26" fmla="*/ 462051 h 514438"/>
              <a:gd name="connsiteX27" fmla="*/ 1674019 w 1928813"/>
              <a:gd name="connsiteY27" fmla="*/ 476339 h 514438"/>
              <a:gd name="connsiteX28" fmla="*/ 1743075 w 1928813"/>
              <a:gd name="connsiteY28" fmla="*/ 495388 h 514438"/>
              <a:gd name="connsiteX29" fmla="*/ 1812131 w 1928813"/>
              <a:gd name="connsiteY29" fmla="*/ 507294 h 514438"/>
              <a:gd name="connsiteX30" fmla="*/ 1864519 w 1928813"/>
              <a:gd name="connsiteY30" fmla="*/ 509675 h 514438"/>
              <a:gd name="connsiteX31" fmla="*/ 1928813 w 1928813"/>
              <a:gd name="connsiteY31" fmla="*/ 514438 h 514438"/>
              <a:gd name="connsiteX0" fmla="*/ 0 w 1928813"/>
              <a:gd name="connsiteY0" fmla="*/ 297658 h 514352"/>
              <a:gd name="connsiteX1" fmla="*/ 83344 w 1928813"/>
              <a:gd name="connsiteY1" fmla="*/ 300040 h 514352"/>
              <a:gd name="connsiteX2" fmla="*/ 123825 w 1928813"/>
              <a:gd name="connsiteY2" fmla="*/ 300040 h 514352"/>
              <a:gd name="connsiteX3" fmla="*/ 209550 w 1928813"/>
              <a:gd name="connsiteY3" fmla="*/ 295277 h 514352"/>
              <a:gd name="connsiteX4" fmla="*/ 290513 w 1928813"/>
              <a:gd name="connsiteY4" fmla="*/ 280990 h 514352"/>
              <a:gd name="connsiteX5" fmla="*/ 366713 w 1928813"/>
              <a:gd name="connsiteY5" fmla="*/ 261940 h 514352"/>
              <a:gd name="connsiteX6" fmla="*/ 402432 w 1928813"/>
              <a:gd name="connsiteY6" fmla="*/ 252415 h 514352"/>
              <a:gd name="connsiteX7" fmla="*/ 469106 w 1928813"/>
              <a:gd name="connsiteY7" fmla="*/ 252415 h 514352"/>
              <a:gd name="connsiteX8" fmla="*/ 519113 w 1928813"/>
              <a:gd name="connsiteY8" fmla="*/ 276227 h 514352"/>
              <a:gd name="connsiteX9" fmla="*/ 583406 w 1928813"/>
              <a:gd name="connsiteY9" fmla="*/ 292895 h 514352"/>
              <a:gd name="connsiteX10" fmla="*/ 685801 w 1928813"/>
              <a:gd name="connsiteY10" fmla="*/ 238127 h 514352"/>
              <a:gd name="connsiteX11" fmla="*/ 781051 w 1928813"/>
              <a:gd name="connsiteY11" fmla="*/ 169069 h 514352"/>
              <a:gd name="connsiteX12" fmla="*/ 842962 w 1928813"/>
              <a:gd name="connsiteY12" fmla="*/ 116683 h 514352"/>
              <a:gd name="connsiteX13" fmla="*/ 897730 w 1928813"/>
              <a:gd name="connsiteY13" fmla="*/ 71440 h 514352"/>
              <a:gd name="connsiteX14" fmla="*/ 950118 w 1928813"/>
              <a:gd name="connsiteY14" fmla="*/ 30958 h 514352"/>
              <a:gd name="connsiteX15" fmla="*/ 1040607 w 1928813"/>
              <a:gd name="connsiteY15" fmla="*/ 0 h 514352"/>
              <a:gd name="connsiteX16" fmla="*/ 1145380 w 1928813"/>
              <a:gd name="connsiteY16" fmla="*/ 30958 h 514352"/>
              <a:gd name="connsiteX17" fmla="*/ 1219201 w 1928813"/>
              <a:gd name="connsiteY17" fmla="*/ 102395 h 514352"/>
              <a:gd name="connsiteX18" fmla="*/ 1281113 w 1928813"/>
              <a:gd name="connsiteY18" fmla="*/ 176213 h 514352"/>
              <a:gd name="connsiteX19" fmla="*/ 1312069 w 1928813"/>
              <a:gd name="connsiteY19" fmla="*/ 214315 h 514352"/>
              <a:gd name="connsiteX20" fmla="*/ 1357313 w 1928813"/>
              <a:gd name="connsiteY20" fmla="*/ 271463 h 514352"/>
              <a:gd name="connsiteX21" fmla="*/ 1395413 w 1928813"/>
              <a:gd name="connsiteY21" fmla="*/ 311946 h 514352"/>
              <a:gd name="connsiteX22" fmla="*/ 1426369 w 1928813"/>
              <a:gd name="connsiteY22" fmla="*/ 342902 h 514352"/>
              <a:gd name="connsiteX23" fmla="*/ 1469232 w 1928813"/>
              <a:gd name="connsiteY23" fmla="*/ 378622 h 514352"/>
              <a:gd name="connsiteX24" fmla="*/ 1509712 w 1928813"/>
              <a:gd name="connsiteY24" fmla="*/ 409577 h 514352"/>
              <a:gd name="connsiteX25" fmla="*/ 1557339 w 1928813"/>
              <a:gd name="connsiteY25" fmla="*/ 433390 h 514352"/>
              <a:gd name="connsiteX26" fmla="*/ 1624012 w 1928813"/>
              <a:gd name="connsiteY26" fmla="*/ 461965 h 514352"/>
              <a:gd name="connsiteX27" fmla="*/ 1674019 w 1928813"/>
              <a:gd name="connsiteY27" fmla="*/ 476253 h 514352"/>
              <a:gd name="connsiteX28" fmla="*/ 1743075 w 1928813"/>
              <a:gd name="connsiteY28" fmla="*/ 495302 h 514352"/>
              <a:gd name="connsiteX29" fmla="*/ 1812131 w 1928813"/>
              <a:gd name="connsiteY29" fmla="*/ 507208 h 514352"/>
              <a:gd name="connsiteX30" fmla="*/ 1864519 w 1928813"/>
              <a:gd name="connsiteY30" fmla="*/ 509589 h 514352"/>
              <a:gd name="connsiteX31" fmla="*/ 1928813 w 1928813"/>
              <a:gd name="connsiteY31" fmla="*/ 514352 h 5143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Lst>
            <a:rect l="l" t="t" r="r" b="b"/>
            <a:pathLst>
              <a:path w="1928813" h="514352">
                <a:moveTo>
                  <a:pt x="0" y="297658"/>
                </a:moveTo>
                <a:lnTo>
                  <a:pt x="83344" y="300040"/>
                </a:lnTo>
                <a:lnTo>
                  <a:pt x="123825" y="300040"/>
                </a:lnTo>
                <a:lnTo>
                  <a:pt x="209550" y="295277"/>
                </a:lnTo>
                <a:lnTo>
                  <a:pt x="290513" y="280990"/>
                </a:lnTo>
                <a:lnTo>
                  <a:pt x="366713" y="261940"/>
                </a:lnTo>
                <a:lnTo>
                  <a:pt x="402432" y="252415"/>
                </a:lnTo>
                <a:cubicBezTo>
                  <a:pt x="419497" y="250828"/>
                  <a:pt x="449659" y="248446"/>
                  <a:pt x="469106" y="252415"/>
                </a:cubicBezTo>
                <a:cubicBezTo>
                  <a:pt x="488553" y="256384"/>
                  <a:pt x="500063" y="269480"/>
                  <a:pt x="519113" y="276227"/>
                </a:cubicBezTo>
                <a:cubicBezTo>
                  <a:pt x="538163" y="282974"/>
                  <a:pt x="555625" y="299245"/>
                  <a:pt x="583406" y="292895"/>
                </a:cubicBezTo>
                <a:cubicBezTo>
                  <a:pt x="611187" y="286545"/>
                  <a:pt x="652860" y="258765"/>
                  <a:pt x="685801" y="238127"/>
                </a:cubicBezTo>
                <a:cubicBezTo>
                  <a:pt x="718742" y="217489"/>
                  <a:pt x="769542" y="178197"/>
                  <a:pt x="781051" y="169069"/>
                </a:cubicBezTo>
                <a:lnTo>
                  <a:pt x="842962" y="116683"/>
                </a:lnTo>
                <a:lnTo>
                  <a:pt x="897730" y="71440"/>
                </a:lnTo>
                <a:lnTo>
                  <a:pt x="950118" y="30958"/>
                </a:lnTo>
                <a:cubicBezTo>
                  <a:pt x="973931" y="19051"/>
                  <a:pt x="1008063" y="0"/>
                  <a:pt x="1040607" y="0"/>
                </a:cubicBezTo>
                <a:cubicBezTo>
                  <a:pt x="1073151" y="0"/>
                  <a:pt x="1115614" y="13892"/>
                  <a:pt x="1145380" y="30958"/>
                </a:cubicBezTo>
                <a:cubicBezTo>
                  <a:pt x="1175146" y="48024"/>
                  <a:pt x="1197769" y="80170"/>
                  <a:pt x="1219201" y="102395"/>
                </a:cubicBezTo>
                <a:lnTo>
                  <a:pt x="1281113" y="176213"/>
                </a:lnTo>
                <a:lnTo>
                  <a:pt x="1312069" y="214315"/>
                </a:lnTo>
                <a:lnTo>
                  <a:pt x="1357313" y="271463"/>
                </a:lnTo>
                <a:lnTo>
                  <a:pt x="1395413" y="311946"/>
                </a:lnTo>
                <a:lnTo>
                  <a:pt x="1426369" y="342902"/>
                </a:lnTo>
                <a:lnTo>
                  <a:pt x="1469232" y="378622"/>
                </a:lnTo>
                <a:lnTo>
                  <a:pt x="1509712" y="409577"/>
                </a:lnTo>
                <a:lnTo>
                  <a:pt x="1557339" y="433390"/>
                </a:lnTo>
                <a:lnTo>
                  <a:pt x="1624012" y="461965"/>
                </a:lnTo>
                <a:cubicBezTo>
                  <a:pt x="1643459" y="469109"/>
                  <a:pt x="1656160" y="470300"/>
                  <a:pt x="1674019" y="476253"/>
                </a:cubicBezTo>
                <a:cubicBezTo>
                  <a:pt x="1690688" y="481809"/>
                  <a:pt x="1718866" y="490937"/>
                  <a:pt x="1743075" y="495302"/>
                </a:cubicBezTo>
                <a:lnTo>
                  <a:pt x="1812131" y="507208"/>
                </a:lnTo>
                <a:lnTo>
                  <a:pt x="1864519" y="509589"/>
                </a:lnTo>
                <a:lnTo>
                  <a:pt x="1928813" y="514352"/>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6" name="フリーフォーム 125"/>
          <p:cNvSpPr/>
          <p:nvPr/>
        </p:nvSpPr>
        <p:spPr>
          <a:xfrm>
            <a:off x="6835774" y="1838015"/>
            <a:ext cx="1779985" cy="1307307"/>
          </a:xfrm>
          <a:custGeom>
            <a:avLst/>
            <a:gdLst>
              <a:gd name="connsiteX0" fmla="*/ 1652588 w 1652588"/>
              <a:gd name="connsiteY0" fmla="*/ 0 h 1414462"/>
              <a:gd name="connsiteX1" fmla="*/ 1624013 w 1652588"/>
              <a:gd name="connsiteY1" fmla="*/ 123825 h 1414462"/>
              <a:gd name="connsiteX2" fmla="*/ 1609725 w 1652588"/>
              <a:gd name="connsiteY2" fmla="*/ 166687 h 1414462"/>
              <a:gd name="connsiteX3" fmla="*/ 1566863 w 1652588"/>
              <a:gd name="connsiteY3" fmla="*/ 204787 h 1414462"/>
              <a:gd name="connsiteX4" fmla="*/ 1533525 w 1652588"/>
              <a:gd name="connsiteY4" fmla="*/ 223837 h 1414462"/>
              <a:gd name="connsiteX5" fmla="*/ 1476375 w 1652588"/>
              <a:gd name="connsiteY5" fmla="*/ 280987 h 1414462"/>
              <a:gd name="connsiteX6" fmla="*/ 1423988 w 1652588"/>
              <a:gd name="connsiteY6" fmla="*/ 333375 h 1414462"/>
              <a:gd name="connsiteX7" fmla="*/ 1395413 w 1652588"/>
              <a:gd name="connsiteY7" fmla="*/ 381000 h 1414462"/>
              <a:gd name="connsiteX8" fmla="*/ 1347788 w 1652588"/>
              <a:gd name="connsiteY8" fmla="*/ 438150 h 1414462"/>
              <a:gd name="connsiteX9" fmla="*/ 1295400 w 1652588"/>
              <a:gd name="connsiteY9" fmla="*/ 461962 h 1414462"/>
              <a:gd name="connsiteX10" fmla="*/ 1266825 w 1652588"/>
              <a:gd name="connsiteY10" fmla="*/ 461962 h 1414462"/>
              <a:gd name="connsiteX11" fmla="*/ 1247775 w 1652588"/>
              <a:gd name="connsiteY11" fmla="*/ 457200 h 1414462"/>
              <a:gd name="connsiteX12" fmla="*/ 1243013 w 1652588"/>
              <a:gd name="connsiteY12" fmla="*/ 438150 h 1414462"/>
              <a:gd name="connsiteX13" fmla="*/ 1204913 w 1652588"/>
              <a:gd name="connsiteY13" fmla="*/ 428625 h 1414462"/>
              <a:gd name="connsiteX14" fmla="*/ 1181100 w 1652588"/>
              <a:gd name="connsiteY14" fmla="*/ 423862 h 1414462"/>
              <a:gd name="connsiteX15" fmla="*/ 1181100 w 1652588"/>
              <a:gd name="connsiteY15" fmla="*/ 423862 h 1414462"/>
              <a:gd name="connsiteX16" fmla="*/ 1057275 w 1652588"/>
              <a:gd name="connsiteY16" fmla="*/ 452437 h 1414462"/>
              <a:gd name="connsiteX17" fmla="*/ 1014413 w 1652588"/>
              <a:gd name="connsiteY17" fmla="*/ 461962 h 1414462"/>
              <a:gd name="connsiteX18" fmla="*/ 966788 w 1652588"/>
              <a:gd name="connsiteY18" fmla="*/ 481012 h 1414462"/>
              <a:gd name="connsiteX19" fmla="*/ 952500 w 1652588"/>
              <a:gd name="connsiteY19" fmla="*/ 504825 h 1414462"/>
              <a:gd name="connsiteX20" fmla="*/ 952500 w 1652588"/>
              <a:gd name="connsiteY20" fmla="*/ 533400 h 1414462"/>
              <a:gd name="connsiteX21" fmla="*/ 847725 w 1652588"/>
              <a:gd name="connsiteY21" fmla="*/ 600075 h 1414462"/>
              <a:gd name="connsiteX22" fmla="*/ 809625 w 1652588"/>
              <a:gd name="connsiteY22" fmla="*/ 681037 h 1414462"/>
              <a:gd name="connsiteX23" fmla="*/ 700088 w 1652588"/>
              <a:gd name="connsiteY23" fmla="*/ 809625 h 1414462"/>
              <a:gd name="connsiteX24" fmla="*/ 681038 w 1652588"/>
              <a:gd name="connsiteY24" fmla="*/ 890587 h 1414462"/>
              <a:gd name="connsiteX25" fmla="*/ 628650 w 1652588"/>
              <a:gd name="connsiteY25" fmla="*/ 976312 h 1414462"/>
              <a:gd name="connsiteX26" fmla="*/ 604838 w 1652588"/>
              <a:gd name="connsiteY26" fmla="*/ 1019175 h 1414462"/>
              <a:gd name="connsiteX27" fmla="*/ 542925 w 1652588"/>
              <a:gd name="connsiteY27" fmla="*/ 1095375 h 1414462"/>
              <a:gd name="connsiteX28" fmla="*/ 509588 w 1652588"/>
              <a:gd name="connsiteY28" fmla="*/ 1157287 h 1414462"/>
              <a:gd name="connsiteX29" fmla="*/ 471488 w 1652588"/>
              <a:gd name="connsiteY29" fmla="*/ 1200150 h 1414462"/>
              <a:gd name="connsiteX30" fmla="*/ 442913 w 1652588"/>
              <a:gd name="connsiteY30" fmla="*/ 1233487 h 1414462"/>
              <a:gd name="connsiteX31" fmla="*/ 333375 w 1652588"/>
              <a:gd name="connsiteY31" fmla="*/ 1252537 h 1414462"/>
              <a:gd name="connsiteX32" fmla="*/ 228600 w 1652588"/>
              <a:gd name="connsiteY32" fmla="*/ 1262062 h 1414462"/>
              <a:gd name="connsiteX33" fmla="*/ 157163 w 1652588"/>
              <a:gd name="connsiteY33" fmla="*/ 1295400 h 1414462"/>
              <a:gd name="connsiteX34" fmla="*/ 114300 w 1652588"/>
              <a:gd name="connsiteY34" fmla="*/ 1328737 h 1414462"/>
              <a:gd name="connsiteX35" fmla="*/ 114300 w 1652588"/>
              <a:gd name="connsiteY35" fmla="*/ 1328737 h 1414462"/>
              <a:gd name="connsiteX36" fmla="*/ 71438 w 1652588"/>
              <a:gd name="connsiteY36" fmla="*/ 1381125 h 1414462"/>
              <a:gd name="connsiteX37" fmla="*/ 19050 w 1652588"/>
              <a:gd name="connsiteY37" fmla="*/ 1404937 h 1414462"/>
              <a:gd name="connsiteX38" fmla="*/ 0 w 1652588"/>
              <a:gd name="connsiteY38" fmla="*/ 1414462 h 1414462"/>
              <a:gd name="connsiteX0" fmla="*/ 1631157 w 1631157"/>
              <a:gd name="connsiteY0" fmla="*/ 0 h 1321594"/>
              <a:gd name="connsiteX1" fmla="*/ 1624013 w 1631157"/>
              <a:gd name="connsiteY1" fmla="*/ 30957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9725 w 1631157"/>
              <a:gd name="connsiteY2" fmla="*/ 73819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11919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12106 w 1631157"/>
              <a:gd name="connsiteY2" fmla="*/ 85725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45244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31157 w 1631157"/>
              <a:gd name="connsiteY0" fmla="*/ 0 h 1321594"/>
              <a:gd name="connsiteX1" fmla="*/ 1624013 w 1631157"/>
              <a:gd name="connsiteY1" fmla="*/ 69057 h 1321594"/>
              <a:gd name="connsiteX2" fmla="*/ 1604963 w 1631157"/>
              <a:gd name="connsiteY2" fmla="*/ 90487 h 1321594"/>
              <a:gd name="connsiteX3" fmla="*/ 1566863 w 1631157"/>
              <a:gd name="connsiteY3" fmla="*/ 104775 h 1321594"/>
              <a:gd name="connsiteX4" fmla="*/ 1533525 w 1631157"/>
              <a:gd name="connsiteY4" fmla="*/ 130969 h 1321594"/>
              <a:gd name="connsiteX5" fmla="*/ 1476375 w 1631157"/>
              <a:gd name="connsiteY5" fmla="*/ 188119 h 1321594"/>
              <a:gd name="connsiteX6" fmla="*/ 1423988 w 1631157"/>
              <a:gd name="connsiteY6" fmla="*/ 240507 h 1321594"/>
              <a:gd name="connsiteX7" fmla="*/ 1395413 w 1631157"/>
              <a:gd name="connsiteY7" fmla="*/ 288132 h 1321594"/>
              <a:gd name="connsiteX8" fmla="*/ 1347788 w 1631157"/>
              <a:gd name="connsiteY8" fmla="*/ 345282 h 1321594"/>
              <a:gd name="connsiteX9" fmla="*/ 1295400 w 1631157"/>
              <a:gd name="connsiteY9" fmla="*/ 369094 h 1321594"/>
              <a:gd name="connsiteX10" fmla="*/ 1266825 w 1631157"/>
              <a:gd name="connsiteY10" fmla="*/ 369094 h 1321594"/>
              <a:gd name="connsiteX11" fmla="*/ 1247775 w 1631157"/>
              <a:gd name="connsiteY11" fmla="*/ 364332 h 1321594"/>
              <a:gd name="connsiteX12" fmla="*/ 1243013 w 1631157"/>
              <a:gd name="connsiteY12" fmla="*/ 345282 h 1321594"/>
              <a:gd name="connsiteX13" fmla="*/ 1204913 w 1631157"/>
              <a:gd name="connsiteY13" fmla="*/ 335757 h 1321594"/>
              <a:gd name="connsiteX14" fmla="*/ 1181100 w 1631157"/>
              <a:gd name="connsiteY14" fmla="*/ 330994 h 1321594"/>
              <a:gd name="connsiteX15" fmla="*/ 1181100 w 1631157"/>
              <a:gd name="connsiteY15" fmla="*/ 330994 h 1321594"/>
              <a:gd name="connsiteX16" fmla="*/ 1057275 w 1631157"/>
              <a:gd name="connsiteY16" fmla="*/ 359569 h 1321594"/>
              <a:gd name="connsiteX17" fmla="*/ 1014413 w 1631157"/>
              <a:gd name="connsiteY17" fmla="*/ 369094 h 1321594"/>
              <a:gd name="connsiteX18" fmla="*/ 966788 w 1631157"/>
              <a:gd name="connsiteY18" fmla="*/ 388144 h 1321594"/>
              <a:gd name="connsiteX19" fmla="*/ 952500 w 1631157"/>
              <a:gd name="connsiteY19" fmla="*/ 411957 h 1321594"/>
              <a:gd name="connsiteX20" fmla="*/ 952500 w 1631157"/>
              <a:gd name="connsiteY20" fmla="*/ 440532 h 1321594"/>
              <a:gd name="connsiteX21" fmla="*/ 847725 w 1631157"/>
              <a:gd name="connsiteY21" fmla="*/ 507207 h 1321594"/>
              <a:gd name="connsiteX22" fmla="*/ 809625 w 1631157"/>
              <a:gd name="connsiteY22" fmla="*/ 588169 h 1321594"/>
              <a:gd name="connsiteX23" fmla="*/ 700088 w 1631157"/>
              <a:gd name="connsiteY23" fmla="*/ 716757 h 1321594"/>
              <a:gd name="connsiteX24" fmla="*/ 681038 w 1631157"/>
              <a:gd name="connsiteY24" fmla="*/ 797719 h 1321594"/>
              <a:gd name="connsiteX25" fmla="*/ 628650 w 1631157"/>
              <a:gd name="connsiteY25" fmla="*/ 883444 h 1321594"/>
              <a:gd name="connsiteX26" fmla="*/ 604838 w 1631157"/>
              <a:gd name="connsiteY26" fmla="*/ 926307 h 1321594"/>
              <a:gd name="connsiteX27" fmla="*/ 542925 w 1631157"/>
              <a:gd name="connsiteY27" fmla="*/ 1002507 h 1321594"/>
              <a:gd name="connsiteX28" fmla="*/ 509588 w 1631157"/>
              <a:gd name="connsiteY28" fmla="*/ 1064419 h 1321594"/>
              <a:gd name="connsiteX29" fmla="*/ 471488 w 1631157"/>
              <a:gd name="connsiteY29" fmla="*/ 1107282 h 1321594"/>
              <a:gd name="connsiteX30" fmla="*/ 442913 w 1631157"/>
              <a:gd name="connsiteY30" fmla="*/ 1140619 h 1321594"/>
              <a:gd name="connsiteX31" fmla="*/ 333375 w 1631157"/>
              <a:gd name="connsiteY31" fmla="*/ 1159669 h 1321594"/>
              <a:gd name="connsiteX32" fmla="*/ 228600 w 1631157"/>
              <a:gd name="connsiteY32" fmla="*/ 1169194 h 1321594"/>
              <a:gd name="connsiteX33" fmla="*/ 157163 w 1631157"/>
              <a:gd name="connsiteY33" fmla="*/ 1202532 h 1321594"/>
              <a:gd name="connsiteX34" fmla="*/ 114300 w 1631157"/>
              <a:gd name="connsiteY34" fmla="*/ 1235869 h 1321594"/>
              <a:gd name="connsiteX35" fmla="*/ 114300 w 1631157"/>
              <a:gd name="connsiteY35" fmla="*/ 1235869 h 1321594"/>
              <a:gd name="connsiteX36" fmla="*/ 71438 w 1631157"/>
              <a:gd name="connsiteY36" fmla="*/ 1288257 h 1321594"/>
              <a:gd name="connsiteX37" fmla="*/ 19050 w 1631157"/>
              <a:gd name="connsiteY37" fmla="*/ 1312069 h 1321594"/>
              <a:gd name="connsiteX38" fmla="*/ 0 w 1631157"/>
              <a:gd name="connsiteY38" fmla="*/ 1321594 h 1321594"/>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16682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76375 w 1643063"/>
              <a:gd name="connsiteY5" fmla="*/ 17383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3525 w 1643063"/>
              <a:gd name="connsiteY4" fmla="*/ 109538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85900 w 1643063"/>
              <a:gd name="connsiteY5" fmla="*/ 1547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490663 w 1643063"/>
              <a:gd name="connsiteY5" fmla="*/ 192882 h 1307307"/>
              <a:gd name="connsiteX6" fmla="*/ 1423988 w 1643063"/>
              <a:gd name="connsiteY6" fmla="*/ 226220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47775 w 1643063"/>
              <a:gd name="connsiteY11" fmla="*/ 350045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57163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90663 w 1643063"/>
              <a:gd name="connsiteY6" fmla="*/ 192882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16857 w 1643063"/>
              <a:gd name="connsiteY4" fmla="*/ 119063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23988 w 1643063"/>
              <a:gd name="connsiteY7" fmla="*/ 226220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6863 w 1643063"/>
              <a:gd name="connsiteY3" fmla="*/ 90488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31144 w 1643063"/>
              <a:gd name="connsiteY4" fmla="*/ 111919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504951 w 1643063"/>
              <a:gd name="connsiteY5" fmla="*/ 147638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4000 w 1643063"/>
              <a:gd name="connsiteY4" fmla="*/ 109538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9232 w 1643063"/>
              <a:gd name="connsiteY6" fmla="*/ 185738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95426 w 1643063"/>
              <a:gd name="connsiteY5" fmla="*/ 145256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19226 w 1643063"/>
              <a:gd name="connsiteY7" fmla="*/ 219076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7775 w 1643063"/>
              <a:gd name="connsiteY12" fmla="*/ 350045 h 1307307"/>
              <a:gd name="connsiteX13" fmla="*/ 1243013 w 1643063"/>
              <a:gd name="connsiteY13" fmla="*/ 330995 h 1307307"/>
              <a:gd name="connsiteX14" fmla="*/ 1204913 w 1643063"/>
              <a:gd name="connsiteY14" fmla="*/ 321470 h 1307307"/>
              <a:gd name="connsiteX15" fmla="*/ 1181100 w 1643063"/>
              <a:gd name="connsiteY15" fmla="*/ 316707 h 1307307"/>
              <a:gd name="connsiteX16" fmla="*/ 1181100 w 1643063"/>
              <a:gd name="connsiteY16" fmla="*/ 316707 h 1307307"/>
              <a:gd name="connsiteX17" fmla="*/ 1057275 w 1643063"/>
              <a:gd name="connsiteY17" fmla="*/ 345282 h 1307307"/>
              <a:gd name="connsiteX18" fmla="*/ 1014413 w 1643063"/>
              <a:gd name="connsiteY18" fmla="*/ 354807 h 1307307"/>
              <a:gd name="connsiteX19" fmla="*/ 966788 w 1643063"/>
              <a:gd name="connsiteY19" fmla="*/ 373857 h 1307307"/>
              <a:gd name="connsiteX20" fmla="*/ 952500 w 1643063"/>
              <a:gd name="connsiteY20" fmla="*/ 397670 h 1307307"/>
              <a:gd name="connsiteX21" fmla="*/ 952500 w 1643063"/>
              <a:gd name="connsiteY21" fmla="*/ 426245 h 1307307"/>
              <a:gd name="connsiteX22" fmla="*/ 847725 w 1643063"/>
              <a:gd name="connsiteY22" fmla="*/ 492920 h 1307307"/>
              <a:gd name="connsiteX23" fmla="*/ 809625 w 1643063"/>
              <a:gd name="connsiteY23" fmla="*/ 573882 h 1307307"/>
              <a:gd name="connsiteX24" fmla="*/ 700088 w 1643063"/>
              <a:gd name="connsiteY24" fmla="*/ 702470 h 1307307"/>
              <a:gd name="connsiteX25" fmla="*/ 681038 w 1643063"/>
              <a:gd name="connsiteY25" fmla="*/ 783432 h 1307307"/>
              <a:gd name="connsiteX26" fmla="*/ 628650 w 1643063"/>
              <a:gd name="connsiteY26" fmla="*/ 869157 h 1307307"/>
              <a:gd name="connsiteX27" fmla="*/ 604838 w 1643063"/>
              <a:gd name="connsiteY27" fmla="*/ 912020 h 1307307"/>
              <a:gd name="connsiteX28" fmla="*/ 542925 w 1643063"/>
              <a:gd name="connsiteY28" fmla="*/ 988220 h 1307307"/>
              <a:gd name="connsiteX29" fmla="*/ 509588 w 1643063"/>
              <a:gd name="connsiteY29" fmla="*/ 1050132 h 1307307"/>
              <a:gd name="connsiteX30" fmla="*/ 471488 w 1643063"/>
              <a:gd name="connsiteY30" fmla="*/ 1092995 h 1307307"/>
              <a:gd name="connsiteX31" fmla="*/ 442913 w 1643063"/>
              <a:gd name="connsiteY31" fmla="*/ 1126332 h 1307307"/>
              <a:gd name="connsiteX32" fmla="*/ 333375 w 1643063"/>
              <a:gd name="connsiteY32" fmla="*/ 1145382 h 1307307"/>
              <a:gd name="connsiteX33" fmla="*/ 228600 w 1643063"/>
              <a:gd name="connsiteY33" fmla="*/ 1154907 h 1307307"/>
              <a:gd name="connsiteX34" fmla="*/ 157163 w 1643063"/>
              <a:gd name="connsiteY34" fmla="*/ 1188245 h 1307307"/>
              <a:gd name="connsiteX35" fmla="*/ 114300 w 1643063"/>
              <a:gd name="connsiteY35" fmla="*/ 1221582 h 1307307"/>
              <a:gd name="connsiteX36" fmla="*/ 114300 w 1643063"/>
              <a:gd name="connsiteY36" fmla="*/ 1221582 h 1307307"/>
              <a:gd name="connsiteX37" fmla="*/ 71438 w 1643063"/>
              <a:gd name="connsiteY37" fmla="*/ 1273970 h 1307307"/>
              <a:gd name="connsiteX38" fmla="*/ 19050 w 1643063"/>
              <a:gd name="connsiteY38" fmla="*/ 1297782 h 1307307"/>
              <a:gd name="connsiteX39" fmla="*/ 0 w 1643063"/>
              <a:gd name="connsiteY3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43013 w 1643063"/>
              <a:gd name="connsiteY12" fmla="*/ 330995 h 1307307"/>
              <a:gd name="connsiteX13" fmla="*/ 1204913 w 1643063"/>
              <a:gd name="connsiteY13" fmla="*/ 321470 h 1307307"/>
              <a:gd name="connsiteX14" fmla="*/ 1181100 w 1643063"/>
              <a:gd name="connsiteY14" fmla="*/ 316707 h 1307307"/>
              <a:gd name="connsiteX15" fmla="*/ 1181100 w 1643063"/>
              <a:gd name="connsiteY15" fmla="*/ 316707 h 1307307"/>
              <a:gd name="connsiteX16" fmla="*/ 1057275 w 1643063"/>
              <a:gd name="connsiteY16" fmla="*/ 345282 h 1307307"/>
              <a:gd name="connsiteX17" fmla="*/ 1014413 w 1643063"/>
              <a:gd name="connsiteY17" fmla="*/ 354807 h 1307307"/>
              <a:gd name="connsiteX18" fmla="*/ 966788 w 1643063"/>
              <a:gd name="connsiteY18" fmla="*/ 373857 h 1307307"/>
              <a:gd name="connsiteX19" fmla="*/ 952500 w 1643063"/>
              <a:gd name="connsiteY19" fmla="*/ 397670 h 1307307"/>
              <a:gd name="connsiteX20" fmla="*/ 952500 w 1643063"/>
              <a:gd name="connsiteY20" fmla="*/ 426245 h 1307307"/>
              <a:gd name="connsiteX21" fmla="*/ 847725 w 1643063"/>
              <a:gd name="connsiteY21" fmla="*/ 492920 h 1307307"/>
              <a:gd name="connsiteX22" fmla="*/ 809625 w 1643063"/>
              <a:gd name="connsiteY22" fmla="*/ 573882 h 1307307"/>
              <a:gd name="connsiteX23" fmla="*/ 700088 w 1643063"/>
              <a:gd name="connsiteY23" fmla="*/ 702470 h 1307307"/>
              <a:gd name="connsiteX24" fmla="*/ 681038 w 1643063"/>
              <a:gd name="connsiteY24" fmla="*/ 783432 h 1307307"/>
              <a:gd name="connsiteX25" fmla="*/ 628650 w 1643063"/>
              <a:gd name="connsiteY25" fmla="*/ 869157 h 1307307"/>
              <a:gd name="connsiteX26" fmla="*/ 604838 w 1643063"/>
              <a:gd name="connsiteY26" fmla="*/ 912020 h 1307307"/>
              <a:gd name="connsiteX27" fmla="*/ 542925 w 1643063"/>
              <a:gd name="connsiteY27" fmla="*/ 988220 h 1307307"/>
              <a:gd name="connsiteX28" fmla="*/ 509588 w 1643063"/>
              <a:gd name="connsiteY28" fmla="*/ 1050132 h 1307307"/>
              <a:gd name="connsiteX29" fmla="*/ 471488 w 1643063"/>
              <a:gd name="connsiteY29" fmla="*/ 1092995 h 1307307"/>
              <a:gd name="connsiteX30" fmla="*/ 442913 w 1643063"/>
              <a:gd name="connsiteY30" fmla="*/ 1126332 h 1307307"/>
              <a:gd name="connsiteX31" fmla="*/ 333375 w 1643063"/>
              <a:gd name="connsiteY31" fmla="*/ 1145382 h 1307307"/>
              <a:gd name="connsiteX32" fmla="*/ 228600 w 1643063"/>
              <a:gd name="connsiteY32" fmla="*/ 1154907 h 1307307"/>
              <a:gd name="connsiteX33" fmla="*/ 157163 w 1643063"/>
              <a:gd name="connsiteY33" fmla="*/ 1188245 h 1307307"/>
              <a:gd name="connsiteX34" fmla="*/ 114300 w 1643063"/>
              <a:gd name="connsiteY34" fmla="*/ 1221582 h 1307307"/>
              <a:gd name="connsiteX35" fmla="*/ 114300 w 1643063"/>
              <a:gd name="connsiteY35" fmla="*/ 1221582 h 1307307"/>
              <a:gd name="connsiteX36" fmla="*/ 71438 w 1643063"/>
              <a:gd name="connsiteY36" fmla="*/ 1273970 h 1307307"/>
              <a:gd name="connsiteX37" fmla="*/ 19050 w 1643063"/>
              <a:gd name="connsiteY37" fmla="*/ 1297782 h 1307307"/>
              <a:gd name="connsiteX38" fmla="*/ 0 w 1643063"/>
              <a:gd name="connsiteY3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62100 w 1643063"/>
              <a:gd name="connsiteY3" fmla="*/ 83344 h 1307307"/>
              <a:gd name="connsiteX4" fmla="*/ 1521619 w 1643063"/>
              <a:gd name="connsiteY4" fmla="*/ 100013 h 1307307"/>
              <a:gd name="connsiteX5" fmla="*/ 1488282 w 1643063"/>
              <a:gd name="connsiteY5" fmla="*/ 140494 h 1307307"/>
              <a:gd name="connsiteX6" fmla="*/ 1462088 w 1643063"/>
              <a:gd name="connsiteY6" fmla="*/ 176213 h 1307307"/>
              <a:gd name="connsiteX7" fmla="*/ 1433514 w 1643063"/>
              <a:gd name="connsiteY7" fmla="*/ 211932 h 1307307"/>
              <a:gd name="connsiteX8" fmla="*/ 1395413 w 1643063"/>
              <a:gd name="connsiteY8" fmla="*/ 273845 h 1307307"/>
              <a:gd name="connsiteX9" fmla="*/ 1347788 w 1643063"/>
              <a:gd name="connsiteY9" fmla="*/ 330995 h 1307307"/>
              <a:gd name="connsiteX10" fmla="*/ 1295400 w 1643063"/>
              <a:gd name="connsiteY10" fmla="*/ 354807 h 1307307"/>
              <a:gd name="connsiteX11" fmla="*/ 1266825 w 1643063"/>
              <a:gd name="connsiteY11" fmla="*/ 354807 h 1307307"/>
              <a:gd name="connsiteX12" fmla="*/ 1204913 w 1643063"/>
              <a:gd name="connsiteY12" fmla="*/ 321470 h 1307307"/>
              <a:gd name="connsiteX13" fmla="*/ 1181100 w 1643063"/>
              <a:gd name="connsiteY13" fmla="*/ 316707 h 1307307"/>
              <a:gd name="connsiteX14" fmla="*/ 1181100 w 1643063"/>
              <a:gd name="connsiteY14" fmla="*/ 316707 h 1307307"/>
              <a:gd name="connsiteX15" fmla="*/ 1057275 w 1643063"/>
              <a:gd name="connsiteY15" fmla="*/ 345282 h 1307307"/>
              <a:gd name="connsiteX16" fmla="*/ 1014413 w 1643063"/>
              <a:gd name="connsiteY16" fmla="*/ 354807 h 1307307"/>
              <a:gd name="connsiteX17" fmla="*/ 966788 w 1643063"/>
              <a:gd name="connsiteY17" fmla="*/ 373857 h 1307307"/>
              <a:gd name="connsiteX18" fmla="*/ 952500 w 1643063"/>
              <a:gd name="connsiteY18" fmla="*/ 397670 h 1307307"/>
              <a:gd name="connsiteX19" fmla="*/ 952500 w 1643063"/>
              <a:gd name="connsiteY19" fmla="*/ 426245 h 1307307"/>
              <a:gd name="connsiteX20" fmla="*/ 847725 w 1643063"/>
              <a:gd name="connsiteY20" fmla="*/ 492920 h 1307307"/>
              <a:gd name="connsiteX21" fmla="*/ 809625 w 1643063"/>
              <a:gd name="connsiteY21" fmla="*/ 573882 h 1307307"/>
              <a:gd name="connsiteX22" fmla="*/ 700088 w 1643063"/>
              <a:gd name="connsiteY22" fmla="*/ 702470 h 1307307"/>
              <a:gd name="connsiteX23" fmla="*/ 681038 w 1643063"/>
              <a:gd name="connsiteY23" fmla="*/ 783432 h 1307307"/>
              <a:gd name="connsiteX24" fmla="*/ 628650 w 1643063"/>
              <a:gd name="connsiteY24" fmla="*/ 869157 h 1307307"/>
              <a:gd name="connsiteX25" fmla="*/ 604838 w 1643063"/>
              <a:gd name="connsiteY25" fmla="*/ 912020 h 1307307"/>
              <a:gd name="connsiteX26" fmla="*/ 542925 w 1643063"/>
              <a:gd name="connsiteY26" fmla="*/ 988220 h 1307307"/>
              <a:gd name="connsiteX27" fmla="*/ 509588 w 1643063"/>
              <a:gd name="connsiteY27" fmla="*/ 1050132 h 1307307"/>
              <a:gd name="connsiteX28" fmla="*/ 471488 w 1643063"/>
              <a:gd name="connsiteY28" fmla="*/ 1092995 h 1307307"/>
              <a:gd name="connsiteX29" fmla="*/ 442913 w 1643063"/>
              <a:gd name="connsiteY29" fmla="*/ 1126332 h 1307307"/>
              <a:gd name="connsiteX30" fmla="*/ 333375 w 1643063"/>
              <a:gd name="connsiteY30" fmla="*/ 1145382 h 1307307"/>
              <a:gd name="connsiteX31" fmla="*/ 228600 w 1643063"/>
              <a:gd name="connsiteY31" fmla="*/ 1154907 h 1307307"/>
              <a:gd name="connsiteX32" fmla="*/ 157163 w 1643063"/>
              <a:gd name="connsiteY32" fmla="*/ 1188245 h 1307307"/>
              <a:gd name="connsiteX33" fmla="*/ 114300 w 1643063"/>
              <a:gd name="connsiteY33" fmla="*/ 1221582 h 1307307"/>
              <a:gd name="connsiteX34" fmla="*/ 114300 w 1643063"/>
              <a:gd name="connsiteY34" fmla="*/ 1221582 h 1307307"/>
              <a:gd name="connsiteX35" fmla="*/ 71438 w 1643063"/>
              <a:gd name="connsiteY35" fmla="*/ 1273970 h 1307307"/>
              <a:gd name="connsiteX36" fmla="*/ 19050 w 1643063"/>
              <a:gd name="connsiteY36" fmla="*/ 1297782 h 1307307"/>
              <a:gd name="connsiteX37" fmla="*/ 0 w 1643063"/>
              <a:gd name="connsiteY3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88282 w 1643063"/>
              <a:gd name="connsiteY4" fmla="*/ 140494 h 1307307"/>
              <a:gd name="connsiteX5" fmla="*/ 1462088 w 1643063"/>
              <a:gd name="connsiteY5" fmla="*/ 176213 h 1307307"/>
              <a:gd name="connsiteX6" fmla="*/ 1433514 w 1643063"/>
              <a:gd name="connsiteY6" fmla="*/ 211932 h 1307307"/>
              <a:gd name="connsiteX7" fmla="*/ 1395413 w 1643063"/>
              <a:gd name="connsiteY7" fmla="*/ 273845 h 1307307"/>
              <a:gd name="connsiteX8" fmla="*/ 1347788 w 1643063"/>
              <a:gd name="connsiteY8" fmla="*/ 330995 h 1307307"/>
              <a:gd name="connsiteX9" fmla="*/ 1295400 w 1643063"/>
              <a:gd name="connsiteY9" fmla="*/ 354807 h 1307307"/>
              <a:gd name="connsiteX10" fmla="*/ 1266825 w 1643063"/>
              <a:gd name="connsiteY10" fmla="*/ 354807 h 1307307"/>
              <a:gd name="connsiteX11" fmla="*/ 1204913 w 1643063"/>
              <a:gd name="connsiteY11" fmla="*/ 321470 h 1307307"/>
              <a:gd name="connsiteX12" fmla="*/ 1181100 w 1643063"/>
              <a:gd name="connsiteY12" fmla="*/ 316707 h 1307307"/>
              <a:gd name="connsiteX13" fmla="*/ 1181100 w 1643063"/>
              <a:gd name="connsiteY13" fmla="*/ 316707 h 1307307"/>
              <a:gd name="connsiteX14" fmla="*/ 1057275 w 1643063"/>
              <a:gd name="connsiteY14" fmla="*/ 345282 h 1307307"/>
              <a:gd name="connsiteX15" fmla="*/ 1014413 w 1643063"/>
              <a:gd name="connsiteY15" fmla="*/ 354807 h 1307307"/>
              <a:gd name="connsiteX16" fmla="*/ 966788 w 1643063"/>
              <a:gd name="connsiteY16" fmla="*/ 373857 h 1307307"/>
              <a:gd name="connsiteX17" fmla="*/ 952500 w 1643063"/>
              <a:gd name="connsiteY17" fmla="*/ 397670 h 1307307"/>
              <a:gd name="connsiteX18" fmla="*/ 952500 w 1643063"/>
              <a:gd name="connsiteY18" fmla="*/ 426245 h 1307307"/>
              <a:gd name="connsiteX19" fmla="*/ 847725 w 1643063"/>
              <a:gd name="connsiteY19" fmla="*/ 492920 h 1307307"/>
              <a:gd name="connsiteX20" fmla="*/ 809625 w 1643063"/>
              <a:gd name="connsiteY20" fmla="*/ 573882 h 1307307"/>
              <a:gd name="connsiteX21" fmla="*/ 700088 w 1643063"/>
              <a:gd name="connsiteY21" fmla="*/ 702470 h 1307307"/>
              <a:gd name="connsiteX22" fmla="*/ 681038 w 1643063"/>
              <a:gd name="connsiteY22" fmla="*/ 783432 h 1307307"/>
              <a:gd name="connsiteX23" fmla="*/ 628650 w 1643063"/>
              <a:gd name="connsiteY23" fmla="*/ 869157 h 1307307"/>
              <a:gd name="connsiteX24" fmla="*/ 604838 w 1643063"/>
              <a:gd name="connsiteY24" fmla="*/ 912020 h 1307307"/>
              <a:gd name="connsiteX25" fmla="*/ 542925 w 1643063"/>
              <a:gd name="connsiteY25" fmla="*/ 988220 h 1307307"/>
              <a:gd name="connsiteX26" fmla="*/ 509588 w 1643063"/>
              <a:gd name="connsiteY26" fmla="*/ 1050132 h 1307307"/>
              <a:gd name="connsiteX27" fmla="*/ 471488 w 1643063"/>
              <a:gd name="connsiteY27" fmla="*/ 1092995 h 1307307"/>
              <a:gd name="connsiteX28" fmla="*/ 442913 w 1643063"/>
              <a:gd name="connsiteY28" fmla="*/ 1126332 h 1307307"/>
              <a:gd name="connsiteX29" fmla="*/ 333375 w 1643063"/>
              <a:gd name="connsiteY29" fmla="*/ 1145382 h 1307307"/>
              <a:gd name="connsiteX30" fmla="*/ 228600 w 1643063"/>
              <a:gd name="connsiteY30" fmla="*/ 1154907 h 1307307"/>
              <a:gd name="connsiteX31" fmla="*/ 157163 w 1643063"/>
              <a:gd name="connsiteY31" fmla="*/ 1188245 h 1307307"/>
              <a:gd name="connsiteX32" fmla="*/ 114300 w 1643063"/>
              <a:gd name="connsiteY32" fmla="*/ 1221582 h 1307307"/>
              <a:gd name="connsiteX33" fmla="*/ 114300 w 1643063"/>
              <a:gd name="connsiteY33" fmla="*/ 1221582 h 1307307"/>
              <a:gd name="connsiteX34" fmla="*/ 71438 w 1643063"/>
              <a:gd name="connsiteY34" fmla="*/ 1273970 h 1307307"/>
              <a:gd name="connsiteX35" fmla="*/ 19050 w 1643063"/>
              <a:gd name="connsiteY35" fmla="*/ 1297782 h 1307307"/>
              <a:gd name="connsiteX36" fmla="*/ 0 w 1643063"/>
              <a:gd name="connsiteY3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433514 w 1643063"/>
              <a:gd name="connsiteY5" fmla="*/ 211932 h 1307307"/>
              <a:gd name="connsiteX6" fmla="*/ 1395413 w 1643063"/>
              <a:gd name="connsiteY6" fmla="*/ 273845 h 1307307"/>
              <a:gd name="connsiteX7" fmla="*/ 1347788 w 1643063"/>
              <a:gd name="connsiteY7" fmla="*/ 330995 h 1307307"/>
              <a:gd name="connsiteX8" fmla="*/ 1295400 w 1643063"/>
              <a:gd name="connsiteY8" fmla="*/ 354807 h 1307307"/>
              <a:gd name="connsiteX9" fmla="*/ 1266825 w 1643063"/>
              <a:gd name="connsiteY9" fmla="*/ 354807 h 1307307"/>
              <a:gd name="connsiteX10" fmla="*/ 1204913 w 1643063"/>
              <a:gd name="connsiteY10" fmla="*/ 321470 h 1307307"/>
              <a:gd name="connsiteX11" fmla="*/ 1181100 w 1643063"/>
              <a:gd name="connsiteY11" fmla="*/ 316707 h 1307307"/>
              <a:gd name="connsiteX12" fmla="*/ 1181100 w 1643063"/>
              <a:gd name="connsiteY12" fmla="*/ 316707 h 1307307"/>
              <a:gd name="connsiteX13" fmla="*/ 1057275 w 1643063"/>
              <a:gd name="connsiteY13" fmla="*/ 345282 h 1307307"/>
              <a:gd name="connsiteX14" fmla="*/ 1014413 w 1643063"/>
              <a:gd name="connsiteY14" fmla="*/ 354807 h 1307307"/>
              <a:gd name="connsiteX15" fmla="*/ 966788 w 1643063"/>
              <a:gd name="connsiteY15" fmla="*/ 373857 h 1307307"/>
              <a:gd name="connsiteX16" fmla="*/ 952500 w 1643063"/>
              <a:gd name="connsiteY16" fmla="*/ 397670 h 1307307"/>
              <a:gd name="connsiteX17" fmla="*/ 952500 w 1643063"/>
              <a:gd name="connsiteY17" fmla="*/ 426245 h 1307307"/>
              <a:gd name="connsiteX18" fmla="*/ 847725 w 1643063"/>
              <a:gd name="connsiteY18" fmla="*/ 492920 h 1307307"/>
              <a:gd name="connsiteX19" fmla="*/ 809625 w 1643063"/>
              <a:gd name="connsiteY19" fmla="*/ 573882 h 1307307"/>
              <a:gd name="connsiteX20" fmla="*/ 700088 w 1643063"/>
              <a:gd name="connsiteY20" fmla="*/ 702470 h 1307307"/>
              <a:gd name="connsiteX21" fmla="*/ 681038 w 1643063"/>
              <a:gd name="connsiteY21" fmla="*/ 783432 h 1307307"/>
              <a:gd name="connsiteX22" fmla="*/ 628650 w 1643063"/>
              <a:gd name="connsiteY22" fmla="*/ 869157 h 1307307"/>
              <a:gd name="connsiteX23" fmla="*/ 604838 w 1643063"/>
              <a:gd name="connsiteY23" fmla="*/ 912020 h 1307307"/>
              <a:gd name="connsiteX24" fmla="*/ 542925 w 1643063"/>
              <a:gd name="connsiteY24" fmla="*/ 988220 h 1307307"/>
              <a:gd name="connsiteX25" fmla="*/ 509588 w 1643063"/>
              <a:gd name="connsiteY25" fmla="*/ 1050132 h 1307307"/>
              <a:gd name="connsiteX26" fmla="*/ 471488 w 1643063"/>
              <a:gd name="connsiteY26" fmla="*/ 1092995 h 1307307"/>
              <a:gd name="connsiteX27" fmla="*/ 442913 w 1643063"/>
              <a:gd name="connsiteY27" fmla="*/ 1126332 h 1307307"/>
              <a:gd name="connsiteX28" fmla="*/ 333375 w 1643063"/>
              <a:gd name="connsiteY28" fmla="*/ 1145382 h 1307307"/>
              <a:gd name="connsiteX29" fmla="*/ 228600 w 1643063"/>
              <a:gd name="connsiteY29" fmla="*/ 1154907 h 1307307"/>
              <a:gd name="connsiteX30" fmla="*/ 157163 w 1643063"/>
              <a:gd name="connsiteY30" fmla="*/ 1188245 h 1307307"/>
              <a:gd name="connsiteX31" fmla="*/ 114300 w 1643063"/>
              <a:gd name="connsiteY31" fmla="*/ 1221582 h 1307307"/>
              <a:gd name="connsiteX32" fmla="*/ 114300 w 1643063"/>
              <a:gd name="connsiteY32" fmla="*/ 1221582 h 1307307"/>
              <a:gd name="connsiteX33" fmla="*/ 71438 w 1643063"/>
              <a:gd name="connsiteY33" fmla="*/ 1273970 h 1307307"/>
              <a:gd name="connsiteX34" fmla="*/ 19050 w 1643063"/>
              <a:gd name="connsiteY34" fmla="*/ 1297782 h 1307307"/>
              <a:gd name="connsiteX35" fmla="*/ 0 w 1643063"/>
              <a:gd name="connsiteY3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47788 w 1643063"/>
              <a:gd name="connsiteY6" fmla="*/ 330995 h 1307307"/>
              <a:gd name="connsiteX7" fmla="*/ 1295400 w 1643063"/>
              <a:gd name="connsiteY7" fmla="*/ 354807 h 1307307"/>
              <a:gd name="connsiteX8" fmla="*/ 1266825 w 1643063"/>
              <a:gd name="connsiteY8" fmla="*/ 354807 h 1307307"/>
              <a:gd name="connsiteX9" fmla="*/ 1204913 w 1643063"/>
              <a:gd name="connsiteY9" fmla="*/ 321470 h 1307307"/>
              <a:gd name="connsiteX10" fmla="*/ 1181100 w 1643063"/>
              <a:gd name="connsiteY10" fmla="*/ 316707 h 1307307"/>
              <a:gd name="connsiteX11" fmla="*/ 1181100 w 1643063"/>
              <a:gd name="connsiteY11" fmla="*/ 316707 h 1307307"/>
              <a:gd name="connsiteX12" fmla="*/ 1057275 w 1643063"/>
              <a:gd name="connsiteY12" fmla="*/ 345282 h 1307307"/>
              <a:gd name="connsiteX13" fmla="*/ 1014413 w 1643063"/>
              <a:gd name="connsiteY13" fmla="*/ 354807 h 1307307"/>
              <a:gd name="connsiteX14" fmla="*/ 966788 w 1643063"/>
              <a:gd name="connsiteY14" fmla="*/ 373857 h 1307307"/>
              <a:gd name="connsiteX15" fmla="*/ 952500 w 1643063"/>
              <a:gd name="connsiteY15" fmla="*/ 397670 h 1307307"/>
              <a:gd name="connsiteX16" fmla="*/ 952500 w 1643063"/>
              <a:gd name="connsiteY16" fmla="*/ 426245 h 1307307"/>
              <a:gd name="connsiteX17" fmla="*/ 847725 w 1643063"/>
              <a:gd name="connsiteY17" fmla="*/ 492920 h 1307307"/>
              <a:gd name="connsiteX18" fmla="*/ 809625 w 1643063"/>
              <a:gd name="connsiteY18" fmla="*/ 573882 h 1307307"/>
              <a:gd name="connsiteX19" fmla="*/ 700088 w 1643063"/>
              <a:gd name="connsiteY19" fmla="*/ 702470 h 1307307"/>
              <a:gd name="connsiteX20" fmla="*/ 681038 w 1643063"/>
              <a:gd name="connsiteY20" fmla="*/ 783432 h 1307307"/>
              <a:gd name="connsiteX21" fmla="*/ 628650 w 1643063"/>
              <a:gd name="connsiteY21" fmla="*/ 869157 h 1307307"/>
              <a:gd name="connsiteX22" fmla="*/ 604838 w 1643063"/>
              <a:gd name="connsiteY22" fmla="*/ 912020 h 1307307"/>
              <a:gd name="connsiteX23" fmla="*/ 542925 w 1643063"/>
              <a:gd name="connsiteY23" fmla="*/ 988220 h 1307307"/>
              <a:gd name="connsiteX24" fmla="*/ 509588 w 1643063"/>
              <a:gd name="connsiteY24" fmla="*/ 1050132 h 1307307"/>
              <a:gd name="connsiteX25" fmla="*/ 471488 w 1643063"/>
              <a:gd name="connsiteY25" fmla="*/ 1092995 h 1307307"/>
              <a:gd name="connsiteX26" fmla="*/ 442913 w 1643063"/>
              <a:gd name="connsiteY26" fmla="*/ 1126332 h 1307307"/>
              <a:gd name="connsiteX27" fmla="*/ 333375 w 1643063"/>
              <a:gd name="connsiteY27" fmla="*/ 1145382 h 1307307"/>
              <a:gd name="connsiteX28" fmla="*/ 228600 w 1643063"/>
              <a:gd name="connsiteY28" fmla="*/ 1154907 h 1307307"/>
              <a:gd name="connsiteX29" fmla="*/ 157163 w 1643063"/>
              <a:gd name="connsiteY29" fmla="*/ 1188245 h 1307307"/>
              <a:gd name="connsiteX30" fmla="*/ 114300 w 1643063"/>
              <a:gd name="connsiteY30" fmla="*/ 1221582 h 1307307"/>
              <a:gd name="connsiteX31" fmla="*/ 114300 w 1643063"/>
              <a:gd name="connsiteY31" fmla="*/ 1221582 h 1307307"/>
              <a:gd name="connsiteX32" fmla="*/ 71438 w 1643063"/>
              <a:gd name="connsiteY32" fmla="*/ 1273970 h 1307307"/>
              <a:gd name="connsiteX33" fmla="*/ 19050 w 1643063"/>
              <a:gd name="connsiteY33" fmla="*/ 1297782 h 1307307"/>
              <a:gd name="connsiteX34" fmla="*/ 0 w 1643063"/>
              <a:gd name="connsiteY34"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66825 w 1643063"/>
              <a:gd name="connsiteY7" fmla="*/ 354807 h 1307307"/>
              <a:gd name="connsiteX8" fmla="*/ 1204913 w 1643063"/>
              <a:gd name="connsiteY8" fmla="*/ 321470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66788 w 1643063"/>
              <a:gd name="connsiteY13" fmla="*/ 373857 h 1307307"/>
              <a:gd name="connsiteX14" fmla="*/ 952500 w 1643063"/>
              <a:gd name="connsiteY14" fmla="*/ 397670 h 1307307"/>
              <a:gd name="connsiteX15" fmla="*/ 952500 w 1643063"/>
              <a:gd name="connsiteY15" fmla="*/ 426245 h 1307307"/>
              <a:gd name="connsiteX16" fmla="*/ 847725 w 1643063"/>
              <a:gd name="connsiteY16" fmla="*/ 492920 h 1307307"/>
              <a:gd name="connsiteX17" fmla="*/ 809625 w 1643063"/>
              <a:gd name="connsiteY17" fmla="*/ 573882 h 1307307"/>
              <a:gd name="connsiteX18" fmla="*/ 700088 w 1643063"/>
              <a:gd name="connsiteY18" fmla="*/ 702470 h 1307307"/>
              <a:gd name="connsiteX19" fmla="*/ 681038 w 1643063"/>
              <a:gd name="connsiteY19" fmla="*/ 783432 h 1307307"/>
              <a:gd name="connsiteX20" fmla="*/ 628650 w 1643063"/>
              <a:gd name="connsiteY20" fmla="*/ 869157 h 1307307"/>
              <a:gd name="connsiteX21" fmla="*/ 604838 w 1643063"/>
              <a:gd name="connsiteY21" fmla="*/ 912020 h 1307307"/>
              <a:gd name="connsiteX22" fmla="*/ 542925 w 1643063"/>
              <a:gd name="connsiteY22" fmla="*/ 988220 h 1307307"/>
              <a:gd name="connsiteX23" fmla="*/ 509588 w 1643063"/>
              <a:gd name="connsiteY23" fmla="*/ 1050132 h 1307307"/>
              <a:gd name="connsiteX24" fmla="*/ 471488 w 1643063"/>
              <a:gd name="connsiteY24" fmla="*/ 1092995 h 1307307"/>
              <a:gd name="connsiteX25" fmla="*/ 442913 w 1643063"/>
              <a:gd name="connsiteY25" fmla="*/ 1126332 h 1307307"/>
              <a:gd name="connsiteX26" fmla="*/ 333375 w 1643063"/>
              <a:gd name="connsiteY26" fmla="*/ 1145382 h 1307307"/>
              <a:gd name="connsiteX27" fmla="*/ 228600 w 1643063"/>
              <a:gd name="connsiteY27" fmla="*/ 1154907 h 1307307"/>
              <a:gd name="connsiteX28" fmla="*/ 157163 w 1643063"/>
              <a:gd name="connsiteY28" fmla="*/ 1188245 h 1307307"/>
              <a:gd name="connsiteX29" fmla="*/ 114300 w 1643063"/>
              <a:gd name="connsiteY29" fmla="*/ 1221582 h 1307307"/>
              <a:gd name="connsiteX30" fmla="*/ 114300 w 1643063"/>
              <a:gd name="connsiteY30" fmla="*/ 1221582 h 1307307"/>
              <a:gd name="connsiteX31" fmla="*/ 71438 w 1643063"/>
              <a:gd name="connsiteY31" fmla="*/ 1273970 h 1307307"/>
              <a:gd name="connsiteX32" fmla="*/ 19050 w 1643063"/>
              <a:gd name="connsiteY32" fmla="*/ 1297782 h 1307307"/>
              <a:gd name="connsiteX33" fmla="*/ 0 w 1643063"/>
              <a:gd name="connsiteY33"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295400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09687 w 1643063"/>
              <a:gd name="connsiteY6" fmla="*/ 35480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3499 w 1643063"/>
              <a:gd name="connsiteY6" fmla="*/ 345282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04913 w 1643063"/>
              <a:gd name="connsiteY7" fmla="*/ 321470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66788 w 1643063"/>
              <a:gd name="connsiteY12" fmla="*/ 373857 h 1307307"/>
              <a:gd name="connsiteX13" fmla="*/ 952500 w 1643063"/>
              <a:gd name="connsiteY13" fmla="*/ 397670 h 1307307"/>
              <a:gd name="connsiteX14" fmla="*/ 952500 w 1643063"/>
              <a:gd name="connsiteY14" fmla="*/ 426245 h 1307307"/>
              <a:gd name="connsiteX15" fmla="*/ 847725 w 1643063"/>
              <a:gd name="connsiteY15" fmla="*/ 492920 h 1307307"/>
              <a:gd name="connsiteX16" fmla="*/ 809625 w 1643063"/>
              <a:gd name="connsiteY16" fmla="*/ 573882 h 1307307"/>
              <a:gd name="connsiteX17" fmla="*/ 700088 w 1643063"/>
              <a:gd name="connsiteY17" fmla="*/ 702470 h 1307307"/>
              <a:gd name="connsiteX18" fmla="*/ 681038 w 1643063"/>
              <a:gd name="connsiteY18" fmla="*/ 783432 h 1307307"/>
              <a:gd name="connsiteX19" fmla="*/ 628650 w 1643063"/>
              <a:gd name="connsiteY19" fmla="*/ 869157 h 1307307"/>
              <a:gd name="connsiteX20" fmla="*/ 604838 w 1643063"/>
              <a:gd name="connsiteY20" fmla="*/ 912020 h 1307307"/>
              <a:gd name="connsiteX21" fmla="*/ 542925 w 1643063"/>
              <a:gd name="connsiteY21" fmla="*/ 988220 h 1307307"/>
              <a:gd name="connsiteX22" fmla="*/ 509588 w 1643063"/>
              <a:gd name="connsiteY22" fmla="*/ 1050132 h 1307307"/>
              <a:gd name="connsiteX23" fmla="*/ 471488 w 1643063"/>
              <a:gd name="connsiteY23" fmla="*/ 1092995 h 1307307"/>
              <a:gd name="connsiteX24" fmla="*/ 442913 w 1643063"/>
              <a:gd name="connsiteY24" fmla="*/ 1126332 h 1307307"/>
              <a:gd name="connsiteX25" fmla="*/ 333375 w 1643063"/>
              <a:gd name="connsiteY25" fmla="*/ 1145382 h 1307307"/>
              <a:gd name="connsiteX26" fmla="*/ 228600 w 1643063"/>
              <a:gd name="connsiteY26" fmla="*/ 1154907 h 1307307"/>
              <a:gd name="connsiteX27" fmla="*/ 157163 w 1643063"/>
              <a:gd name="connsiteY27" fmla="*/ 1188245 h 1307307"/>
              <a:gd name="connsiteX28" fmla="*/ 114300 w 1643063"/>
              <a:gd name="connsiteY28" fmla="*/ 1221582 h 1307307"/>
              <a:gd name="connsiteX29" fmla="*/ 114300 w 1643063"/>
              <a:gd name="connsiteY29" fmla="*/ 1221582 h 1307307"/>
              <a:gd name="connsiteX30" fmla="*/ 71438 w 1643063"/>
              <a:gd name="connsiteY30" fmla="*/ 1273970 h 1307307"/>
              <a:gd name="connsiteX31" fmla="*/ 19050 w 1643063"/>
              <a:gd name="connsiteY31" fmla="*/ 1297782 h 1307307"/>
              <a:gd name="connsiteX32" fmla="*/ 0 w 1643063"/>
              <a:gd name="connsiteY32"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39767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45394 w 1643063"/>
              <a:gd name="connsiteY7" fmla="*/ 335757 h 1307307"/>
              <a:gd name="connsiteX8" fmla="*/ 1181100 w 1643063"/>
              <a:gd name="connsiteY8" fmla="*/ 316707 h 1307307"/>
              <a:gd name="connsiteX9" fmla="*/ 1181100 w 1643063"/>
              <a:gd name="connsiteY9" fmla="*/ 316707 h 1307307"/>
              <a:gd name="connsiteX10" fmla="*/ 1057275 w 1643063"/>
              <a:gd name="connsiteY10" fmla="*/ 345282 h 1307307"/>
              <a:gd name="connsiteX11" fmla="*/ 1014413 w 1643063"/>
              <a:gd name="connsiteY11" fmla="*/ 354807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35757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81100 w 1643063"/>
              <a:gd name="connsiteY10" fmla="*/ 316707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47763 w 1643063"/>
              <a:gd name="connsiteY10" fmla="*/ 314326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54807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7275 w 1643063"/>
              <a:gd name="connsiteY11" fmla="*/ 345282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45394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59682 w 1643063"/>
              <a:gd name="connsiteY7" fmla="*/ 330995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6826 w 1643063"/>
              <a:gd name="connsiteY7" fmla="*/ 328613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1469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76351 w 1643063"/>
              <a:gd name="connsiteY7" fmla="*/ 335757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4920 w 1643063"/>
              <a:gd name="connsiteY7" fmla="*/ 338138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31106 w 1643063"/>
              <a:gd name="connsiteY8" fmla="*/ 328613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40633 w 1643063"/>
              <a:gd name="connsiteY7" fmla="*/ 330994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2 w 1643063"/>
              <a:gd name="connsiteY7" fmla="*/ 335756 h 1307307"/>
              <a:gd name="connsiteX8" fmla="*/ 1219200 w 1643063"/>
              <a:gd name="connsiteY8" fmla="*/ 326232 h 1307307"/>
              <a:gd name="connsiteX9" fmla="*/ 1181100 w 1643063"/>
              <a:gd name="connsiteY9" fmla="*/ 316707 h 1307307"/>
              <a:gd name="connsiteX10" fmla="*/ 1114426 w 1643063"/>
              <a:gd name="connsiteY10" fmla="*/ 309564 h 1307307"/>
              <a:gd name="connsiteX11" fmla="*/ 1054893 w 1643063"/>
              <a:gd name="connsiteY11" fmla="*/ 338138 h 1307307"/>
              <a:gd name="connsiteX12" fmla="*/ 1014413 w 1643063"/>
              <a:gd name="connsiteY12" fmla="*/ 378620 h 1307307"/>
              <a:gd name="connsiteX13" fmla="*/ 952500 w 1643063"/>
              <a:gd name="connsiteY13" fmla="*/ 426245 h 1307307"/>
              <a:gd name="connsiteX14" fmla="*/ 847725 w 1643063"/>
              <a:gd name="connsiteY14" fmla="*/ 492920 h 1307307"/>
              <a:gd name="connsiteX15" fmla="*/ 809625 w 1643063"/>
              <a:gd name="connsiteY15" fmla="*/ 573882 h 1307307"/>
              <a:gd name="connsiteX16" fmla="*/ 700088 w 1643063"/>
              <a:gd name="connsiteY16" fmla="*/ 702470 h 1307307"/>
              <a:gd name="connsiteX17" fmla="*/ 681038 w 1643063"/>
              <a:gd name="connsiteY17" fmla="*/ 783432 h 1307307"/>
              <a:gd name="connsiteX18" fmla="*/ 628650 w 1643063"/>
              <a:gd name="connsiteY18" fmla="*/ 869157 h 1307307"/>
              <a:gd name="connsiteX19" fmla="*/ 604838 w 1643063"/>
              <a:gd name="connsiteY19" fmla="*/ 912020 h 1307307"/>
              <a:gd name="connsiteX20" fmla="*/ 542925 w 1643063"/>
              <a:gd name="connsiteY20" fmla="*/ 988220 h 1307307"/>
              <a:gd name="connsiteX21" fmla="*/ 509588 w 1643063"/>
              <a:gd name="connsiteY21" fmla="*/ 1050132 h 1307307"/>
              <a:gd name="connsiteX22" fmla="*/ 471488 w 1643063"/>
              <a:gd name="connsiteY22" fmla="*/ 1092995 h 1307307"/>
              <a:gd name="connsiteX23" fmla="*/ 442913 w 1643063"/>
              <a:gd name="connsiteY23" fmla="*/ 1126332 h 1307307"/>
              <a:gd name="connsiteX24" fmla="*/ 333375 w 1643063"/>
              <a:gd name="connsiteY24" fmla="*/ 1145382 h 1307307"/>
              <a:gd name="connsiteX25" fmla="*/ 228600 w 1643063"/>
              <a:gd name="connsiteY25" fmla="*/ 1154907 h 1307307"/>
              <a:gd name="connsiteX26" fmla="*/ 157163 w 1643063"/>
              <a:gd name="connsiteY26" fmla="*/ 1188245 h 1307307"/>
              <a:gd name="connsiteX27" fmla="*/ 114300 w 1643063"/>
              <a:gd name="connsiteY27" fmla="*/ 1221582 h 1307307"/>
              <a:gd name="connsiteX28" fmla="*/ 114300 w 1643063"/>
              <a:gd name="connsiteY28" fmla="*/ 1221582 h 1307307"/>
              <a:gd name="connsiteX29" fmla="*/ 71438 w 1643063"/>
              <a:gd name="connsiteY29" fmla="*/ 1273970 h 1307307"/>
              <a:gd name="connsiteX30" fmla="*/ 19050 w 1643063"/>
              <a:gd name="connsiteY30" fmla="*/ 1297782 h 1307307"/>
              <a:gd name="connsiteX31" fmla="*/ 0 w 1643063"/>
              <a:gd name="connsiteY31"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1100 w 1643063"/>
              <a:gd name="connsiteY8" fmla="*/ 316707 h 1307307"/>
              <a:gd name="connsiteX9" fmla="*/ 1114426 w 1643063"/>
              <a:gd name="connsiteY9" fmla="*/ 309564 h 1307307"/>
              <a:gd name="connsiteX10" fmla="*/ 1054893 w 1643063"/>
              <a:gd name="connsiteY10" fmla="*/ 338138 h 1307307"/>
              <a:gd name="connsiteX11" fmla="*/ 1014413 w 1643063"/>
              <a:gd name="connsiteY11" fmla="*/ 378620 h 1307307"/>
              <a:gd name="connsiteX12" fmla="*/ 952500 w 1643063"/>
              <a:gd name="connsiteY12" fmla="*/ 426245 h 1307307"/>
              <a:gd name="connsiteX13" fmla="*/ 847725 w 1643063"/>
              <a:gd name="connsiteY13" fmla="*/ 492920 h 1307307"/>
              <a:gd name="connsiteX14" fmla="*/ 809625 w 1643063"/>
              <a:gd name="connsiteY14" fmla="*/ 573882 h 1307307"/>
              <a:gd name="connsiteX15" fmla="*/ 700088 w 1643063"/>
              <a:gd name="connsiteY15" fmla="*/ 702470 h 1307307"/>
              <a:gd name="connsiteX16" fmla="*/ 681038 w 1643063"/>
              <a:gd name="connsiteY16" fmla="*/ 783432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54893 w 1643063"/>
              <a:gd name="connsiteY9" fmla="*/ 338138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14413 w 1643063"/>
              <a:gd name="connsiteY10" fmla="*/ 378620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1004888 w 1643063"/>
              <a:gd name="connsiteY10" fmla="*/ 376239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14426 w 1643063"/>
              <a:gd name="connsiteY8" fmla="*/ 309564 h 1307307"/>
              <a:gd name="connsiteX9" fmla="*/ 1045368 w 1643063"/>
              <a:gd name="connsiteY9" fmla="*/ 335756 h 1307307"/>
              <a:gd name="connsiteX10" fmla="*/ 952500 w 1643063"/>
              <a:gd name="connsiteY10" fmla="*/ 426245 h 1307307"/>
              <a:gd name="connsiteX11" fmla="*/ 847725 w 1643063"/>
              <a:gd name="connsiteY11" fmla="*/ 492920 h 1307307"/>
              <a:gd name="connsiteX12" fmla="*/ 809625 w 1643063"/>
              <a:gd name="connsiteY12" fmla="*/ 573882 h 1307307"/>
              <a:gd name="connsiteX13" fmla="*/ 700088 w 1643063"/>
              <a:gd name="connsiteY13" fmla="*/ 702470 h 1307307"/>
              <a:gd name="connsiteX14" fmla="*/ 681038 w 1643063"/>
              <a:gd name="connsiteY14" fmla="*/ 783432 h 1307307"/>
              <a:gd name="connsiteX15" fmla="*/ 628650 w 1643063"/>
              <a:gd name="connsiteY15" fmla="*/ 869157 h 1307307"/>
              <a:gd name="connsiteX16" fmla="*/ 604838 w 1643063"/>
              <a:gd name="connsiteY16" fmla="*/ 912020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26332 h 1307307"/>
              <a:gd name="connsiteX21" fmla="*/ 333375 w 1643063"/>
              <a:gd name="connsiteY21" fmla="*/ 1145382 h 1307307"/>
              <a:gd name="connsiteX22" fmla="*/ 228600 w 1643063"/>
              <a:gd name="connsiteY22" fmla="*/ 1154907 h 1307307"/>
              <a:gd name="connsiteX23" fmla="*/ 157163 w 1643063"/>
              <a:gd name="connsiteY23" fmla="*/ 1188245 h 1307307"/>
              <a:gd name="connsiteX24" fmla="*/ 114300 w 1643063"/>
              <a:gd name="connsiteY24" fmla="*/ 1221582 h 1307307"/>
              <a:gd name="connsiteX25" fmla="*/ 114300 w 1643063"/>
              <a:gd name="connsiteY25" fmla="*/ 1221582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19200 w 1643063"/>
              <a:gd name="connsiteY7" fmla="*/ 326232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88245 w 1643063"/>
              <a:gd name="connsiteY8" fmla="*/ 321470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31106 w 1643063"/>
              <a:gd name="connsiteY7" fmla="*/ 335757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14426 w 1643063"/>
              <a:gd name="connsiteY9" fmla="*/ 309564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195388 w 1643063"/>
              <a:gd name="connsiteY8" fmla="*/ 316707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57300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809625 w 1643063"/>
              <a:gd name="connsiteY13" fmla="*/ 573882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81050 w 1643063"/>
              <a:gd name="connsiteY13" fmla="*/ 566738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47725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2500 w 1643063"/>
              <a:gd name="connsiteY11" fmla="*/ 426245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00088 w 1643063"/>
              <a:gd name="connsiteY14" fmla="*/ 702470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81038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28650 w 1643063"/>
              <a:gd name="connsiteY16" fmla="*/ 869157 h 1307307"/>
              <a:gd name="connsiteX17" fmla="*/ 604838 w 1643063"/>
              <a:gd name="connsiteY17" fmla="*/ 912020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2913 w 1643063"/>
              <a:gd name="connsiteY21" fmla="*/ 1126332 h 1307307"/>
              <a:gd name="connsiteX22" fmla="*/ 333375 w 1643063"/>
              <a:gd name="connsiteY22" fmla="*/ 1145382 h 1307307"/>
              <a:gd name="connsiteX23" fmla="*/ 228600 w 1643063"/>
              <a:gd name="connsiteY23" fmla="*/ 1154907 h 1307307"/>
              <a:gd name="connsiteX24" fmla="*/ 157163 w 1643063"/>
              <a:gd name="connsiteY24" fmla="*/ 1188245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83432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57163 w 1643063"/>
              <a:gd name="connsiteY25" fmla="*/ 1188245 h 1307307"/>
              <a:gd name="connsiteX26" fmla="*/ 114300 w 1643063"/>
              <a:gd name="connsiteY26" fmla="*/ 1221582 h 1307307"/>
              <a:gd name="connsiteX27" fmla="*/ 114300 w 1643063"/>
              <a:gd name="connsiteY27" fmla="*/ 1221582 h 1307307"/>
              <a:gd name="connsiteX28" fmla="*/ 71438 w 1643063"/>
              <a:gd name="connsiteY28" fmla="*/ 1273970 h 1307307"/>
              <a:gd name="connsiteX29" fmla="*/ 19050 w 1643063"/>
              <a:gd name="connsiteY29" fmla="*/ 1297782 h 1307307"/>
              <a:gd name="connsiteX30" fmla="*/ 0 w 1643063"/>
              <a:gd name="connsiteY30"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28600 w 1643063"/>
              <a:gd name="connsiteY24" fmla="*/ 1154907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14300 w 1643063"/>
              <a:gd name="connsiteY26" fmla="*/ 1221582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14300 w 1643063"/>
              <a:gd name="connsiteY25" fmla="*/ 1221582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123825 w 1643063"/>
              <a:gd name="connsiteY26" fmla="*/ 1233489 h 1307307"/>
              <a:gd name="connsiteX27" fmla="*/ 71438 w 1643063"/>
              <a:gd name="connsiteY27" fmla="*/ 1273970 h 1307307"/>
              <a:gd name="connsiteX28" fmla="*/ 19050 w 1643063"/>
              <a:gd name="connsiteY28" fmla="*/ 1297782 h 1307307"/>
              <a:gd name="connsiteX29" fmla="*/ 0 w 1643063"/>
              <a:gd name="connsiteY29"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3375 w 1643063"/>
              <a:gd name="connsiteY23" fmla="*/ 1145382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2913 w 1643063"/>
              <a:gd name="connsiteY22" fmla="*/ 112633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604838 w 1643063"/>
              <a:gd name="connsiteY18" fmla="*/ 912020 h 1307307"/>
              <a:gd name="connsiteX19" fmla="*/ 542925 w 1643063"/>
              <a:gd name="connsiteY19" fmla="*/ 988220 h 1307307"/>
              <a:gd name="connsiteX20" fmla="*/ 509588 w 1643063"/>
              <a:gd name="connsiteY20" fmla="*/ 1050132 h 1307307"/>
              <a:gd name="connsiteX21" fmla="*/ 471488 w 1643063"/>
              <a:gd name="connsiteY21" fmla="*/ 1092995 h 1307307"/>
              <a:gd name="connsiteX22" fmla="*/ 445294 w 1643063"/>
              <a:gd name="connsiteY22" fmla="*/ 1107282 h 1307307"/>
              <a:gd name="connsiteX23" fmla="*/ 330993 w 1643063"/>
              <a:gd name="connsiteY23" fmla="*/ 1152526 h 1307307"/>
              <a:gd name="connsiteX24" fmla="*/ 200025 w 1643063"/>
              <a:gd name="connsiteY24" fmla="*/ 1159669 h 1307307"/>
              <a:gd name="connsiteX25" fmla="*/ 133350 w 1643063"/>
              <a:gd name="connsiteY25" fmla="*/ 1214438 h 1307307"/>
              <a:gd name="connsiteX26" fmla="*/ 71438 w 1643063"/>
              <a:gd name="connsiteY26" fmla="*/ 1273970 h 1307307"/>
              <a:gd name="connsiteX27" fmla="*/ 19050 w 1643063"/>
              <a:gd name="connsiteY27" fmla="*/ 1297782 h 1307307"/>
              <a:gd name="connsiteX28" fmla="*/ 0 w 1643063"/>
              <a:gd name="connsiteY28"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59607 w 1643063"/>
              <a:gd name="connsiteY16" fmla="*/ 792957 h 1307307"/>
              <a:gd name="connsiteX17" fmla="*/ 628650 w 1643063"/>
              <a:gd name="connsiteY17" fmla="*/ 869157 h 1307307"/>
              <a:gd name="connsiteX18" fmla="*/ 542925 w 1643063"/>
              <a:gd name="connsiteY18" fmla="*/ 988220 h 1307307"/>
              <a:gd name="connsiteX19" fmla="*/ 509588 w 1643063"/>
              <a:gd name="connsiteY19" fmla="*/ 1050132 h 1307307"/>
              <a:gd name="connsiteX20" fmla="*/ 471488 w 1643063"/>
              <a:gd name="connsiteY20" fmla="*/ 1092995 h 1307307"/>
              <a:gd name="connsiteX21" fmla="*/ 445294 w 1643063"/>
              <a:gd name="connsiteY21" fmla="*/ 1107282 h 1307307"/>
              <a:gd name="connsiteX22" fmla="*/ 330993 w 1643063"/>
              <a:gd name="connsiteY22" fmla="*/ 1152526 h 1307307"/>
              <a:gd name="connsiteX23" fmla="*/ 200025 w 1643063"/>
              <a:gd name="connsiteY23" fmla="*/ 1159669 h 1307307"/>
              <a:gd name="connsiteX24" fmla="*/ 133350 w 1643063"/>
              <a:gd name="connsiteY24" fmla="*/ 1214438 h 1307307"/>
              <a:gd name="connsiteX25" fmla="*/ 71438 w 1643063"/>
              <a:gd name="connsiteY25" fmla="*/ 1273970 h 1307307"/>
              <a:gd name="connsiteX26" fmla="*/ 19050 w 1643063"/>
              <a:gd name="connsiteY26" fmla="*/ 1297782 h 1307307"/>
              <a:gd name="connsiteX27" fmla="*/ 0 w 1643063"/>
              <a:gd name="connsiteY27"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28650 w 1643063"/>
              <a:gd name="connsiteY16" fmla="*/ 869157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30993 w 1643063"/>
              <a:gd name="connsiteY21" fmla="*/ 1152526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5294 w 1643063"/>
              <a:gd name="connsiteY20" fmla="*/ 1107282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71488 w 1643063"/>
              <a:gd name="connsiteY19" fmla="*/ 1092995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50132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2913 w 1643063"/>
              <a:gd name="connsiteY20" fmla="*/ 111680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42925 w 1643063"/>
              <a:gd name="connsiteY17" fmla="*/ 988220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81013 w 1643063"/>
              <a:gd name="connsiteY19" fmla="*/ 1062039 h 1307307"/>
              <a:gd name="connsiteX20" fmla="*/ 440531 w 1643063"/>
              <a:gd name="connsiteY20" fmla="*/ 1097757 h 1307307"/>
              <a:gd name="connsiteX21" fmla="*/ 340518 w 1643063"/>
              <a:gd name="connsiteY21" fmla="*/ 1145382 h 1307307"/>
              <a:gd name="connsiteX22" fmla="*/ 200025 w 1643063"/>
              <a:gd name="connsiteY22" fmla="*/ 1159669 h 1307307"/>
              <a:gd name="connsiteX23" fmla="*/ 133350 w 1643063"/>
              <a:gd name="connsiteY23" fmla="*/ 1214438 h 1307307"/>
              <a:gd name="connsiteX24" fmla="*/ 71438 w 1643063"/>
              <a:gd name="connsiteY24" fmla="*/ 1273970 h 1307307"/>
              <a:gd name="connsiteX25" fmla="*/ 19050 w 1643063"/>
              <a:gd name="connsiteY25" fmla="*/ 1297782 h 1307307"/>
              <a:gd name="connsiteX26" fmla="*/ 0 w 1643063"/>
              <a:gd name="connsiteY26"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97757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73895 w 1643063"/>
              <a:gd name="connsiteY15" fmla="*/ 769145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6744 w 1643063"/>
              <a:gd name="connsiteY16" fmla="*/ 897732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61975 w 1643063"/>
              <a:gd name="connsiteY17" fmla="*/ 971551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9588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52450 w 1643063"/>
              <a:gd name="connsiteY17" fmla="*/ 969170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19212 w 1643063"/>
              <a:gd name="connsiteY6" fmla="*/ 340520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8262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21470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69206 w 1643063"/>
              <a:gd name="connsiteY7" fmla="*/ 347663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 name="connsiteX0" fmla="*/ 1643063 w 1643063"/>
              <a:gd name="connsiteY0" fmla="*/ 0 h 1307307"/>
              <a:gd name="connsiteX1" fmla="*/ 1624013 w 1643063"/>
              <a:gd name="connsiteY1" fmla="*/ 54770 h 1307307"/>
              <a:gd name="connsiteX2" fmla="*/ 1604963 w 1643063"/>
              <a:gd name="connsiteY2" fmla="*/ 76200 h 1307307"/>
              <a:gd name="connsiteX3" fmla="*/ 1521619 w 1643063"/>
              <a:gd name="connsiteY3" fmla="*/ 100013 h 1307307"/>
              <a:gd name="connsiteX4" fmla="*/ 1462088 w 1643063"/>
              <a:gd name="connsiteY4" fmla="*/ 176213 h 1307307"/>
              <a:gd name="connsiteX5" fmla="*/ 1395413 w 1643063"/>
              <a:gd name="connsiteY5" fmla="*/ 273845 h 1307307"/>
              <a:gd name="connsiteX6" fmla="*/ 1331119 w 1643063"/>
              <a:gd name="connsiteY6" fmla="*/ 335757 h 1307307"/>
              <a:gd name="connsiteX7" fmla="*/ 1273969 w 1643063"/>
              <a:gd name="connsiteY7" fmla="*/ 340519 h 1307307"/>
              <a:gd name="connsiteX8" fmla="*/ 1202531 w 1643063"/>
              <a:gd name="connsiteY8" fmla="*/ 314326 h 1307307"/>
              <a:gd name="connsiteX9" fmla="*/ 1121570 w 1643063"/>
              <a:gd name="connsiteY9" fmla="*/ 307182 h 1307307"/>
              <a:gd name="connsiteX10" fmla="*/ 1045368 w 1643063"/>
              <a:gd name="connsiteY10" fmla="*/ 335756 h 1307307"/>
              <a:gd name="connsiteX11" fmla="*/ 950119 w 1643063"/>
              <a:gd name="connsiteY11" fmla="*/ 419101 h 1307307"/>
              <a:gd name="connsiteX12" fmla="*/ 869156 w 1643063"/>
              <a:gd name="connsiteY12" fmla="*/ 492920 h 1307307"/>
              <a:gd name="connsiteX13" fmla="*/ 792956 w 1643063"/>
              <a:gd name="connsiteY13" fmla="*/ 573881 h 1307307"/>
              <a:gd name="connsiteX14" fmla="*/ 711994 w 1643063"/>
              <a:gd name="connsiteY14" fmla="*/ 714376 h 1307307"/>
              <a:gd name="connsiteX15" fmla="*/ 657226 w 1643063"/>
              <a:gd name="connsiteY15" fmla="*/ 790576 h 1307307"/>
              <a:gd name="connsiteX16" fmla="*/ 619125 w 1643063"/>
              <a:gd name="connsiteY16" fmla="*/ 909638 h 1307307"/>
              <a:gd name="connsiteX17" fmla="*/ 542925 w 1643063"/>
              <a:gd name="connsiteY17" fmla="*/ 966789 h 1307307"/>
              <a:gd name="connsiteX18" fmla="*/ 502445 w 1643063"/>
              <a:gd name="connsiteY18" fmla="*/ 1023938 h 1307307"/>
              <a:gd name="connsiteX19" fmla="*/ 440531 w 1643063"/>
              <a:gd name="connsiteY19" fmla="*/ 1085851 h 1307307"/>
              <a:gd name="connsiteX20" fmla="*/ 340518 w 1643063"/>
              <a:gd name="connsiteY20" fmla="*/ 1145382 h 1307307"/>
              <a:gd name="connsiteX21" fmla="*/ 200025 w 1643063"/>
              <a:gd name="connsiteY21" fmla="*/ 1159669 h 1307307"/>
              <a:gd name="connsiteX22" fmla="*/ 133350 w 1643063"/>
              <a:gd name="connsiteY22" fmla="*/ 1214438 h 1307307"/>
              <a:gd name="connsiteX23" fmla="*/ 71438 w 1643063"/>
              <a:gd name="connsiteY23" fmla="*/ 1273970 h 1307307"/>
              <a:gd name="connsiteX24" fmla="*/ 19050 w 1643063"/>
              <a:gd name="connsiteY24" fmla="*/ 1297782 h 1307307"/>
              <a:gd name="connsiteX25" fmla="*/ 0 w 1643063"/>
              <a:gd name="connsiteY25" fmla="*/ 1307307 h 13073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1643063" h="1307307">
                <a:moveTo>
                  <a:pt x="1643063" y="0"/>
                </a:moveTo>
                <a:cubicBezTo>
                  <a:pt x="1636713" y="18257"/>
                  <a:pt x="1630363" y="42070"/>
                  <a:pt x="1624013" y="54770"/>
                </a:cubicBezTo>
                <a:cubicBezTo>
                  <a:pt x="1617663" y="67470"/>
                  <a:pt x="1622029" y="68660"/>
                  <a:pt x="1604963" y="76200"/>
                </a:cubicBezTo>
                <a:cubicBezTo>
                  <a:pt x="1587897" y="83740"/>
                  <a:pt x="1545431" y="83344"/>
                  <a:pt x="1521619" y="100013"/>
                </a:cubicBezTo>
                <a:cubicBezTo>
                  <a:pt x="1497807" y="116682"/>
                  <a:pt x="1476772" y="157560"/>
                  <a:pt x="1462088" y="176213"/>
                </a:cubicBezTo>
                <a:cubicBezTo>
                  <a:pt x="1441054" y="205185"/>
                  <a:pt x="1414463" y="248048"/>
                  <a:pt x="1395413" y="273845"/>
                </a:cubicBezTo>
                <a:cubicBezTo>
                  <a:pt x="1376363" y="294482"/>
                  <a:pt x="1351360" y="324645"/>
                  <a:pt x="1331119" y="335757"/>
                </a:cubicBezTo>
                <a:cubicBezTo>
                  <a:pt x="1310878" y="346869"/>
                  <a:pt x="1295797" y="343694"/>
                  <a:pt x="1273969" y="340519"/>
                </a:cubicBezTo>
                <a:lnTo>
                  <a:pt x="1202531" y="314326"/>
                </a:lnTo>
                <a:cubicBezTo>
                  <a:pt x="1185069" y="311548"/>
                  <a:pt x="1147764" y="303610"/>
                  <a:pt x="1121570" y="307182"/>
                </a:cubicBezTo>
                <a:cubicBezTo>
                  <a:pt x="1095376" y="310754"/>
                  <a:pt x="1073943" y="317103"/>
                  <a:pt x="1045368" y="335756"/>
                </a:cubicBezTo>
                <a:cubicBezTo>
                  <a:pt x="1016793" y="354409"/>
                  <a:pt x="983059" y="392907"/>
                  <a:pt x="950119" y="419101"/>
                </a:cubicBezTo>
                <a:lnTo>
                  <a:pt x="869156" y="492920"/>
                </a:lnTo>
                <a:cubicBezTo>
                  <a:pt x="842962" y="518717"/>
                  <a:pt x="819150" y="536972"/>
                  <a:pt x="792956" y="573881"/>
                </a:cubicBezTo>
                <a:cubicBezTo>
                  <a:pt x="766762" y="610790"/>
                  <a:pt x="731837" y="681832"/>
                  <a:pt x="711994" y="714376"/>
                </a:cubicBezTo>
                <a:cubicBezTo>
                  <a:pt x="699294" y="732632"/>
                  <a:pt x="672704" y="758032"/>
                  <a:pt x="657226" y="790576"/>
                </a:cubicBezTo>
                <a:cubicBezTo>
                  <a:pt x="641748" y="823120"/>
                  <a:pt x="644525" y="890588"/>
                  <a:pt x="619125" y="909638"/>
                </a:cubicBezTo>
                <a:lnTo>
                  <a:pt x="542925" y="966789"/>
                </a:lnTo>
                <a:cubicBezTo>
                  <a:pt x="517525" y="985839"/>
                  <a:pt x="519511" y="1004094"/>
                  <a:pt x="502445" y="1023938"/>
                </a:cubicBezTo>
                <a:cubicBezTo>
                  <a:pt x="485379" y="1043782"/>
                  <a:pt x="481012" y="1063626"/>
                  <a:pt x="440531" y="1085851"/>
                </a:cubicBezTo>
                <a:cubicBezTo>
                  <a:pt x="400050" y="1108076"/>
                  <a:pt x="380999" y="1139826"/>
                  <a:pt x="340518" y="1145382"/>
                </a:cubicBezTo>
                <a:cubicBezTo>
                  <a:pt x="300037" y="1150938"/>
                  <a:pt x="234553" y="1148160"/>
                  <a:pt x="200025" y="1159669"/>
                </a:cubicBezTo>
                <a:cubicBezTo>
                  <a:pt x="165497" y="1171178"/>
                  <a:pt x="154781" y="1195388"/>
                  <a:pt x="133350" y="1214438"/>
                </a:cubicBezTo>
                <a:cubicBezTo>
                  <a:pt x="111919" y="1233488"/>
                  <a:pt x="90488" y="1260079"/>
                  <a:pt x="71438" y="1273970"/>
                </a:cubicBezTo>
                <a:lnTo>
                  <a:pt x="19050" y="1297782"/>
                </a:lnTo>
                <a:lnTo>
                  <a:pt x="0" y="1307307"/>
                </a:lnTo>
              </a:path>
            </a:pathLst>
          </a:cu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7" name="フリーフォーム 126"/>
          <p:cNvSpPr/>
          <p:nvPr/>
        </p:nvSpPr>
        <p:spPr>
          <a:xfrm>
            <a:off x="6876059" y="1885951"/>
            <a:ext cx="1715492" cy="1365102"/>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25400" cmpd="sng">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8" name="円/楕円 127"/>
          <p:cNvSpPr/>
          <p:nvPr/>
        </p:nvSpPr>
        <p:spPr>
          <a:xfrm>
            <a:off x="7545606" y="2492373"/>
            <a:ext cx="173801" cy="147424"/>
          </a:xfrm>
          <a:prstGeom prst="ellipse">
            <a:avLst/>
          </a:prstGeom>
          <a:solidFill>
            <a:schemeClr val="bg1">
              <a:alpha val="65000"/>
            </a:schemeClr>
          </a:solidFill>
          <a:ln w="22225">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kumimoji="1" lang="ja-JP" altLang="en-US" dirty="0"/>
          </a:p>
        </p:txBody>
      </p:sp>
      <p:sp>
        <p:nvSpPr>
          <p:cNvPr id="130" name="線吹き出し 1 129"/>
          <p:cNvSpPr/>
          <p:nvPr/>
        </p:nvSpPr>
        <p:spPr>
          <a:xfrm>
            <a:off x="8469904" y="1340769"/>
            <a:ext cx="781264" cy="178717"/>
          </a:xfrm>
          <a:prstGeom prst="callout1">
            <a:avLst>
              <a:gd name="adj1" fmla="val 50838"/>
              <a:gd name="adj2" fmla="val 2109"/>
              <a:gd name="adj3" fmla="val 247490"/>
              <a:gd name="adj4" fmla="val -61489"/>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6000" rIns="36000" rtlCol="0" anchor="ctr"/>
          <a:lstStyle/>
          <a:p>
            <a:pPr marL="266700" indent="-266700"/>
            <a:r>
              <a:rPr lang="ja-JP" altLang="en-US" sz="700" b="1" dirty="0" smtClean="0"/>
              <a:t>新名神高速道路</a:t>
            </a:r>
            <a:endParaRPr kumimoji="1" lang="ja-JP" altLang="en-US" sz="700" b="1" dirty="0"/>
          </a:p>
        </p:txBody>
      </p:sp>
      <p:sp>
        <p:nvSpPr>
          <p:cNvPr id="131" name="線吹き出し 1 130"/>
          <p:cNvSpPr/>
          <p:nvPr/>
        </p:nvSpPr>
        <p:spPr>
          <a:xfrm>
            <a:off x="6846107" y="2244621"/>
            <a:ext cx="704596" cy="178717"/>
          </a:xfrm>
          <a:prstGeom prst="callout1">
            <a:avLst>
              <a:gd name="adj1" fmla="val 50838"/>
              <a:gd name="adj2" fmla="val 93640"/>
              <a:gd name="adj3" fmla="val 74277"/>
              <a:gd name="adj4" fmla="val 125958"/>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6000" rIns="36000" rtlCol="0" anchor="ctr"/>
          <a:lstStyle/>
          <a:p>
            <a:pPr marL="266700" indent="-266700"/>
            <a:r>
              <a:rPr lang="ja-JP" altLang="en-US" sz="700" b="1" dirty="0" smtClean="0"/>
              <a:t>名神高速道路</a:t>
            </a:r>
            <a:endParaRPr kumimoji="1" lang="ja-JP" altLang="en-US" sz="700" b="1" dirty="0"/>
          </a:p>
        </p:txBody>
      </p:sp>
      <p:sp>
        <p:nvSpPr>
          <p:cNvPr id="132" name="線吹き出し 1 131"/>
          <p:cNvSpPr/>
          <p:nvPr/>
        </p:nvSpPr>
        <p:spPr>
          <a:xfrm>
            <a:off x="8609195" y="2463475"/>
            <a:ext cx="418984" cy="178717"/>
          </a:xfrm>
          <a:prstGeom prst="callout1">
            <a:avLst>
              <a:gd name="adj1" fmla="val 50838"/>
              <a:gd name="adj2" fmla="val 2109"/>
              <a:gd name="adj3" fmla="val 20980"/>
              <a:gd name="adj4" fmla="val -93579"/>
            </a:avLst>
          </a:prstGeom>
          <a:solidFill>
            <a:schemeClr val="bg1">
              <a:alpha val="80000"/>
            </a:schemeClr>
          </a:solidFill>
          <a:ln w="12700">
            <a:solidFill>
              <a:srgbClr val="002060"/>
            </a:solidFill>
            <a:tailEnd type="none"/>
          </a:ln>
        </p:spPr>
        <p:style>
          <a:lnRef idx="2">
            <a:schemeClr val="accent2"/>
          </a:lnRef>
          <a:fillRef idx="1">
            <a:schemeClr val="lt1"/>
          </a:fillRef>
          <a:effectRef idx="0">
            <a:schemeClr val="accent2"/>
          </a:effectRef>
          <a:fontRef idx="minor">
            <a:schemeClr val="dk1"/>
          </a:fontRef>
        </p:style>
        <p:txBody>
          <a:bodyPr lIns="36000" rIns="36000" rtlCol="0" anchor="ctr"/>
          <a:lstStyle/>
          <a:p>
            <a:pPr marL="266700" indent="-266700"/>
            <a:r>
              <a:rPr lang="ja-JP" altLang="en-US" sz="700" b="1" dirty="0" smtClean="0"/>
              <a:t>新幹線</a:t>
            </a:r>
            <a:endParaRPr kumimoji="1" lang="ja-JP" altLang="en-US" sz="700" b="1" dirty="0"/>
          </a:p>
        </p:txBody>
      </p:sp>
      <p:sp>
        <p:nvSpPr>
          <p:cNvPr id="85" name="フリーフォーム 84"/>
          <p:cNvSpPr/>
          <p:nvPr/>
        </p:nvSpPr>
        <p:spPr>
          <a:xfrm>
            <a:off x="6876852" y="1890093"/>
            <a:ext cx="1715492" cy="1365102"/>
          </a:xfrm>
          <a:custGeom>
            <a:avLst/>
            <a:gdLst>
              <a:gd name="connsiteX0" fmla="*/ 1624012 w 1624012"/>
              <a:gd name="connsiteY0" fmla="*/ 0 h 1519238"/>
              <a:gd name="connsiteX1" fmla="*/ 1624012 w 1624012"/>
              <a:gd name="connsiteY1" fmla="*/ 104775 h 1519238"/>
              <a:gd name="connsiteX2" fmla="*/ 1595437 w 1624012"/>
              <a:gd name="connsiteY2" fmla="*/ 190500 h 1519238"/>
              <a:gd name="connsiteX3" fmla="*/ 1566862 w 1624012"/>
              <a:gd name="connsiteY3" fmla="*/ 276225 h 1519238"/>
              <a:gd name="connsiteX4" fmla="*/ 1500187 w 1624012"/>
              <a:gd name="connsiteY4" fmla="*/ 342900 h 1519238"/>
              <a:gd name="connsiteX5" fmla="*/ 1438275 w 1624012"/>
              <a:gd name="connsiteY5" fmla="*/ 419100 h 1519238"/>
              <a:gd name="connsiteX6" fmla="*/ 1414462 w 1624012"/>
              <a:gd name="connsiteY6" fmla="*/ 466725 h 1519238"/>
              <a:gd name="connsiteX7" fmla="*/ 1347787 w 1624012"/>
              <a:gd name="connsiteY7" fmla="*/ 557213 h 1519238"/>
              <a:gd name="connsiteX8" fmla="*/ 1281112 w 1624012"/>
              <a:gd name="connsiteY8" fmla="*/ 704850 h 1519238"/>
              <a:gd name="connsiteX9" fmla="*/ 1247775 w 1624012"/>
              <a:gd name="connsiteY9" fmla="*/ 752475 h 1519238"/>
              <a:gd name="connsiteX10" fmla="*/ 1209675 w 1624012"/>
              <a:gd name="connsiteY10" fmla="*/ 800100 h 1519238"/>
              <a:gd name="connsiteX11" fmla="*/ 1166812 w 1624012"/>
              <a:gd name="connsiteY11" fmla="*/ 833438 h 1519238"/>
              <a:gd name="connsiteX12" fmla="*/ 1114425 w 1624012"/>
              <a:gd name="connsiteY12" fmla="*/ 895350 h 1519238"/>
              <a:gd name="connsiteX13" fmla="*/ 1066800 w 1624012"/>
              <a:gd name="connsiteY13" fmla="*/ 947738 h 1519238"/>
              <a:gd name="connsiteX14" fmla="*/ 990600 w 1624012"/>
              <a:gd name="connsiteY14" fmla="*/ 1033463 h 1519238"/>
              <a:gd name="connsiteX15" fmla="*/ 885825 w 1624012"/>
              <a:gd name="connsiteY15" fmla="*/ 1128713 h 1519238"/>
              <a:gd name="connsiteX16" fmla="*/ 847725 w 1624012"/>
              <a:gd name="connsiteY16" fmla="*/ 1138238 h 1519238"/>
              <a:gd name="connsiteX17" fmla="*/ 819150 w 1624012"/>
              <a:gd name="connsiteY17" fmla="*/ 1157288 h 1519238"/>
              <a:gd name="connsiteX18" fmla="*/ 766762 w 1624012"/>
              <a:gd name="connsiteY18" fmla="*/ 1214438 h 1519238"/>
              <a:gd name="connsiteX19" fmla="*/ 742950 w 1624012"/>
              <a:gd name="connsiteY19" fmla="*/ 1252538 h 1519238"/>
              <a:gd name="connsiteX20" fmla="*/ 709612 w 1624012"/>
              <a:gd name="connsiteY20" fmla="*/ 1290638 h 1519238"/>
              <a:gd name="connsiteX21" fmla="*/ 623887 w 1624012"/>
              <a:gd name="connsiteY21" fmla="*/ 1323975 h 1519238"/>
              <a:gd name="connsiteX22" fmla="*/ 571500 w 1624012"/>
              <a:gd name="connsiteY22" fmla="*/ 1376363 h 1519238"/>
              <a:gd name="connsiteX23" fmla="*/ 504825 w 1624012"/>
              <a:gd name="connsiteY23" fmla="*/ 1409700 h 1519238"/>
              <a:gd name="connsiteX24" fmla="*/ 481012 w 1624012"/>
              <a:gd name="connsiteY24" fmla="*/ 1433513 h 1519238"/>
              <a:gd name="connsiteX25" fmla="*/ 428625 w 1624012"/>
              <a:gd name="connsiteY25" fmla="*/ 1471613 h 1519238"/>
              <a:gd name="connsiteX26" fmla="*/ 376237 w 1624012"/>
              <a:gd name="connsiteY26" fmla="*/ 1485900 h 1519238"/>
              <a:gd name="connsiteX27" fmla="*/ 357187 w 1624012"/>
              <a:gd name="connsiteY27" fmla="*/ 1500188 h 1519238"/>
              <a:gd name="connsiteX28" fmla="*/ 323850 w 1624012"/>
              <a:gd name="connsiteY28" fmla="*/ 1519238 h 1519238"/>
              <a:gd name="connsiteX29" fmla="*/ 290512 w 1624012"/>
              <a:gd name="connsiteY29" fmla="*/ 1519238 h 1519238"/>
              <a:gd name="connsiteX30" fmla="*/ 266700 w 1624012"/>
              <a:gd name="connsiteY30" fmla="*/ 1519238 h 1519238"/>
              <a:gd name="connsiteX31" fmla="*/ 200025 w 1624012"/>
              <a:gd name="connsiteY31" fmla="*/ 1490663 h 1519238"/>
              <a:gd name="connsiteX32" fmla="*/ 166687 w 1624012"/>
              <a:gd name="connsiteY32" fmla="*/ 1457325 h 1519238"/>
              <a:gd name="connsiteX33" fmla="*/ 152400 w 1624012"/>
              <a:gd name="connsiteY33" fmla="*/ 1414463 h 1519238"/>
              <a:gd name="connsiteX34" fmla="*/ 109537 w 1624012"/>
              <a:gd name="connsiteY34" fmla="*/ 1338263 h 1519238"/>
              <a:gd name="connsiteX35" fmla="*/ 57150 w 1624012"/>
              <a:gd name="connsiteY35" fmla="*/ 1252538 h 1519238"/>
              <a:gd name="connsiteX36" fmla="*/ 0 w 1624012"/>
              <a:gd name="connsiteY36" fmla="*/ 1214438 h 1519238"/>
              <a:gd name="connsiteX37" fmla="*/ 0 w 1624012"/>
              <a:gd name="connsiteY37"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47787 w 1624012"/>
              <a:gd name="connsiteY8" fmla="*/ 557213 h 1519238"/>
              <a:gd name="connsiteX9" fmla="*/ 1281112 w 1624012"/>
              <a:gd name="connsiteY9" fmla="*/ 704850 h 1519238"/>
              <a:gd name="connsiteX10" fmla="*/ 1247775 w 1624012"/>
              <a:gd name="connsiteY10" fmla="*/ 752475 h 1519238"/>
              <a:gd name="connsiteX11" fmla="*/ 1209675 w 1624012"/>
              <a:gd name="connsiteY11" fmla="*/ 800100 h 1519238"/>
              <a:gd name="connsiteX12" fmla="*/ 1166812 w 1624012"/>
              <a:gd name="connsiteY12" fmla="*/ 833438 h 1519238"/>
              <a:gd name="connsiteX13" fmla="*/ 1114425 w 1624012"/>
              <a:gd name="connsiteY13" fmla="*/ 895350 h 1519238"/>
              <a:gd name="connsiteX14" fmla="*/ 1066800 w 1624012"/>
              <a:gd name="connsiteY14" fmla="*/ 947738 h 1519238"/>
              <a:gd name="connsiteX15" fmla="*/ 990600 w 1624012"/>
              <a:gd name="connsiteY15" fmla="*/ 1033463 h 1519238"/>
              <a:gd name="connsiteX16" fmla="*/ 885825 w 1624012"/>
              <a:gd name="connsiteY16" fmla="*/ 1128713 h 1519238"/>
              <a:gd name="connsiteX17" fmla="*/ 847725 w 1624012"/>
              <a:gd name="connsiteY17" fmla="*/ 1138238 h 1519238"/>
              <a:gd name="connsiteX18" fmla="*/ 819150 w 1624012"/>
              <a:gd name="connsiteY18" fmla="*/ 1157288 h 1519238"/>
              <a:gd name="connsiteX19" fmla="*/ 766762 w 1624012"/>
              <a:gd name="connsiteY19" fmla="*/ 1214438 h 1519238"/>
              <a:gd name="connsiteX20" fmla="*/ 742950 w 1624012"/>
              <a:gd name="connsiteY20" fmla="*/ 1252538 h 1519238"/>
              <a:gd name="connsiteX21" fmla="*/ 709612 w 1624012"/>
              <a:gd name="connsiteY21" fmla="*/ 1290638 h 1519238"/>
              <a:gd name="connsiteX22" fmla="*/ 623887 w 1624012"/>
              <a:gd name="connsiteY22" fmla="*/ 1323975 h 1519238"/>
              <a:gd name="connsiteX23" fmla="*/ 571500 w 1624012"/>
              <a:gd name="connsiteY23" fmla="*/ 1376363 h 1519238"/>
              <a:gd name="connsiteX24" fmla="*/ 504825 w 1624012"/>
              <a:gd name="connsiteY24" fmla="*/ 1409700 h 1519238"/>
              <a:gd name="connsiteX25" fmla="*/ 481012 w 1624012"/>
              <a:gd name="connsiteY25" fmla="*/ 1433513 h 1519238"/>
              <a:gd name="connsiteX26" fmla="*/ 428625 w 1624012"/>
              <a:gd name="connsiteY26" fmla="*/ 1471613 h 1519238"/>
              <a:gd name="connsiteX27" fmla="*/ 376237 w 1624012"/>
              <a:gd name="connsiteY27" fmla="*/ 1485900 h 1519238"/>
              <a:gd name="connsiteX28" fmla="*/ 357187 w 1624012"/>
              <a:gd name="connsiteY28" fmla="*/ 1500188 h 1519238"/>
              <a:gd name="connsiteX29" fmla="*/ 323850 w 1624012"/>
              <a:gd name="connsiteY29" fmla="*/ 1519238 h 1519238"/>
              <a:gd name="connsiteX30" fmla="*/ 290512 w 1624012"/>
              <a:gd name="connsiteY30" fmla="*/ 1519238 h 1519238"/>
              <a:gd name="connsiteX31" fmla="*/ 266700 w 1624012"/>
              <a:gd name="connsiteY31" fmla="*/ 1519238 h 1519238"/>
              <a:gd name="connsiteX32" fmla="*/ 200025 w 1624012"/>
              <a:gd name="connsiteY32" fmla="*/ 1490663 h 1519238"/>
              <a:gd name="connsiteX33" fmla="*/ 166687 w 1624012"/>
              <a:gd name="connsiteY33" fmla="*/ 1457325 h 1519238"/>
              <a:gd name="connsiteX34" fmla="*/ 152400 w 1624012"/>
              <a:gd name="connsiteY34" fmla="*/ 1414463 h 1519238"/>
              <a:gd name="connsiteX35" fmla="*/ 109537 w 1624012"/>
              <a:gd name="connsiteY35" fmla="*/ 1338263 h 1519238"/>
              <a:gd name="connsiteX36" fmla="*/ 57150 w 1624012"/>
              <a:gd name="connsiteY36" fmla="*/ 1252538 h 1519238"/>
              <a:gd name="connsiteX37" fmla="*/ 0 w 1624012"/>
              <a:gd name="connsiteY37" fmla="*/ 1214438 h 1519238"/>
              <a:gd name="connsiteX38" fmla="*/ 0 w 1624012"/>
              <a:gd name="connsiteY38"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14462 w 1624012"/>
              <a:gd name="connsiteY7" fmla="*/ 466725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07206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21605 w 1624012"/>
              <a:gd name="connsiteY7" fmla="*/ 469106 h 1519238"/>
              <a:gd name="connsiteX8" fmla="*/ 1383506 w 1624012"/>
              <a:gd name="connsiteY8" fmla="*/ 519113 h 1519238"/>
              <a:gd name="connsiteX9" fmla="*/ 1347787 w 1624012"/>
              <a:gd name="connsiteY9" fmla="*/ 557213 h 1519238"/>
              <a:gd name="connsiteX10" fmla="*/ 1281112 w 1624012"/>
              <a:gd name="connsiteY10" fmla="*/ 704850 h 1519238"/>
              <a:gd name="connsiteX11" fmla="*/ 1247775 w 1624012"/>
              <a:gd name="connsiteY11" fmla="*/ 752475 h 1519238"/>
              <a:gd name="connsiteX12" fmla="*/ 1209675 w 1624012"/>
              <a:gd name="connsiteY12" fmla="*/ 800100 h 1519238"/>
              <a:gd name="connsiteX13" fmla="*/ 1166812 w 1624012"/>
              <a:gd name="connsiteY13" fmla="*/ 833438 h 1519238"/>
              <a:gd name="connsiteX14" fmla="*/ 1114425 w 1624012"/>
              <a:gd name="connsiteY14" fmla="*/ 895350 h 1519238"/>
              <a:gd name="connsiteX15" fmla="*/ 1066800 w 1624012"/>
              <a:gd name="connsiteY15" fmla="*/ 947738 h 1519238"/>
              <a:gd name="connsiteX16" fmla="*/ 990600 w 1624012"/>
              <a:gd name="connsiteY16" fmla="*/ 1033463 h 1519238"/>
              <a:gd name="connsiteX17" fmla="*/ 885825 w 1624012"/>
              <a:gd name="connsiteY17" fmla="*/ 1128713 h 1519238"/>
              <a:gd name="connsiteX18" fmla="*/ 847725 w 1624012"/>
              <a:gd name="connsiteY18" fmla="*/ 1138238 h 1519238"/>
              <a:gd name="connsiteX19" fmla="*/ 819150 w 1624012"/>
              <a:gd name="connsiteY19" fmla="*/ 1157288 h 1519238"/>
              <a:gd name="connsiteX20" fmla="*/ 766762 w 1624012"/>
              <a:gd name="connsiteY20" fmla="*/ 1214438 h 1519238"/>
              <a:gd name="connsiteX21" fmla="*/ 742950 w 1624012"/>
              <a:gd name="connsiteY21" fmla="*/ 1252538 h 1519238"/>
              <a:gd name="connsiteX22" fmla="*/ 709612 w 1624012"/>
              <a:gd name="connsiteY22" fmla="*/ 1290638 h 1519238"/>
              <a:gd name="connsiteX23" fmla="*/ 623887 w 1624012"/>
              <a:gd name="connsiteY23" fmla="*/ 1323975 h 1519238"/>
              <a:gd name="connsiteX24" fmla="*/ 571500 w 1624012"/>
              <a:gd name="connsiteY24" fmla="*/ 1376363 h 1519238"/>
              <a:gd name="connsiteX25" fmla="*/ 504825 w 1624012"/>
              <a:gd name="connsiteY25" fmla="*/ 1409700 h 1519238"/>
              <a:gd name="connsiteX26" fmla="*/ 481012 w 1624012"/>
              <a:gd name="connsiteY26" fmla="*/ 1433513 h 1519238"/>
              <a:gd name="connsiteX27" fmla="*/ 428625 w 1624012"/>
              <a:gd name="connsiteY27" fmla="*/ 1471613 h 1519238"/>
              <a:gd name="connsiteX28" fmla="*/ 376237 w 1624012"/>
              <a:gd name="connsiteY28" fmla="*/ 1485900 h 1519238"/>
              <a:gd name="connsiteX29" fmla="*/ 357187 w 1624012"/>
              <a:gd name="connsiteY29" fmla="*/ 1500188 h 1519238"/>
              <a:gd name="connsiteX30" fmla="*/ 323850 w 1624012"/>
              <a:gd name="connsiteY30" fmla="*/ 1519238 h 1519238"/>
              <a:gd name="connsiteX31" fmla="*/ 290512 w 1624012"/>
              <a:gd name="connsiteY31" fmla="*/ 1519238 h 1519238"/>
              <a:gd name="connsiteX32" fmla="*/ 266700 w 1624012"/>
              <a:gd name="connsiteY32" fmla="*/ 1519238 h 1519238"/>
              <a:gd name="connsiteX33" fmla="*/ 200025 w 1624012"/>
              <a:gd name="connsiteY33" fmla="*/ 1490663 h 1519238"/>
              <a:gd name="connsiteX34" fmla="*/ 166687 w 1624012"/>
              <a:gd name="connsiteY34" fmla="*/ 1457325 h 1519238"/>
              <a:gd name="connsiteX35" fmla="*/ 152400 w 1624012"/>
              <a:gd name="connsiteY35" fmla="*/ 1414463 h 1519238"/>
              <a:gd name="connsiteX36" fmla="*/ 109537 w 1624012"/>
              <a:gd name="connsiteY36" fmla="*/ 1338263 h 1519238"/>
              <a:gd name="connsiteX37" fmla="*/ 57150 w 1624012"/>
              <a:gd name="connsiteY37" fmla="*/ 1252538 h 1519238"/>
              <a:gd name="connsiteX38" fmla="*/ 0 w 1624012"/>
              <a:gd name="connsiteY38" fmla="*/ 1214438 h 1519238"/>
              <a:gd name="connsiteX39" fmla="*/ 0 w 1624012"/>
              <a:gd name="connsiteY39"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38275 w 1624012"/>
              <a:gd name="connsiteY6" fmla="*/ 419100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00187 w 1624012"/>
              <a:gd name="connsiteY5" fmla="*/ 342900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6862 w 1624012"/>
              <a:gd name="connsiteY4" fmla="*/ 276225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5912 w 1624012"/>
              <a:gd name="connsiteY3" fmla="*/ 226219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4012"/>
              <a:gd name="connsiteY0" fmla="*/ 0 h 1519238"/>
              <a:gd name="connsiteX1" fmla="*/ 1624012 w 1624012"/>
              <a:gd name="connsiteY1" fmla="*/ 104775 h 1519238"/>
              <a:gd name="connsiteX2" fmla="*/ 1595437 w 1624012"/>
              <a:gd name="connsiteY2" fmla="*/ 190500 h 1519238"/>
              <a:gd name="connsiteX3" fmla="*/ 1583531 w 1624012"/>
              <a:gd name="connsiteY3" fmla="*/ 216694 h 1519238"/>
              <a:gd name="connsiteX4" fmla="*/ 1562100 w 1624012"/>
              <a:gd name="connsiteY4" fmla="*/ 264319 h 1519238"/>
              <a:gd name="connsiteX5" fmla="*/ 1526381 w 1624012"/>
              <a:gd name="connsiteY5" fmla="*/ 330994 h 1519238"/>
              <a:gd name="connsiteX6" fmla="*/ 1481138 w 1624012"/>
              <a:gd name="connsiteY6" fmla="*/ 383381 h 1519238"/>
              <a:gd name="connsiteX7" fmla="*/ 1457325 w 1624012"/>
              <a:gd name="connsiteY7" fmla="*/ 414338 h 1519238"/>
              <a:gd name="connsiteX8" fmla="*/ 1421605 w 1624012"/>
              <a:gd name="connsiteY8" fmla="*/ 469106 h 1519238"/>
              <a:gd name="connsiteX9" fmla="*/ 1383506 w 1624012"/>
              <a:gd name="connsiteY9" fmla="*/ 519113 h 1519238"/>
              <a:gd name="connsiteX10" fmla="*/ 1347787 w 1624012"/>
              <a:gd name="connsiteY10" fmla="*/ 557213 h 1519238"/>
              <a:gd name="connsiteX11" fmla="*/ 1281112 w 1624012"/>
              <a:gd name="connsiteY11" fmla="*/ 704850 h 1519238"/>
              <a:gd name="connsiteX12" fmla="*/ 1247775 w 1624012"/>
              <a:gd name="connsiteY12" fmla="*/ 752475 h 1519238"/>
              <a:gd name="connsiteX13" fmla="*/ 1209675 w 1624012"/>
              <a:gd name="connsiteY13" fmla="*/ 800100 h 1519238"/>
              <a:gd name="connsiteX14" fmla="*/ 1166812 w 1624012"/>
              <a:gd name="connsiteY14" fmla="*/ 833438 h 1519238"/>
              <a:gd name="connsiteX15" fmla="*/ 1114425 w 1624012"/>
              <a:gd name="connsiteY15" fmla="*/ 895350 h 1519238"/>
              <a:gd name="connsiteX16" fmla="*/ 1066800 w 1624012"/>
              <a:gd name="connsiteY16" fmla="*/ 947738 h 1519238"/>
              <a:gd name="connsiteX17" fmla="*/ 990600 w 1624012"/>
              <a:gd name="connsiteY17" fmla="*/ 1033463 h 1519238"/>
              <a:gd name="connsiteX18" fmla="*/ 885825 w 1624012"/>
              <a:gd name="connsiteY18" fmla="*/ 1128713 h 1519238"/>
              <a:gd name="connsiteX19" fmla="*/ 847725 w 1624012"/>
              <a:gd name="connsiteY19" fmla="*/ 1138238 h 1519238"/>
              <a:gd name="connsiteX20" fmla="*/ 819150 w 1624012"/>
              <a:gd name="connsiteY20" fmla="*/ 1157288 h 1519238"/>
              <a:gd name="connsiteX21" fmla="*/ 766762 w 1624012"/>
              <a:gd name="connsiteY21" fmla="*/ 1214438 h 1519238"/>
              <a:gd name="connsiteX22" fmla="*/ 742950 w 1624012"/>
              <a:gd name="connsiteY22" fmla="*/ 1252538 h 1519238"/>
              <a:gd name="connsiteX23" fmla="*/ 709612 w 1624012"/>
              <a:gd name="connsiteY23" fmla="*/ 1290638 h 1519238"/>
              <a:gd name="connsiteX24" fmla="*/ 623887 w 1624012"/>
              <a:gd name="connsiteY24" fmla="*/ 1323975 h 1519238"/>
              <a:gd name="connsiteX25" fmla="*/ 571500 w 1624012"/>
              <a:gd name="connsiteY25" fmla="*/ 1376363 h 1519238"/>
              <a:gd name="connsiteX26" fmla="*/ 504825 w 1624012"/>
              <a:gd name="connsiteY26" fmla="*/ 1409700 h 1519238"/>
              <a:gd name="connsiteX27" fmla="*/ 481012 w 1624012"/>
              <a:gd name="connsiteY27" fmla="*/ 1433513 h 1519238"/>
              <a:gd name="connsiteX28" fmla="*/ 428625 w 1624012"/>
              <a:gd name="connsiteY28" fmla="*/ 1471613 h 1519238"/>
              <a:gd name="connsiteX29" fmla="*/ 376237 w 1624012"/>
              <a:gd name="connsiteY29" fmla="*/ 1485900 h 1519238"/>
              <a:gd name="connsiteX30" fmla="*/ 357187 w 1624012"/>
              <a:gd name="connsiteY30" fmla="*/ 1500188 h 1519238"/>
              <a:gd name="connsiteX31" fmla="*/ 323850 w 1624012"/>
              <a:gd name="connsiteY31" fmla="*/ 1519238 h 1519238"/>
              <a:gd name="connsiteX32" fmla="*/ 290512 w 1624012"/>
              <a:gd name="connsiteY32" fmla="*/ 1519238 h 1519238"/>
              <a:gd name="connsiteX33" fmla="*/ 266700 w 1624012"/>
              <a:gd name="connsiteY33" fmla="*/ 1519238 h 1519238"/>
              <a:gd name="connsiteX34" fmla="*/ 200025 w 1624012"/>
              <a:gd name="connsiteY34" fmla="*/ 1490663 h 1519238"/>
              <a:gd name="connsiteX35" fmla="*/ 166687 w 1624012"/>
              <a:gd name="connsiteY35" fmla="*/ 1457325 h 1519238"/>
              <a:gd name="connsiteX36" fmla="*/ 152400 w 1624012"/>
              <a:gd name="connsiteY36" fmla="*/ 1414463 h 1519238"/>
              <a:gd name="connsiteX37" fmla="*/ 109537 w 1624012"/>
              <a:gd name="connsiteY37" fmla="*/ 1338263 h 1519238"/>
              <a:gd name="connsiteX38" fmla="*/ 57150 w 1624012"/>
              <a:gd name="connsiteY38" fmla="*/ 1252538 h 1519238"/>
              <a:gd name="connsiteX39" fmla="*/ 0 w 1624012"/>
              <a:gd name="connsiteY39" fmla="*/ 1214438 h 1519238"/>
              <a:gd name="connsiteX40" fmla="*/ 0 w 1624012"/>
              <a:gd name="connsiteY40" fmla="*/ 1214438 h 1519238"/>
              <a:gd name="connsiteX0" fmla="*/ 1624012 w 1628774"/>
              <a:gd name="connsiteY0" fmla="*/ 0 h 1519238"/>
              <a:gd name="connsiteX1" fmla="*/ 1628774 w 1628774"/>
              <a:gd name="connsiteY1" fmla="*/ 140494 h 1519238"/>
              <a:gd name="connsiteX2" fmla="*/ 1595437 w 1628774"/>
              <a:gd name="connsiteY2" fmla="*/ 190500 h 1519238"/>
              <a:gd name="connsiteX3" fmla="*/ 1583531 w 1628774"/>
              <a:gd name="connsiteY3" fmla="*/ 216694 h 1519238"/>
              <a:gd name="connsiteX4" fmla="*/ 1562100 w 1628774"/>
              <a:gd name="connsiteY4" fmla="*/ 264319 h 1519238"/>
              <a:gd name="connsiteX5" fmla="*/ 1526381 w 1628774"/>
              <a:gd name="connsiteY5" fmla="*/ 330994 h 1519238"/>
              <a:gd name="connsiteX6" fmla="*/ 1481138 w 1628774"/>
              <a:gd name="connsiteY6" fmla="*/ 383381 h 1519238"/>
              <a:gd name="connsiteX7" fmla="*/ 1457325 w 1628774"/>
              <a:gd name="connsiteY7" fmla="*/ 414338 h 1519238"/>
              <a:gd name="connsiteX8" fmla="*/ 1421605 w 1628774"/>
              <a:gd name="connsiteY8" fmla="*/ 469106 h 1519238"/>
              <a:gd name="connsiteX9" fmla="*/ 1383506 w 1628774"/>
              <a:gd name="connsiteY9" fmla="*/ 519113 h 1519238"/>
              <a:gd name="connsiteX10" fmla="*/ 1347787 w 1628774"/>
              <a:gd name="connsiteY10" fmla="*/ 557213 h 1519238"/>
              <a:gd name="connsiteX11" fmla="*/ 1281112 w 1628774"/>
              <a:gd name="connsiteY11" fmla="*/ 704850 h 1519238"/>
              <a:gd name="connsiteX12" fmla="*/ 1247775 w 1628774"/>
              <a:gd name="connsiteY12" fmla="*/ 752475 h 1519238"/>
              <a:gd name="connsiteX13" fmla="*/ 1209675 w 1628774"/>
              <a:gd name="connsiteY13" fmla="*/ 800100 h 1519238"/>
              <a:gd name="connsiteX14" fmla="*/ 1166812 w 1628774"/>
              <a:gd name="connsiteY14" fmla="*/ 833438 h 1519238"/>
              <a:gd name="connsiteX15" fmla="*/ 1114425 w 1628774"/>
              <a:gd name="connsiteY15" fmla="*/ 895350 h 1519238"/>
              <a:gd name="connsiteX16" fmla="*/ 1066800 w 1628774"/>
              <a:gd name="connsiteY16" fmla="*/ 947738 h 1519238"/>
              <a:gd name="connsiteX17" fmla="*/ 990600 w 1628774"/>
              <a:gd name="connsiteY17" fmla="*/ 1033463 h 1519238"/>
              <a:gd name="connsiteX18" fmla="*/ 885825 w 1628774"/>
              <a:gd name="connsiteY18" fmla="*/ 1128713 h 1519238"/>
              <a:gd name="connsiteX19" fmla="*/ 847725 w 1628774"/>
              <a:gd name="connsiteY19" fmla="*/ 1138238 h 1519238"/>
              <a:gd name="connsiteX20" fmla="*/ 819150 w 1628774"/>
              <a:gd name="connsiteY20" fmla="*/ 1157288 h 1519238"/>
              <a:gd name="connsiteX21" fmla="*/ 766762 w 1628774"/>
              <a:gd name="connsiteY21" fmla="*/ 1214438 h 1519238"/>
              <a:gd name="connsiteX22" fmla="*/ 742950 w 1628774"/>
              <a:gd name="connsiteY22" fmla="*/ 1252538 h 1519238"/>
              <a:gd name="connsiteX23" fmla="*/ 709612 w 1628774"/>
              <a:gd name="connsiteY23" fmla="*/ 1290638 h 1519238"/>
              <a:gd name="connsiteX24" fmla="*/ 623887 w 1628774"/>
              <a:gd name="connsiteY24" fmla="*/ 1323975 h 1519238"/>
              <a:gd name="connsiteX25" fmla="*/ 571500 w 1628774"/>
              <a:gd name="connsiteY25" fmla="*/ 1376363 h 1519238"/>
              <a:gd name="connsiteX26" fmla="*/ 504825 w 1628774"/>
              <a:gd name="connsiteY26" fmla="*/ 1409700 h 1519238"/>
              <a:gd name="connsiteX27" fmla="*/ 481012 w 1628774"/>
              <a:gd name="connsiteY27" fmla="*/ 1433513 h 1519238"/>
              <a:gd name="connsiteX28" fmla="*/ 428625 w 1628774"/>
              <a:gd name="connsiteY28" fmla="*/ 1471613 h 1519238"/>
              <a:gd name="connsiteX29" fmla="*/ 376237 w 1628774"/>
              <a:gd name="connsiteY29" fmla="*/ 1485900 h 1519238"/>
              <a:gd name="connsiteX30" fmla="*/ 357187 w 1628774"/>
              <a:gd name="connsiteY30" fmla="*/ 1500188 h 1519238"/>
              <a:gd name="connsiteX31" fmla="*/ 323850 w 1628774"/>
              <a:gd name="connsiteY31" fmla="*/ 1519238 h 1519238"/>
              <a:gd name="connsiteX32" fmla="*/ 290512 w 1628774"/>
              <a:gd name="connsiteY32" fmla="*/ 1519238 h 1519238"/>
              <a:gd name="connsiteX33" fmla="*/ 266700 w 1628774"/>
              <a:gd name="connsiteY33" fmla="*/ 1519238 h 1519238"/>
              <a:gd name="connsiteX34" fmla="*/ 200025 w 1628774"/>
              <a:gd name="connsiteY34" fmla="*/ 1490663 h 1519238"/>
              <a:gd name="connsiteX35" fmla="*/ 166687 w 1628774"/>
              <a:gd name="connsiteY35" fmla="*/ 1457325 h 1519238"/>
              <a:gd name="connsiteX36" fmla="*/ 152400 w 1628774"/>
              <a:gd name="connsiteY36" fmla="*/ 1414463 h 1519238"/>
              <a:gd name="connsiteX37" fmla="*/ 109537 w 1628774"/>
              <a:gd name="connsiteY37" fmla="*/ 1338263 h 1519238"/>
              <a:gd name="connsiteX38" fmla="*/ 57150 w 1628774"/>
              <a:gd name="connsiteY38" fmla="*/ 1252538 h 1519238"/>
              <a:gd name="connsiteX39" fmla="*/ 0 w 1628774"/>
              <a:gd name="connsiteY39" fmla="*/ 1214438 h 1519238"/>
              <a:gd name="connsiteX40" fmla="*/ 0 w 1628774"/>
              <a:gd name="connsiteY40" fmla="*/ 1214438 h 1519238"/>
              <a:gd name="connsiteX0" fmla="*/ 1633537 w 1633537"/>
              <a:gd name="connsiteY0" fmla="*/ 0 h 1450182"/>
              <a:gd name="connsiteX1" fmla="*/ 1628774 w 1633537"/>
              <a:gd name="connsiteY1" fmla="*/ 71438 h 1450182"/>
              <a:gd name="connsiteX2" fmla="*/ 1595437 w 1633537"/>
              <a:gd name="connsiteY2" fmla="*/ 121444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83531 w 1633537"/>
              <a:gd name="connsiteY3" fmla="*/ 147638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26381 w 1633537"/>
              <a:gd name="connsiteY5" fmla="*/ 261938 h 1450182"/>
              <a:gd name="connsiteX6" fmla="*/ 1481138 w 1633537"/>
              <a:gd name="connsiteY6" fmla="*/ 314325 h 1450182"/>
              <a:gd name="connsiteX7" fmla="*/ 1457325 w 1633537"/>
              <a:gd name="connsiteY7" fmla="*/ 345282 h 1450182"/>
              <a:gd name="connsiteX8" fmla="*/ 1421605 w 1633537"/>
              <a:gd name="connsiteY8" fmla="*/ 400050 h 1450182"/>
              <a:gd name="connsiteX9" fmla="*/ 1383506 w 1633537"/>
              <a:gd name="connsiteY9" fmla="*/ 450057 h 1450182"/>
              <a:gd name="connsiteX10" fmla="*/ 1347787 w 1633537"/>
              <a:gd name="connsiteY10" fmla="*/ 488157 h 1450182"/>
              <a:gd name="connsiteX11" fmla="*/ 1281112 w 1633537"/>
              <a:gd name="connsiteY11" fmla="*/ 635794 h 1450182"/>
              <a:gd name="connsiteX12" fmla="*/ 1247775 w 1633537"/>
              <a:gd name="connsiteY12" fmla="*/ 683419 h 1450182"/>
              <a:gd name="connsiteX13" fmla="*/ 1209675 w 1633537"/>
              <a:gd name="connsiteY13" fmla="*/ 731044 h 1450182"/>
              <a:gd name="connsiteX14" fmla="*/ 1166812 w 1633537"/>
              <a:gd name="connsiteY14" fmla="*/ 764382 h 1450182"/>
              <a:gd name="connsiteX15" fmla="*/ 1114425 w 1633537"/>
              <a:gd name="connsiteY15" fmla="*/ 826294 h 1450182"/>
              <a:gd name="connsiteX16" fmla="*/ 1066800 w 1633537"/>
              <a:gd name="connsiteY16" fmla="*/ 878682 h 1450182"/>
              <a:gd name="connsiteX17" fmla="*/ 990600 w 1633537"/>
              <a:gd name="connsiteY17" fmla="*/ 964407 h 1450182"/>
              <a:gd name="connsiteX18" fmla="*/ 885825 w 1633537"/>
              <a:gd name="connsiteY18" fmla="*/ 1059657 h 1450182"/>
              <a:gd name="connsiteX19" fmla="*/ 847725 w 1633537"/>
              <a:gd name="connsiteY19" fmla="*/ 1069182 h 1450182"/>
              <a:gd name="connsiteX20" fmla="*/ 819150 w 1633537"/>
              <a:gd name="connsiteY20" fmla="*/ 1088232 h 1450182"/>
              <a:gd name="connsiteX21" fmla="*/ 766762 w 1633537"/>
              <a:gd name="connsiteY21" fmla="*/ 1145382 h 1450182"/>
              <a:gd name="connsiteX22" fmla="*/ 742950 w 1633537"/>
              <a:gd name="connsiteY22" fmla="*/ 1183482 h 1450182"/>
              <a:gd name="connsiteX23" fmla="*/ 709612 w 1633537"/>
              <a:gd name="connsiteY23" fmla="*/ 1221582 h 1450182"/>
              <a:gd name="connsiteX24" fmla="*/ 623887 w 1633537"/>
              <a:gd name="connsiteY24" fmla="*/ 1254919 h 1450182"/>
              <a:gd name="connsiteX25" fmla="*/ 571500 w 1633537"/>
              <a:gd name="connsiteY25" fmla="*/ 1307307 h 1450182"/>
              <a:gd name="connsiteX26" fmla="*/ 504825 w 1633537"/>
              <a:gd name="connsiteY26" fmla="*/ 1340644 h 1450182"/>
              <a:gd name="connsiteX27" fmla="*/ 481012 w 1633537"/>
              <a:gd name="connsiteY27" fmla="*/ 1364457 h 1450182"/>
              <a:gd name="connsiteX28" fmla="*/ 428625 w 1633537"/>
              <a:gd name="connsiteY28" fmla="*/ 1402557 h 1450182"/>
              <a:gd name="connsiteX29" fmla="*/ 376237 w 1633537"/>
              <a:gd name="connsiteY29" fmla="*/ 1416844 h 1450182"/>
              <a:gd name="connsiteX30" fmla="*/ 357187 w 1633537"/>
              <a:gd name="connsiteY30" fmla="*/ 1431132 h 1450182"/>
              <a:gd name="connsiteX31" fmla="*/ 323850 w 1633537"/>
              <a:gd name="connsiteY31" fmla="*/ 1450182 h 1450182"/>
              <a:gd name="connsiteX32" fmla="*/ 290512 w 1633537"/>
              <a:gd name="connsiteY32" fmla="*/ 1450182 h 1450182"/>
              <a:gd name="connsiteX33" fmla="*/ 266700 w 1633537"/>
              <a:gd name="connsiteY33" fmla="*/ 1450182 h 1450182"/>
              <a:gd name="connsiteX34" fmla="*/ 200025 w 1633537"/>
              <a:gd name="connsiteY34" fmla="*/ 1421607 h 1450182"/>
              <a:gd name="connsiteX35" fmla="*/ 166687 w 1633537"/>
              <a:gd name="connsiteY35" fmla="*/ 1388269 h 1450182"/>
              <a:gd name="connsiteX36" fmla="*/ 152400 w 1633537"/>
              <a:gd name="connsiteY36" fmla="*/ 1345407 h 1450182"/>
              <a:gd name="connsiteX37" fmla="*/ 109537 w 1633537"/>
              <a:gd name="connsiteY37" fmla="*/ 1269207 h 1450182"/>
              <a:gd name="connsiteX38" fmla="*/ 57150 w 1633537"/>
              <a:gd name="connsiteY38" fmla="*/ 1183482 h 1450182"/>
              <a:gd name="connsiteX39" fmla="*/ 0 w 1633537"/>
              <a:gd name="connsiteY39" fmla="*/ 1145382 h 1450182"/>
              <a:gd name="connsiteX40" fmla="*/ 0 w 1633537"/>
              <a:gd name="connsiteY40"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64481 w 1633537"/>
              <a:gd name="connsiteY5" fmla="*/ 216694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62100 w 1633537"/>
              <a:gd name="connsiteY4" fmla="*/ 195263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85913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9718 w 1633537"/>
              <a:gd name="connsiteY5" fmla="*/ 230981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7644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64307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8774 w 1633537"/>
              <a:gd name="connsiteY1" fmla="*/ 71438 h 1450182"/>
              <a:gd name="connsiteX2" fmla="*/ 1614487 w 1633537"/>
              <a:gd name="connsiteY2" fmla="*/ 123825 h 1450182"/>
              <a:gd name="connsiteX3" fmla="*/ 1593056 w 1633537"/>
              <a:gd name="connsiteY3" fmla="*/ 154782 h 1450182"/>
              <a:gd name="connsiteX4" fmla="*/ 1621631 w 1633537"/>
              <a:gd name="connsiteY4" fmla="*/ 133350 h 1450182"/>
              <a:gd name="connsiteX5" fmla="*/ 1574007 w 1633537"/>
              <a:gd name="connsiteY5" fmla="*/ 190500 h 1450182"/>
              <a:gd name="connsiteX6" fmla="*/ 1557337 w 1633537"/>
              <a:gd name="connsiteY6" fmla="*/ 219075 h 1450182"/>
              <a:gd name="connsiteX7" fmla="*/ 1526381 w 1633537"/>
              <a:gd name="connsiteY7" fmla="*/ 261938 h 1450182"/>
              <a:gd name="connsiteX8" fmla="*/ 1481138 w 1633537"/>
              <a:gd name="connsiteY8" fmla="*/ 314325 h 1450182"/>
              <a:gd name="connsiteX9" fmla="*/ 1457325 w 1633537"/>
              <a:gd name="connsiteY9" fmla="*/ 345282 h 1450182"/>
              <a:gd name="connsiteX10" fmla="*/ 1421605 w 1633537"/>
              <a:gd name="connsiteY10" fmla="*/ 400050 h 1450182"/>
              <a:gd name="connsiteX11" fmla="*/ 1383506 w 1633537"/>
              <a:gd name="connsiteY11" fmla="*/ 450057 h 1450182"/>
              <a:gd name="connsiteX12" fmla="*/ 1347787 w 1633537"/>
              <a:gd name="connsiteY12" fmla="*/ 488157 h 1450182"/>
              <a:gd name="connsiteX13" fmla="*/ 1281112 w 1633537"/>
              <a:gd name="connsiteY13" fmla="*/ 635794 h 1450182"/>
              <a:gd name="connsiteX14" fmla="*/ 1247775 w 1633537"/>
              <a:gd name="connsiteY14" fmla="*/ 683419 h 1450182"/>
              <a:gd name="connsiteX15" fmla="*/ 1209675 w 1633537"/>
              <a:gd name="connsiteY15" fmla="*/ 731044 h 1450182"/>
              <a:gd name="connsiteX16" fmla="*/ 1166812 w 1633537"/>
              <a:gd name="connsiteY16" fmla="*/ 764382 h 1450182"/>
              <a:gd name="connsiteX17" fmla="*/ 1114425 w 1633537"/>
              <a:gd name="connsiteY17" fmla="*/ 826294 h 1450182"/>
              <a:gd name="connsiteX18" fmla="*/ 1066800 w 1633537"/>
              <a:gd name="connsiteY18" fmla="*/ 878682 h 1450182"/>
              <a:gd name="connsiteX19" fmla="*/ 990600 w 1633537"/>
              <a:gd name="connsiteY19" fmla="*/ 964407 h 1450182"/>
              <a:gd name="connsiteX20" fmla="*/ 885825 w 1633537"/>
              <a:gd name="connsiteY20" fmla="*/ 1059657 h 1450182"/>
              <a:gd name="connsiteX21" fmla="*/ 847725 w 1633537"/>
              <a:gd name="connsiteY21" fmla="*/ 1069182 h 1450182"/>
              <a:gd name="connsiteX22" fmla="*/ 819150 w 1633537"/>
              <a:gd name="connsiteY22" fmla="*/ 1088232 h 1450182"/>
              <a:gd name="connsiteX23" fmla="*/ 766762 w 1633537"/>
              <a:gd name="connsiteY23" fmla="*/ 1145382 h 1450182"/>
              <a:gd name="connsiteX24" fmla="*/ 742950 w 1633537"/>
              <a:gd name="connsiteY24" fmla="*/ 1183482 h 1450182"/>
              <a:gd name="connsiteX25" fmla="*/ 709612 w 1633537"/>
              <a:gd name="connsiteY25" fmla="*/ 1221582 h 1450182"/>
              <a:gd name="connsiteX26" fmla="*/ 623887 w 1633537"/>
              <a:gd name="connsiteY26" fmla="*/ 1254919 h 1450182"/>
              <a:gd name="connsiteX27" fmla="*/ 571500 w 1633537"/>
              <a:gd name="connsiteY27" fmla="*/ 1307307 h 1450182"/>
              <a:gd name="connsiteX28" fmla="*/ 504825 w 1633537"/>
              <a:gd name="connsiteY28" fmla="*/ 1340644 h 1450182"/>
              <a:gd name="connsiteX29" fmla="*/ 481012 w 1633537"/>
              <a:gd name="connsiteY29" fmla="*/ 1364457 h 1450182"/>
              <a:gd name="connsiteX30" fmla="*/ 428625 w 1633537"/>
              <a:gd name="connsiteY30" fmla="*/ 1402557 h 1450182"/>
              <a:gd name="connsiteX31" fmla="*/ 376237 w 1633537"/>
              <a:gd name="connsiteY31" fmla="*/ 1416844 h 1450182"/>
              <a:gd name="connsiteX32" fmla="*/ 357187 w 1633537"/>
              <a:gd name="connsiteY32" fmla="*/ 1431132 h 1450182"/>
              <a:gd name="connsiteX33" fmla="*/ 323850 w 1633537"/>
              <a:gd name="connsiteY33" fmla="*/ 1450182 h 1450182"/>
              <a:gd name="connsiteX34" fmla="*/ 290512 w 1633537"/>
              <a:gd name="connsiteY34" fmla="*/ 1450182 h 1450182"/>
              <a:gd name="connsiteX35" fmla="*/ 266700 w 1633537"/>
              <a:gd name="connsiteY35" fmla="*/ 1450182 h 1450182"/>
              <a:gd name="connsiteX36" fmla="*/ 200025 w 1633537"/>
              <a:gd name="connsiteY36" fmla="*/ 1421607 h 1450182"/>
              <a:gd name="connsiteX37" fmla="*/ 166687 w 1633537"/>
              <a:gd name="connsiteY37" fmla="*/ 1388269 h 1450182"/>
              <a:gd name="connsiteX38" fmla="*/ 152400 w 1633537"/>
              <a:gd name="connsiteY38" fmla="*/ 1345407 h 1450182"/>
              <a:gd name="connsiteX39" fmla="*/ 109537 w 1633537"/>
              <a:gd name="connsiteY39" fmla="*/ 1269207 h 1450182"/>
              <a:gd name="connsiteX40" fmla="*/ 57150 w 1633537"/>
              <a:gd name="connsiteY40" fmla="*/ 1183482 h 1450182"/>
              <a:gd name="connsiteX41" fmla="*/ 0 w 1633537"/>
              <a:gd name="connsiteY41" fmla="*/ 1145382 h 1450182"/>
              <a:gd name="connsiteX42" fmla="*/ 0 w 163353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621631 w 1639227"/>
              <a:gd name="connsiteY4" fmla="*/ 133350 h 1450182"/>
              <a:gd name="connsiteX5" fmla="*/ 1574007 w 1639227"/>
              <a:gd name="connsiteY5" fmla="*/ 190500 h 1450182"/>
              <a:gd name="connsiteX6" fmla="*/ 1557337 w 1639227"/>
              <a:gd name="connsiteY6" fmla="*/ 219075 h 1450182"/>
              <a:gd name="connsiteX7" fmla="*/ 1526381 w 1639227"/>
              <a:gd name="connsiteY7" fmla="*/ 261938 h 1450182"/>
              <a:gd name="connsiteX8" fmla="*/ 1481138 w 1639227"/>
              <a:gd name="connsiteY8" fmla="*/ 314325 h 1450182"/>
              <a:gd name="connsiteX9" fmla="*/ 1457325 w 1639227"/>
              <a:gd name="connsiteY9" fmla="*/ 345282 h 1450182"/>
              <a:gd name="connsiteX10" fmla="*/ 1421605 w 1639227"/>
              <a:gd name="connsiteY10" fmla="*/ 400050 h 1450182"/>
              <a:gd name="connsiteX11" fmla="*/ 1383506 w 1639227"/>
              <a:gd name="connsiteY11" fmla="*/ 450057 h 1450182"/>
              <a:gd name="connsiteX12" fmla="*/ 1347787 w 1639227"/>
              <a:gd name="connsiteY12" fmla="*/ 488157 h 1450182"/>
              <a:gd name="connsiteX13" fmla="*/ 1281112 w 1639227"/>
              <a:gd name="connsiteY13" fmla="*/ 635794 h 1450182"/>
              <a:gd name="connsiteX14" fmla="*/ 1247775 w 1639227"/>
              <a:gd name="connsiteY14" fmla="*/ 683419 h 1450182"/>
              <a:gd name="connsiteX15" fmla="*/ 1209675 w 1639227"/>
              <a:gd name="connsiteY15" fmla="*/ 731044 h 1450182"/>
              <a:gd name="connsiteX16" fmla="*/ 1166812 w 1639227"/>
              <a:gd name="connsiteY16" fmla="*/ 764382 h 1450182"/>
              <a:gd name="connsiteX17" fmla="*/ 1114425 w 1639227"/>
              <a:gd name="connsiteY17" fmla="*/ 826294 h 1450182"/>
              <a:gd name="connsiteX18" fmla="*/ 1066800 w 1639227"/>
              <a:gd name="connsiteY18" fmla="*/ 878682 h 1450182"/>
              <a:gd name="connsiteX19" fmla="*/ 990600 w 1639227"/>
              <a:gd name="connsiteY19" fmla="*/ 964407 h 1450182"/>
              <a:gd name="connsiteX20" fmla="*/ 885825 w 1639227"/>
              <a:gd name="connsiteY20" fmla="*/ 1059657 h 1450182"/>
              <a:gd name="connsiteX21" fmla="*/ 847725 w 1639227"/>
              <a:gd name="connsiteY21" fmla="*/ 1069182 h 1450182"/>
              <a:gd name="connsiteX22" fmla="*/ 819150 w 1639227"/>
              <a:gd name="connsiteY22" fmla="*/ 1088232 h 1450182"/>
              <a:gd name="connsiteX23" fmla="*/ 766762 w 1639227"/>
              <a:gd name="connsiteY23" fmla="*/ 1145382 h 1450182"/>
              <a:gd name="connsiteX24" fmla="*/ 742950 w 1639227"/>
              <a:gd name="connsiteY24" fmla="*/ 1183482 h 1450182"/>
              <a:gd name="connsiteX25" fmla="*/ 709612 w 1639227"/>
              <a:gd name="connsiteY25" fmla="*/ 1221582 h 1450182"/>
              <a:gd name="connsiteX26" fmla="*/ 623887 w 1639227"/>
              <a:gd name="connsiteY26" fmla="*/ 1254919 h 1450182"/>
              <a:gd name="connsiteX27" fmla="*/ 571500 w 1639227"/>
              <a:gd name="connsiteY27" fmla="*/ 1307307 h 1450182"/>
              <a:gd name="connsiteX28" fmla="*/ 504825 w 1639227"/>
              <a:gd name="connsiteY28" fmla="*/ 1340644 h 1450182"/>
              <a:gd name="connsiteX29" fmla="*/ 481012 w 1639227"/>
              <a:gd name="connsiteY29" fmla="*/ 1364457 h 1450182"/>
              <a:gd name="connsiteX30" fmla="*/ 428625 w 1639227"/>
              <a:gd name="connsiteY30" fmla="*/ 1402557 h 1450182"/>
              <a:gd name="connsiteX31" fmla="*/ 376237 w 1639227"/>
              <a:gd name="connsiteY31" fmla="*/ 1416844 h 1450182"/>
              <a:gd name="connsiteX32" fmla="*/ 357187 w 1639227"/>
              <a:gd name="connsiteY32" fmla="*/ 1431132 h 1450182"/>
              <a:gd name="connsiteX33" fmla="*/ 323850 w 1639227"/>
              <a:gd name="connsiteY33" fmla="*/ 1450182 h 1450182"/>
              <a:gd name="connsiteX34" fmla="*/ 290512 w 1639227"/>
              <a:gd name="connsiteY34" fmla="*/ 1450182 h 1450182"/>
              <a:gd name="connsiteX35" fmla="*/ 266700 w 1639227"/>
              <a:gd name="connsiteY35" fmla="*/ 1450182 h 1450182"/>
              <a:gd name="connsiteX36" fmla="*/ 200025 w 1639227"/>
              <a:gd name="connsiteY36" fmla="*/ 1421607 h 1450182"/>
              <a:gd name="connsiteX37" fmla="*/ 166687 w 1639227"/>
              <a:gd name="connsiteY37" fmla="*/ 1388269 h 1450182"/>
              <a:gd name="connsiteX38" fmla="*/ 152400 w 1639227"/>
              <a:gd name="connsiteY38" fmla="*/ 1345407 h 1450182"/>
              <a:gd name="connsiteX39" fmla="*/ 109537 w 1639227"/>
              <a:gd name="connsiteY39" fmla="*/ 1269207 h 1450182"/>
              <a:gd name="connsiteX40" fmla="*/ 57150 w 1639227"/>
              <a:gd name="connsiteY40" fmla="*/ 1183482 h 1450182"/>
              <a:gd name="connsiteX41" fmla="*/ 0 w 1639227"/>
              <a:gd name="connsiteY41" fmla="*/ 1145382 h 1450182"/>
              <a:gd name="connsiteX42" fmla="*/ 0 w 1639227"/>
              <a:gd name="connsiteY42" fmla="*/ 1145382 h 1450182"/>
              <a:gd name="connsiteX0" fmla="*/ 1633537 w 1639227"/>
              <a:gd name="connsiteY0" fmla="*/ 0 h 1450182"/>
              <a:gd name="connsiteX1" fmla="*/ 1628774 w 1639227"/>
              <a:gd name="connsiteY1" fmla="*/ 71438 h 1450182"/>
              <a:gd name="connsiteX2" fmla="*/ 1638299 w 1639227"/>
              <a:gd name="connsiteY2" fmla="*/ 114300 h 1450182"/>
              <a:gd name="connsiteX3" fmla="*/ 1593056 w 1639227"/>
              <a:gd name="connsiteY3" fmla="*/ 154782 h 1450182"/>
              <a:gd name="connsiteX4" fmla="*/ 1574007 w 1639227"/>
              <a:gd name="connsiteY4" fmla="*/ 190500 h 1450182"/>
              <a:gd name="connsiteX5" fmla="*/ 1557337 w 1639227"/>
              <a:gd name="connsiteY5" fmla="*/ 219075 h 1450182"/>
              <a:gd name="connsiteX6" fmla="*/ 1526381 w 1639227"/>
              <a:gd name="connsiteY6" fmla="*/ 261938 h 1450182"/>
              <a:gd name="connsiteX7" fmla="*/ 1481138 w 1639227"/>
              <a:gd name="connsiteY7" fmla="*/ 314325 h 1450182"/>
              <a:gd name="connsiteX8" fmla="*/ 1457325 w 1639227"/>
              <a:gd name="connsiteY8" fmla="*/ 345282 h 1450182"/>
              <a:gd name="connsiteX9" fmla="*/ 1421605 w 1639227"/>
              <a:gd name="connsiteY9" fmla="*/ 400050 h 1450182"/>
              <a:gd name="connsiteX10" fmla="*/ 1383506 w 1639227"/>
              <a:gd name="connsiteY10" fmla="*/ 450057 h 1450182"/>
              <a:gd name="connsiteX11" fmla="*/ 1347787 w 1639227"/>
              <a:gd name="connsiteY11" fmla="*/ 488157 h 1450182"/>
              <a:gd name="connsiteX12" fmla="*/ 1281112 w 1639227"/>
              <a:gd name="connsiteY12" fmla="*/ 635794 h 1450182"/>
              <a:gd name="connsiteX13" fmla="*/ 1247775 w 1639227"/>
              <a:gd name="connsiteY13" fmla="*/ 683419 h 1450182"/>
              <a:gd name="connsiteX14" fmla="*/ 1209675 w 1639227"/>
              <a:gd name="connsiteY14" fmla="*/ 731044 h 1450182"/>
              <a:gd name="connsiteX15" fmla="*/ 1166812 w 1639227"/>
              <a:gd name="connsiteY15" fmla="*/ 764382 h 1450182"/>
              <a:gd name="connsiteX16" fmla="*/ 1114425 w 1639227"/>
              <a:gd name="connsiteY16" fmla="*/ 826294 h 1450182"/>
              <a:gd name="connsiteX17" fmla="*/ 1066800 w 1639227"/>
              <a:gd name="connsiteY17" fmla="*/ 878682 h 1450182"/>
              <a:gd name="connsiteX18" fmla="*/ 990600 w 1639227"/>
              <a:gd name="connsiteY18" fmla="*/ 964407 h 1450182"/>
              <a:gd name="connsiteX19" fmla="*/ 885825 w 1639227"/>
              <a:gd name="connsiteY19" fmla="*/ 1059657 h 1450182"/>
              <a:gd name="connsiteX20" fmla="*/ 847725 w 1639227"/>
              <a:gd name="connsiteY20" fmla="*/ 1069182 h 1450182"/>
              <a:gd name="connsiteX21" fmla="*/ 819150 w 1639227"/>
              <a:gd name="connsiteY21" fmla="*/ 1088232 h 1450182"/>
              <a:gd name="connsiteX22" fmla="*/ 766762 w 1639227"/>
              <a:gd name="connsiteY22" fmla="*/ 1145382 h 1450182"/>
              <a:gd name="connsiteX23" fmla="*/ 742950 w 1639227"/>
              <a:gd name="connsiteY23" fmla="*/ 1183482 h 1450182"/>
              <a:gd name="connsiteX24" fmla="*/ 709612 w 1639227"/>
              <a:gd name="connsiteY24" fmla="*/ 1221582 h 1450182"/>
              <a:gd name="connsiteX25" fmla="*/ 623887 w 1639227"/>
              <a:gd name="connsiteY25" fmla="*/ 1254919 h 1450182"/>
              <a:gd name="connsiteX26" fmla="*/ 571500 w 1639227"/>
              <a:gd name="connsiteY26" fmla="*/ 1307307 h 1450182"/>
              <a:gd name="connsiteX27" fmla="*/ 504825 w 1639227"/>
              <a:gd name="connsiteY27" fmla="*/ 1340644 h 1450182"/>
              <a:gd name="connsiteX28" fmla="*/ 481012 w 1639227"/>
              <a:gd name="connsiteY28" fmla="*/ 1364457 h 1450182"/>
              <a:gd name="connsiteX29" fmla="*/ 428625 w 1639227"/>
              <a:gd name="connsiteY29" fmla="*/ 1402557 h 1450182"/>
              <a:gd name="connsiteX30" fmla="*/ 376237 w 1639227"/>
              <a:gd name="connsiteY30" fmla="*/ 1416844 h 1450182"/>
              <a:gd name="connsiteX31" fmla="*/ 357187 w 1639227"/>
              <a:gd name="connsiteY31" fmla="*/ 1431132 h 1450182"/>
              <a:gd name="connsiteX32" fmla="*/ 323850 w 1639227"/>
              <a:gd name="connsiteY32" fmla="*/ 1450182 h 1450182"/>
              <a:gd name="connsiteX33" fmla="*/ 290512 w 1639227"/>
              <a:gd name="connsiteY33" fmla="*/ 1450182 h 1450182"/>
              <a:gd name="connsiteX34" fmla="*/ 266700 w 1639227"/>
              <a:gd name="connsiteY34" fmla="*/ 1450182 h 1450182"/>
              <a:gd name="connsiteX35" fmla="*/ 200025 w 1639227"/>
              <a:gd name="connsiteY35" fmla="*/ 1421607 h 1450182"/>
              <a:gd name="connsiteX36" fmla="*/ 166687 w 1639227"/>
              <a:gd name="connsiteY36" fmla="*/ 1388269 h 1450182"/>
              <a:gd name="connsiteX37" fmla="*/ 152400 w 1639227"/>
              <a:gd name="connsiteY37" fmla="*/ 1345407 h 1450182"/>
              <a:gd name="connsiteX38" fmla="*/ 109537 w 1639227"/>
              <a:gd name="connsiteY38" fmla="*/ 1269207 h 1450182"/>
              <a:gd name="connsiteX39" fmla="*/ 57150 w 1639227"/>
              <a:gd name="connsiteY39" fmla="*/ 1183482 h 1450182"/>
              <a:gd name="connsiteX40" fmla="*/ 0 w 1639227"/>
              <a:gd name="connsiteY40" fmla="*/ 1145382 h 1450182"/>
              <a:gd name="connsiteX41" fmla="*/ 0 w 1639227"/>
              <a:gd name="connsiteY41" fmla="*/ 1145382 h 1450182"/>
              <a:gd name="connsiteX0" fmla="*/ 1633537 w 1633537"/>
              <a:gd name="connsiteY0" fmla="*/ 0 h 1450182"/>
              <a:gd name="connsiteX1" fmla="*/ 1628774 w 1633537"/>
              <a:gd name="connsiteY1" fmla="*/ 71438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33537 w 1633537"/>
              <a:gd name="connsiteY0" fmla="*/ 0 h 1450182"/>
              <a:gd name="connsiteX1" fmla="*/ 1624011 w 1633537"/>
              <a:gd name="connsiteY1" fmla="*/ 107157 h 1450182"/>
              <a:gd name="connsiteX2" fmla="*/ 1607343 w 1633537"/>
              <a:gd name="connsiteY2" fmla="*/ 140494 h 1450182"/>
              <a:gd name="connsiteX3" fmla="*/ 1593056 w 1633537"/>
              <a:gd name="connsiteY3" fmla="*/ 154782 h 1450182"/>
              <a:gd name="connsiteX4" fmla="*/ 1574007 w 1633537"/>
              <a:gd name="connsiteY4" fmla="*/ 190500 h 1450182"/>
              <a:gd name="connsiteX5" fmla="*/ 1557337 w 1633537"/>
              <a:gd name="connsiteY5" fmla="*/ 219075 h 1450182"/>
              <a:gd name="connsiteX6" fmla="*/ 1526381 w 1633537"/>
              <a:gd name="connsiteY6" fmla="*/ 261938 h 1450182"/>
              <a:gd name="connsiteX7" fmla="*/ 1481138 w 1633537"/>
              <a:gd name="connsiteY7" fmla="*/ 314325 h 1450182"/>
              <a:gd name="connsiteX8" fmla="*/ 1457325 w 1633537"/>
              <a:gd name="connsiteY8" fmla="*/ 345282 h 1450182"/>
              <a:gd name="connsiteX9" fmla="*/ 1421605 w 1633537"/>
              <a:gd name="connsiteY9" fmla="*/ 400050 h 1450182"/>
              <a:gd name="connsiteX10" fmla="*/ 1383506 w 1633537"/>
              <a:gd name="connsiteY10" fmla="*/ 450057 h 1450182"/>
              <a:gd name="connsiteX11" fmla="*/ 1347787 w 1633537"/>
              <a:gd name="connsiteY11" fmla="*/ 488157 h 1450182"/>
              <a:gd name="connsiteX12" fmla="*/ 1281112 w 1633537"/>
              <a:gd name="connsiteY12" fmla="*/ 635794 h 1450182"/>
              <a:gd name="connsiteX13" fmla="*/ 1247775 w 1633537"/>
              <a:gd name="connsiteY13" fmla="*/ 683419 h 1450182"/>
              <a:gd name="connsiteX14" fmla="*/ 1209675 w 1633537"/>
              <a:gd name="connsiteY14" fmla="*/ 731044 h 1450182"/>
              <a:gd name="connsiteX15" fmla="*/ 1166812 w 1633537"/>
              <a:gd name="connsiteY15" fmla="*/ 764382 h 1450182"/>
              <a:gd name="connsiteX16" fmla="*/ 1114425 w 1633537"/>
              <a:gd name="connsiteY16" fmla="*/ 826294 h 1450182"/>
              <a:gd name="connsiteX17" fmla="*/ 1066800 w 1633537"/>
              <a:gd name="connsiteY17" fmla="*/ 878682 h 1450182"/>
              <a:gd name="connsiteX18" fmla="*/ 990600 w 1633537"/>
              <a:gd name="connsiteY18" fmla="*/ 964407 h 1450182"/>
              <a:gd name="connsiteX19" fmla="*/ 885825 w 1633537"/>
              <a:gd name="connsiteY19" fmla="*/ 1059657 h 1450182"/>
              <a:gd name="connsiteX20" fmla="*/ 847725 w 1633537"/>
              <a:gd name="connsiteY20" fmla="*/ 1069182 h 1450182"/>
              <a:gd name="connsiteX21" fmla="*/ 819150 w 1633537"/>
              <a:gd name="connsiteY21" fmla="*/ 1088232 h 1450182"/>
              <a:gd name="connsiteX22" fmla="*/ 766762 w 1633537"/>
              <a:gd name="connsiteY22" fmla="*/ 1145382 h 1450182"/>
              <a:gd name="connsiteX23" fmla="*/ 742950 w 1633537"/>
              <a:gd name="connsiteY23" fmla="*/ 1183482 h 1450182"/>
              <a:gd name="connsiteX24" fmla="*/ 709612 w 1633537"/>
              <a:gd name="connsiteY24" fmla="*/ 1221582 h 1450182"/>
              <a:gd name="connsiteX25" fmla="*/ 623887 w 1633537"/>
              <a:gd name="connsiteY25" fmla="*/ 1254919 h 1450182"/>
              <a:gd name="connsiteX26" fmla="*/ 571500 w 1633537"/>
              <a:gd name="connsiteY26" fmla="*/ 1307307 h 1450182"/>
              <a:gd name="connsiteX27" fmla="*/ 504825 w 1633537"/>
              <a:gd name="connsiteY27" fmla="*/ 1340644 h 1450182"/>
              <a:gd name="connsiteX28" fmla="*/ 481012 w 1633537"/>
              <a:gd name="connsiteY28" fmla="*/ 1364457 h 1450182"/>
              <a:gd name="connsiteX29" fmla="*/ 428625 w 1633537"/>
              <a:gd name="connsiteY29" fmla="*/ 1402557 h 1450182"/>
              <a:gd name="connsiteX30" fmla="*/ 376237 w 1633537"/>
              <a:gd name="connsiteY30" fmla="*/ 1416844 h 1450182"/>
              <a:gd name="connsiteX31" fmla="*/ 357187 w 1633537"/>
              <a:gd name="connsiteY31" fmla="*/ 1431132 h 1450182"/>
              <a:gd name="connsiteX32" fmla="*/ 323850 w 1633537"/>
              <a:gd name="connsiteY32" fmla="*/ 1450182 h 1450182"/>
              <a:gd name="connsiteX33" fmla="*/ 290512 w 1633537"/>
              <a:gd name="connsiteY33" fmla="*/ 1450182 h 1450182"/>
              <a:gd name="connsiteX34" fmla="*/ 266700 w 1633537"/>
              <a:gd name="connsiteY34" fmla="*/ 1450182 h 1450182"/>
              <a:gd name="connsiteX35" fmla="*/ 200025 w 1633537"/>
              <a:gd name="connsiteY35" fmla="*/ 1421607 h 1450182"/>
              <a:gd name="connsiteX36" fmla="*/ 166687 w 1633537"/>
              <a:gd name="connsiteY36" fmla="*/ 1388269 h 1450182"/>
              <a:gd name="connsiteX37" fmla="*/ 152400 w 1633537"/>
              <a:gd name="connsiteY37" fmla="*/ 1345407 h 1450182"/>
              <a:gd name="connsiteX38" fmla="*/ 109537 w 1633537"/>
              <a:gd name="connsiteY38" fmla="*/ 1269207 h 1450182"/>
              <a:gd name="connsiteX39" fmla="*/ 57150 w 1633537"/>
              <a:gd name="connsiteY39" fmla="*/ 1183482 h 1450182"/>
              <a:gd name="connsiteX40" fmla="*/ 0 w 1633537"/>
              <a:gd name="connsiteY40" fmla="*/ 1145382 h 1450182"/>
              <a:gd name="connsiteX41" fmla="*/ 0 w 1633537"/>
              <a:gd name="connsiteY41" fmla="*/ 1145382 h 1450182"/>
              <a:gd name="connsiteX0" fmla="*/ 1628775 w 1628775"/>
              <a:gd name="connsiteY0" fmla="*/ 0 h 1390651"/>
              <a:gd name="connsiteX1" fmla="*/ 1624011 w 1628775"/>
              <a:gd name="connsiteY1" fmla="*/ 47626 h 1390651"/>
              <a:gd name="connsiteX2" fmla="*/ 1607343 w 1628775"/>
              <a:gd name="connsiteY2" fmla="*/ 80963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7337 w 1628775"/>
              <a:gd name="connsiteY5" fmla="*/ 159544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30969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95251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28775 w 1628775"/>
              <a:gd name="connsiteY0" fmla="*/ 0 h 1390651"/>
              <a:gd name="connsiteX1" fmla="*/ 1624011 w 1628775"/>
              <a:gd name="connsiteY1" fmla="*/ 47626 h 1390651"/>
              <a:gd name="connsiteX2" fmla="*/ 1607343 w 1628775"/>
              <a:gd name="connsiteY2" fmla="*/ 73820 h 1390651"/>
              <a:gd name="connsiteX3" fmla="*/ 1593056 w 1628775"/>
              <a:gd name="connsiteY3" fmla="*/ 88108 h 1390651"/>
              <a:gd name="connsiteX4" fmla="*/ 1574007 w 1628775"/>
              <a:gd name="connsiteY4" fmla="*/ 116682 h 1390651"/>
              <a:gd name="connsiteX5" fmla="*/ 1554956 w 1628775"/>
              <a:gd name="connsiteY5" fmla="*/ 150019 h 1390651"/>
              <a:gd name="connsiteX6" fmla="*/ 1526381 w 1628775"/>
              <a:gd name="connsiteY6" fmla="*/ 202407 h 1390651"/>
              <a:gd name="connsiteX7" fmla="*/ 1481138 w 1628775"/>
              <a:gd name="connsiteY7" fmla="*/ 254794 h 1390651"/>
              <a:gd name="connsiteX8" fmla="*/ 1457325 w 1628775"/>
              <a:gd name="connsiteY8" fmla="*/ 285751 h 1390651"/>
              <a:gd name="connsiteX9" fmla="*/ 1421605 w 1628775"/>
              <a:gd name="connsiteY9" fmla="*/ 340519 h 1390651"/>
              <a:gd name="connsiteX10" fmla="*/ 1383506 w 1628775"/>
              <a:gd name="connsiteY10" fmla="*/ 390526 h 1390651"/>
              <a:gd name="connsiteX11" fmla="*/ 1347787 w 1628775"/>
              <a:gd name="connsiteY11" fmla="*/ 428626 h 1390651"/>
              <a:gd name="connsiteX12" fmla="*/ 1281112 w 1628775"/>
              <a:gd name="connsiteY12" fmla="*/ 576263 h 1390651"/>
              <a:gd name="connsiteX13" fmla="*/ 1247775 w 1628775"/>
              <a:gd name="connsiteY13" fmla="*/ 623888 h 1390651"/>
              <a:gd name="connsiteX14" fmla="*/ 1209675 w 1628775"/>
              <a:gd name="connsiteY14" fmla="*/ 671513 h 1390651"/>
              <a:gd name="connsiteX15" fmla="*/ 1166812 w 1628775"/>
              <a:gd name="connsiteY15" fmla="*/ 704851 h 1390651"/>
              <a:gd name="connsiteX16" fmla="*/ 1114425 w 1628775"/>
              <a:gd name="connsiteY16" fmla="*/ 766763 h 1390651"/>
              <a:gd name="connsiteX17" fmla="*/ 1066800 w 1628775"/>
              <a:gd name="connsiteY17" fmla="*/ 819151 h 1390651"/>
              <a:gd name="connsiteX18" fmla="*/ 990600 w 1628775"/>
              <a:gd name="connsiteY18" fmla="*/ 904876 h 1390651"/>
              <a:gd name="connsiteX19" fmla="*/ 885825 w 1628775"/>
              <a:gd name="connsiteY19" fmla="*/ 1000126 h 1390651"/>
              <a:gd name="connsiteX20" fmla="*/ 847725 w 1628775"/>
              <a:gd name="connsiteY20" fmla="*/ 1009651 h 1390651"/>
              <a:gd name="connsiteX21" fmla="*/ 819150 w 1628775"/>
              <a:gd name="connsiteY21" fmla="*/ 1028701 h 1390651"/>
              <a:gd name="connsiteX22" fmla="*/ 766762 w 1628775"/>
              <a:gd name="connsiteY22" fmla="*/ 1085851 h 1390651"/>
              <a:gd name="connsiteX23" fmla="*/ 742950 w 1628775"/>
              <a:gd name="connsiteY23" fmla="*/ 1123951 h 1390651"/>
              <a:gd name="connsiteX24" fmla="*/ 709612 w 1628775"/>
              <a:gd name="connsiteY24" fmla="*/ 1162051 h 1390651"/>
              <a:gd name="connsiteX25" fmla="*/ 623887 w 1628775"/>
              <a:gd name="connsiteY25" fmla="*/ 1195388 h 1390651"/>
              <a:gd name="connsiteX26" fmla="*/ 571500 w 1628775"/>
              <a:gd name="connsiteY26" fmla="*/ 1247776 h 1390651"/>
              <a:gd name="connsiteX27" fmla="*/ 504825 w 1628775"/>
              <a:gd name="connsiteY27" fmla="*/ 1281113 h 1390651"/>
              <a:gd name="connsiteX28" fmla="*/ 481012 w 1628775"/>
              <a:gd name="connsiteY28" fmla="*/ 1304926 h 1390651"/>
              <a:gd name="connsiteX29" fmla="*/ 428625 w 1628775"/>
              <a:gd name="connsiteY29" fmla="*/ 1343026 h 1390651"/>
              <a:gd name="connsiteX30" fmla="*/ 376237 w 1628775"/>
              <a:gd name="connsiteY30" fmla="*/ 1357313 h 1390651"/>
              <a:gd name="connsiteX31" fmla="*/ 357187 w 1628775"/>
              <a:gd name="connsiteY31" fmla="*/ 1371601 h 1390651"/>
              <a:gd name="connsiteX32" fmla="*/ 323850 w 1628775"/>
              <a:gd name="connsiteY32" fmla="*/ 1390651 h 1390651"/>
              <a:gd name="connsiteX33" fmla="*/ 290512 w 1628775"/>
              <a:gd name="connsiteY33" fmla="*/ 1390651 h 1390651"/>
              <a:gd name="connsiteX34" fmla="*/ 266700 w 1628775"/>
              <a:gd name="connsiteY34" fmla="*/ 1390651 h 1390651"/>
              <a:gd name="connsiteX35" fmla="*/ 200025 w 1628775"/>
              <a:gd name="connsiteY35" fmla="*/ 1362076 h 1390651"/>
              <a:gd name="connsiteX36" fmla="*/ 166687 w 1628775"/>
              <a:gd name="connsiteY36" fmla="*/ 1328738 h 1390651"/>
              <a:gd name="connsiteX37" fmla="*/ 152400 w 1628775"/>
              <a:gd name="connsiteY37" fmla="*/ 1285876 h 1390651"/>
              <a:gd name="connsiteX38" fmla="*/ 109537 w 1628775"/>
              <a:gd name="connsiteY38" fmla="*/ 1209676 h 1390651"/>
              <a:gd name="connsiteX39" fmla="*/ 57150 w 1628775"/>
              <a:gd name="connsiteY39" fmla="*/ 1123951 h 1390651"/>
              <a:gd name="connsiteX40" fmla="*/ 0 w 1628775"/>
              <a:gd name="connsiteY40" fmla="*/ 1085851 h 1390651"/>
              <a:gd name="connsiteX41" fmla="*/ 0 w 1628775"/>
              <a:gd name="connsiteY41" fmla="*/ 1085851 h 1390651"/>
              <a:gd name="connsiteX0" fmla="*/ 1640681 w 1640681"/>
              <a:gd name="connsiteY0" fmla="*/ 0 h 1381126"/>
              <a:gd name="connsiteX1" fmla="*/ 1624011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40681 w 1640681"/>
              <a:gd name="connsiteY0" fmla="*/ 0 h 1381126"/>
              <a:gd name="connsiteX1" fmla="*/ 1631155 w 1640681"/>
              <a:gd name="connsiteY1" fmla="*/ 38101 h 1381126"/>
              <a:gd name="connsiteX2" fmla="*/ 1607343 w 1640681"/>
              <a:gd name="connsiteY2" fmla="*/ 64295 h 1381126"/>
              <a:gd name="connsiteX3" fmla="*/ 1593056 w 1640681"/>
              <a:gd name="connsiteY3" fmla="*/ 78583 h 1381126"/>
              <a:gd name="connsiteX4" fmla="*/ 1574007 w 1640681"/>
              <a:gd name="connsiteY4" fmla="*/ 107157 h 1381126"/>
              <a:gd name="connsiteX5" fmla="*/ 1554956 w 1640681"/>
              <a:gd name="connsiteY5" fmla="*/ 140494 h 1381126"/>
              <a:gd name="connsiteX6" fmla="*/ 1526381 w 1640681"/>
              <a:gd name="connsiteY6" fmla="*/ 192882 h 1381126"/>
              <a:gd name="connsiteX7" fmla="*/ 1481138 w 1640681"/>
              <a:gd name="connsiteY7" fmla="*/ 245269 h 1381126"/>
              <a:gd name="connsiteX8" fmla="*/ 1457325 w 1640681"/>
              <a:gd name="connsiteY8" fmla="*/ 276226 h 1381126"/>
              <a:gd name="connsiteX9" fmla="*/ 1421605 w 1640681"/>
              <a:gd name="connsiteY9" fmla="*/ 330994 h 1381126"/>
              <a:gd name="connsiteX10" fmla="*/ 1383506 w 1640681"/>
              <a:gd name="connsiteY10" fmla="*/ 381001 h 1381126"/>
              <a:gd name="connsiteX11" fmla="*/ 1347787 w 1640681"/>
              <a:gd name="connsiteY11" fmla="*/ 419101 h 1381126"/>
              <a:gd name="connsiteX12" fmla="*/ 1281112 w 1640681"/>
              <a:gd name="connsiteY12" fmla="*/ 566738 h 1381126"/>
              <a:gd name="connsiteX13" fmla="*/ 1247775 w 1640681"/>
              <a:gd name="connsiteY13" fmla="*/ 614363 h 1381126"/>
              <a:gd name="connsiteX14" fmla="*/ 1209675 w 1640681"/>
              <a:gd name="connsiteY14" fmla="*/ 661988 h 1381126"/>
              <a:gd name="connsiteX15" fmla="*/ 1166812 w 1640681"/>
              <a:gd name="connsiteY15" fmla="*/ 695326 h 1381126"/>
              <a:gd name="connsiteX16" fmla="*/ 1114425 w 1640681"/>
              <a:gd name="connsiteY16" fmla="*/ 757238 h 1381126"/>
              <a:gd name="connsiteX17" fmla="*/ 1066800 w 1640681"/>
              <a:gd name="connsiteY17" fmla="*/ 809626 h 1381126"/>
              <a:gd name="connsiteX18" fmla="*/ 990600 w 1640681"/>
              <a:gd name="connsiteY18" fmla="*/ 895351 h 1381126"/>
              <a:gd name="connsiteX19" fmla="*/ 885825 w 1640681"/>
              <a:gd name="connsiteY19" fmla="*/ 990601 h 1381126"/>
              <a:gd name="connsiteX20" fmla="*/ 847725 w 1640681"/>
              <a:gd name="connsiteY20" fmla="*/ 1000126 h 1381126"/>
              <a:gd name="connsiteX21" fmla="*/ 819150 w 1640681"/>
              <a:gd name="connsiteY21" fmla="*/ 1019176 h 1381126"/>
              <a:gd name="connsiteX22" fmla="*/ 766762 w 1640681"/>
              <a:gd name="connsiteY22" fmla="*/ 1076326 h 1381126"/>
              <a:gd name="connsiteX23" fmla="*/ 742950 w 1640681"/>
              <a:gd name="connsiteY23" fmla="*/ 1114426 h 1381126"/>
              <a:gd name="connsiteX24" fmla="*/ 709612 w 1640681"/>
              <a:gd name="connsiteY24" fmla="*/ 1152526 h 1381126"/>
              <a:gd name="connsiteX25" fmla="*/ 623887 w 1640681"/>
              <a:gd name="connsiteY25" fmla="*/ 1185863 h 1381126"/>
              <a:gd name="connsiteX26" fmla="*/ 571500 w 1640681"/>
              <a:gd name="connsiteY26" fmla="*/ 1238251 h 1381126"/>
              <a:gd name="connsiteX27" fmla="*/ 504825 w 1640681"/>
              <a:gd name="connsiteY27" fmla="*/ 1271588 h 1381126"/>
              <a:gd name="connsiteX28" fmla="*/ 481012 w 1640681"/>
              <a:gd name="connsiteY28" fmla="*/ 1295401 h 1381126"/>
              <a:gd name="connsiteX29" fmla="*/ 428625 w 1640681"/>
              <a:gd name="connsiteY29" fmla="*/ 1333501 h 1381126"/>
              <a:gd name="connsiteX30" fmla="*/ 376237 w 1640681"/>
              <a:gd name="connsiteY30" fmla="*/ 1347788 h 1381126"/>
              <a:gd name="connsiteX31" fmla="*/ 357187 w 1640681"/>
              <a:gd name="connsiteY31" fmla="*/ 1362076 h 1381126"/>
              <a:gd name="connsiteX32" fmla="*/ 323850 w 1640681"/>
              <a:gd name="connsiteY32" fmla="*/ 1381126 h 1381126"/>
              <a:gd name="connsiteX33" fmla="*/ 290512 w 1640681"/>
              <a:gd name="connsiteY33" fmla="*/ 1381126 h 1381126"/>
              <a:gd name="connsiteX34" fmla="*/ 266700 w 1640681"/>
              <a:gd name="connsiteY34" fmla="*/ 1381126 h 1381126"/>
              <a:gd name="connsiteX35" fmla="*/ 200025 w 1640681"/>
              <a:gd name="connsiteY35" fmla="*/ 1352551 h 1381126"/>
              <a:gd name="connsiteX36" fmla="*/ 166687 w 1640681"/>
              <a:gd name="connsiteY36" fmla="*/ 1319213 h 1381126"/>
              <a:gd name="connsiteX37" fmla="*/ 152400 w 1640681"/>
              <a:gd name="connsiteY37" fmla="*/ 1276351 h 1381126"/>
              <a:gd name="connsiteX38" fmla="*/ 109537 w 1640681"/>
              <a:gd name="connsiteY38" fmla="*/ 1200151 h 1381126"/>
              <a:gd name="connsiteX39" fmla="*/ 57150 w 1640681"/>
              <a:gd name="connsiteY39" fmla="*/ 1114426 h 1381126"/>
              <a:gd name="connsiteX40" fmla="*/ 0 w 1640681"/>
              <a:gd name="connsiteY40" fmla="*/ 1076326 h 1381126"/>
              <a:gd name="connsiteX41" fmla="*/ 0 w 1640681"/>
              <a:gd name="connsiteY41" fmla="*/ 1076326 h 1381126"/>
              <a:gd name="connsiteX0" fmla="*/ 1652587 w 1652587"/>
              <a:gd name="connsiteY0" fmla="*/ 0 h 1381126"/>
              <a:gd name="connsiteX1" fmla="*/ 1631155 w 1652587"/>
              <a:gd name="connsiteY1" fmla="*/ 38101 h 1381126"/>
              <a:gd name="connsiteX2" fmla="*/ 1607343 w 1652587"/>
              <a:gd name="connsiteY2" fmla="*/ 64295 h 1381126"/>
              <a:gd name="connsiteX3" fmla="*/ 1593056 w 1652587"/>
              <a:gd name="connsiteY3" fmla="*/ 78583 h 1381126"/>
              <a:gd name="connsiteX4" fmla="*/ 1574007 w 1652587"/>
              <a:gd name="connsiteY4" fmla="*/ 107157 h 1381126"/>
              <a:gd name="connsiteX5" fmla="*/ 1554956 w 1652587"/>
              <a:gd name="connsiteY5" fmla="*/ 140494 h 1381126"/>
              <a:gd name="connsiteX6" fmla="*/ 1526381 w 1652587"/>
              <a:gd name="connsiteY6" fmla="*/ 192882 h 1381126"/>
              <a:gd name="connsiteX7" fmla="*/ 1481138 w 1652587"/>
              <a:gd name="connsiteY7" fmla="*/ 245269 h 1381126"/>
              <a:gd name="connsiteX8" fmla="*/ 1457325 w 1652587"/>
              <a:gd name="connsiteY8" fmla="*/ 276226 h 1381126"/>
              <a:gd name="connsiteX9" fmla="*/ 1421605 w 1652587"/>
              <a:gd name="connsiteY9" fmla="*/ 330994 h 1381126"/>
              <a:gd name="connsiteX10" fmla="*/ 1383506 w 1652587"/>
              <a:gd name="connsiteY10" fmla="*/ 381001 h 1381126"/>
              <a:gd name="connsiteX11" fmla="*/ 1347787 w 1652587"/>
              <a:gd name="connsiteY11" fmla="*/ 419101 h 1381126"/>
              <a:gd name="connsiteX12" fmla="*/ 1281112 w 1652587"/>
              <a:gd name="connsiteY12" fmla="*/ 566738 h 1381126"/>
              <a:gd name="connsiteX13" fmla="*/ 1247775 w 1652587"/>
              <a:gd name="connsiteY13" fmla="*/ 614363 h 1381126"/>
              <a:gd name="connsiteX14" fmla="*/ 1209675 w 1652587"/>
              <a:gd name="connsiteY14" fmla="*/ 661988 h 1381126"/>
              <a:gd name="connsiteX15" fmla="*/ 1166812 w 1652587"/>
              <a:gd name="connsiteY15" fmla="*/ 695326 h 1381126"/>
              <a:gd name="connsiteX16" fmla="*/ 1114425 w 1652587"/>
              <a:gd name="connsiteY16" fmla="*/ 757238 h 1381126"/>
              <a:gd name="connsiteX17" fmla="*/ 1066800 w 1652587"/>
              <a:gd name="connsiteY17" fmla="*/ 809626 h 1381126"/>
              <a:gd name="connsiteX18" fmla="*/ 990600 w 1652587"/>
              <a:gd name="connsiteY18" fmla="*/ 895351 h 1381126"/>
              <a:gd name="connsiteX19" fmla="*/ 885825 w 1652587"/>
              <a:gd name="connsiteY19" fmla="*/ 990601 h 1381126"/>
              <a:gd name="connsiteX20" fmla="*/ 847725 w 1652587"/>
              <a:gd name="connsiteY20" fmla="*/ 1000126 h 1381126"/>
              <a:gd name="connsiteX21" fmla="*/ 819150 w 1652587"/>
              <a:gd name="connsiteY21" fmla="*/ 1019176 h 1381126"/>
              <a:gd name="connsiteX22" fmla="*/ 766762 w 1652587"/>
              <a:gd name="connsiteY22" fmla="*/ 1076326 h 1381126"/>
              <a:gd name="connsiteX23" fmla="*/ 742950 w 1652587"/>
              <a:gd name="connsiteY23" fmla="*/ 1114426 h 1381126"/>
              <a:gd name="connsiteX24" fmla="*/ 709612 w 1652587"/>
              <a:gd name="connsiteY24" fmla="*/ 1152526 h 1381126"/>
              <a:gd name="connsiteX25" fmla="*/ 623887 w 1652587"/>
              <a:gd name="connsiteY25" fmla="*/ 1185863 h 1381126"/>
              <a:gd name="connsiteX26" fmla="*/ 571500 w 1652587"/>
              <a:gd name="connsiteY26" fmla="*/ 1238251 h 1381126"/>
              <a:gd name="connsiteX27" fmla="*/ 504825 w 1652587"/>
              <a:gd name="connsiteY27" fmla="*/ 1271588 h 1381126"/>
              <a:gd name="connsiteX28" fmla="*/ 481012 w 1652587"/>
              <a:gd name="connsiteY28" fmla="*/ 1295401 h 1381126"/>
              <a:gd name="connsiteX29" fmla="*/ 428625 w 1652587"/>
              <a:gd name="connsiteY29" fmla="*/ 1333501 h 1381126"/>
              <a:gd name="connsiteX30" fmla="*/ 376237 w 1652587"/>
              <a:gd name="connsiteY30" fmla="*/ 1347788 h 1381126"/>
              <a:gd name="connsiteX31" fmla="*/ 357187 w 1652587"/>
              <a:gd name="connsiteY31" fmla="*/ 1362076 h 1381126"/>
              <a:gd name="connsiteX32" fmla="*/ 323850 w 1652587"/>
              <a:gd name="connsiteY32" fmla="*/ 1381126 h 1381126"/>
              <a:gd name="connsiteX33" fmla="*/ 290512 w 1652587"/>
              <a:gd name="connsiteY33" fmla="*/ 1381126 h 1381126"/>
              <a:gd name="connsiteX34" fmla="*/ 266700 w 1652587"/>
              <a:gd name="connsiteY34" fmla="*/ 1381126 h 1381126"/>
              <a:gd name="connsiteX35" fmla="*/ 200025 w 1652587"/>
              <a:gd name="connsiteY35" fmla="*/ 1352551 h 1381126"/>
              <a:gd name="connsiteX36" fmla="*/ 166687 w 1652587"/>
              <a:gd name="connsiteY36" fmla="*/ 1319213 h 1381126"/>
              <a:gd name="connsiteX37" fmla="*/ 152400 w 1652587"/>
              <a:gd name="connsiteY37" fmla="*/ 1276351 h 1381126"/>
              <a:gd name="connsiteX38" fmla="*/ 109537 w 1652587"/>
              <a:gd name="connsiteY38" fmla="*/ 1200151 h 1381126"/>
              <a:gd name="connsiteX39" fmla="*/ 57150 w 1652587"/>
              <a:gd name="connsiteY39" fmla="*/ 1114426 h 1381126"/>
              <a:gd name="connsiteX40" fmla="*/ 0 w 1652587"/>
              <a:gd name="connsiteY40" fmla="*/ 1076326 h 1381126"/>
              <a:gd name="connsiteX41" fmla="*/ 0 w 1652587"/>
              <a:gd name="connsiteY41" fmla="*/ 1076326 h 1381126"/>
              <a:gd name="connsiteX0" fmla="*/ 1652587 w 1652587"/>
              <a:gd name="connsiteY0" fmla="*/ 0 h 1366839"/>
              <a:gd name="connsiteX1" fmla="*/ 1631155 w 1652587"/>
              <a:gd name="connsiteY1" fmla="*/ 23814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0008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64296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4007 w 1652587"/>
              <a:gd name="connsiteY4" fmla="*/ 92870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26207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31155 w 1652587"/>
              <a:gd name="connsiteY1" fmla="*/ 33339 h 1366839"/>
              <a:gd name="connsiteX2" fmla="*/ 1607343 w 1652587"/>
              <a:gd name="connsiteY2" fmla="*/ 57152 h 1366839"/>
              <a:gd name="connsiteX3" fmla="*/ 1593056 w 1652587"/>
              <a:gd name="connsiteY3" fmla="*/ 76202 h 1366839"/>
              <a:gd name="connsiteX4" fmla="*/ 1578769 w 1652587"/>
              <a:gd name="connsiteY4" fmla="*/ 100014 h 1366839"/>
              <a:gd name="connsiteX5" fmla="*/ 1554956 w 1652587"/>
              <a:gd name="connsiteY5" fmla="*/ 135732 h 1366839"/>
              <a:gd name="connsiteX6" fmla="*/ 1526381 w 1652587"/>
              <a:gd name="connsiteY6" fmla="*/ 178595 h 1366839"/>
              <a:gd name="connsiteX7" fmla="*/ 1481138 w 1652587"/>
              <a:gd name="connsiteY7" fmla="*/ 230982 h 1366839"/>
              <a:gd name="connsiteX8" fmla="*/ 1457325 w 1652587"/>
              <a:gd name="connsiteY8" fmla="*/ 261939 h 1366839"/>
              <a:gd name="connsiteX9" fmla="*/ 1421605 w 1652587"/>
              <a:gd name="connsiteY9" fmla="*/ 316707 h 1366839"/>
              <a:gd name="connsiteX10" fmla="*/ 1383506 w 1652587"/>
              <a:gd name="connsiteY10" fmla="*/ 366714 h 1366839"/>
              <a:gd name="connsiteX11" fmla="*/ 1347787 w 1652587"/>
              <a:gd name="connsiteY11" fmla="*/ 404814 h 1366839"/>
              <a:gd name="connsiteX12" fmla="*/ 1281112 w 1652587"/>
              <a:gd name="connsiteY12" fmla="*/ 552451 h 1366839"/>
              <a:gd name="connsiteX13" fmla="*/ 1247775 w 1652587"/>
              <a:gd name="connsiteY13" fmla="*/ 600076 h 1366839"/>
              <a:gd name="connsiteX14" fmla="*/ 1209675 w 1652587"/>
              <a:gd name="connsiteY14" fmla="*/ 647701 h 1366839"/>
              <a:gd name="connsiteX15" fmla="*/ 1166812 w 1652587"/>
              <a:gd name="connsiteY15" fmla="*/ 681039 h 1366839"/>
              <a:gd name="connsiteX16" fmla="*/ 1114425 w 1652587"/>
              <a:gd name="connsiteY16" fmla="*/ 742951 h 1366839"/>
              <a:gd name="connsiteX17" fmla="*/ 1066800 w 1652587"/>
              <a:gd name="connsiteY17" fmla="*/ 795339 h 1366839"/>
              <a:gd name="connsiteX18" fmla="*/ 990600 w 1652587"/>
              <a:gd name="connsiteY18" fmla="*/ 881064 h 1366839"/>
              <a:gd name="connsiteX19" fmla="*/ 885825 w 1652587"/>
              <a:gd name="connsiteY19" fmla="*/ 976314 h 1366839"/>
              <a:gd name="connsiteX20" fmla="*/ 847725 w 1652587"/>
              <a:gd name="connsiteY20" fmla="*/ 985839 h 1366839"/>
              <a:gd name="connsiteX21" fmla="*/ 819150 w 1652587"/>
              <a:gd name="connsiteY21" fmla="*/ 1004889 h 1366839"/>
              <a:gd name="connsiteX22" fmla="*/ 766762 w 1652587"/>
              <a:gd name="connsiteY22" fmla="*/ 1062039 h 1366839"/>
              <a:gd name="connsiteX23" fmla="*/ 742950 w 1652587"/>
              <a:gd name="connsiteY23" fmla="*/ 1100139 h 1366839"/>
              <a:gd name="connsiteX24" fmla="*/ 709612 w 1652587"/>
              <a:gd name="connsiteY24" fmla="*/ 1138239 h 1366839"/>
              <a:gd name="connsiteX25" fmla="*/ 623887 w 1652587"/>
              <a:gd name="connsiteY25" fmla="*/ 1171576 h 1366839"/>
              <a:gd name="connsiteX26" fmla="*/ 571500 w 1652587"/>
              <a:gd name="connsiteY26" fmla="*/ 1223964 h 1366839"/>
              <a:gd name="connsiteX27" fmla="*/ 504825 w 1652587"/>
              <a:gd name="connsiteY27" fmla="*/ 1257301 h 1366839"/>
              <a:gd name="connsiteX28" fmla="*/ 481012 w 1652587"/>
              <a:gd name="connsiteY28" fmla="*/ 1281114 h 1366839"/>
              <a:gd name="connsiteX29" fmla="*/ 428625 w 1652587"/>
              <a:gd name="connsiteY29" fmla="*/ 1319214 h 1366839"/>
              <a:gd name="connsiteX30" fmla="*/ 376237 w 1652587"/>
              <a:gd name="connsiteY30" fmla="*/ 1333501 h 1366839"/>
              <a:gd name="connsiteX31" fmla="*/ 357187 w 1652587"/>
              <a:gd name="connsiteY31" fmla="*/ 1347789 h 1366839"/>
              <a:gd name="connsiteX32" fmla="*/ 323850 w 1652587"/>
              <a:gd name="connsiteY32" fmla="*/ 1366839 h 1366839"/>
              <a:gd name="connsiteX33" fmla="*/ 290512 w 1652587"/>
              <a:gd name="connsiteY33" fmla="*/ 1366839 h 1366839"/>
              <a:gd name="connsiteX34" fmla="*/ 266700 w 1652587"/>
              <a:gd name="connsiteY34" fmla="*/ 1366839 h 1366839"/>
              <a:gd name="connsiteX35" fmla="*/ 200025 w 1652587"/>
              <a:gd name="connsiteY35" fmla="*/ 1338264 h 1366839"/>
              <a:gd name="connsiteX36" fmla="*/ 166687 w 1652587"/>
              <a:gd name="connsiteY36" fmla="*/ 1304926 h 1366839"/>
              <a:gd name="connsiteX37" fmla="*/ 152400 w 1652587"/>
              <a:gd name="connsiteY37" fmla="*/ 1262064 h 1366839"/>
              <a:gd name="connsiteX38" fmla="*/ 109537 w 1652587"/>
              <a:gd name="connsiteY38" fmla="*/ 1185864 h 1366839"/>
              <a:gd name="connsiteX39" fmla="*/ 57150 w 1652587"/>
              <a:gd name="connsiteY39" fmla="*/ 1100139 h 1366839"/>
              <a:gd name="connsiteX40" fmla="*/ 0 w 1652587"/>
              <a:gd name="connsiteY40" fmla="*/ 1062039 h 1366839"/>
              <a:gd name="connsiteX41" fmla="*/ 0 w 1652587"/>
              <a:gd name="connsiteY41" fmla="*/ 1062039 h 1366839"/>
              <a:gd name="connsiteX0" fmla="*/ 1652587 w 1652587"/>
              <a:gd name="connsiteY0" fmla="*/ 0 h 1366839"/>
              <a:gd name="connsiteX1" fmla="*/ 1607343 w 1652587"/>
              <a:gd name="connsiteY1" fmla="*/ 57152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8769 w 1652587"/>
              <a:gd name="connsiteY3" fmla="*/ 100014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593056 w 1652587"/>
              <a:gd name="connsiteY2" fmla="*/ 76202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24012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66839"/>
              <a:gd name="connsiteX1" fmla="*/ 1631155 w 1652587"/>
              <a:gd name="connsiteY1" fmla="*/ 47627 h 1366839"/>
              <a:gd name="connsiteX2" fmla="*/ 1604963 w 1652587"/>
              <a:gd name="connsiteY2" fmla="*/ 66677 h 1366839"/>
              <a:gd name="connsiteX3" fmla="*/ 1571625 w 1652587"/>
              <a:gd name="connsiteY3" fmla="*/ 107157 h 1366839"/>
              <a:gd name="connsiteX4" fmla="*/ 1554956 w 1652587"/>
              <a:gd name="connsiteY4" fmla="*/ 135732 h 1366839"/>
              <a:gd name="connsiteX5" fmla="*/ 1526381 w 1652587"/>
              <a:gd name="connsiteY5" fmla="*/ 178595 h 1366839"/>
              <a:gd name="connsiteX6" fmla="*/ 1481138 w 1652587"/>
              <a:gd name="connsiteY6" fmla="*/ 230982 h 1366839"/>
              <a:gd name="connsiteX7" fmla="*/ 1457325 w 1652587"/>
              <a:gd name="connsiteY7" fmla="*/ 261939 h 1366839"/>
              <a:gd name="connsiteX8" fmla="*/ 1421605 w 1652587"/>
              <a:gd name="connsiteY8" fmla="*/ 316707 h 1366839"/>
              <a:gd name="connsiteX9" fmla="*/ 1383506 w 1652587"/>
              <a:gd name="connsiteY9" fmla="*/ 366714 h 1366839"/>
              <a:gd name="connsiteX10" fmla="*/ 1347787 w 1652587"/>
              <a:gd name="connsiteY10" fmla="*/ 404814 h 1366839"/>
              <a:gd name="connsiteX11" fmla="*/ 1281112 w 1652587"/>
              <a:gd name="connsiteY11" fmla="*/ 552451 h 1366839"/>
              <a:gd name="connsiteX12" fmla="*/ 1247775 w 1652587"/>
              <a:gd name="connsiteY12" fmla="*/ 600076 h 1366839"/>
              <a:gd name="connsiteX13" fmla="*/ 1209675 w 1652587"/>
              <a:gd name="connsiteY13" fmla="*/ 647701 h 1366839"/>
              <a:gd name="connsiteX14" fmla="*/ 1166812 w 1652587"/>
              <a:gd name="connsiteY14" fmla="*/ 681039 h 1366839"/>
              <a:gd name="connsiteX15" fmla="*/ 1114425 w 1652587"/>
              <a:gd name="connsiteY15" fmla="*/ 742951 h 1366839"/>
              <a:gd name="connsiteX16" fmla="*/ 1066800 w 1652587"/>
              <a:gd name="connsiteY16" fmla="*/ 795339 h 1366839"/>
              <a:gd name="connsiteX17" fmla="*/ 990600 w 1652587"/>
              <a:gd name="connsiteY17" fmla="*/ 881064 h 1366839"/>
              <a:gd name="connsiteX18" fmla="*/ 885825 w 1652587"/>
              <a:gd name="connsiteY18" fmla="*/ 976314 h 1366839"/>
              <a:gd name="connsiteX19" fmla="*/ 847725 w 1652587"/>
              <a:gd name="connsiteY19" fmla="*/ 985839 h 1366839"/>
              <a:gd name="connsiteX20" fmla="*/ 819150 w 1652587"/>
              <a:gd name="connsiteY20" fmla="*/ 1004889 h 1366839"/>
              <a:gd name="connsiteX21" fmla="*/ 766762 w 1652587"/>
              <a:gd name="connsiteY21" fmla="*/ 1062039 h 1366839"/>
              <a:gd name="connsiteX22" fmla="*/ 742950 w 1652587"/>
              <a:gd name="connsiteY22" fmla="*/ 1100139 h 1366839"/>
              <a:gd name="connsiteX23" fmla="*/ 709612 w 1652587"/>
              <a:gd name="connsiteY23" fmla="*/ 1138239 h 1366839"/>
              <a:gd name="connsiteX24" fmla="*/ 623887 w 1652587"/>
              <a:gd name="connsiteY24" fmla="*/ 1171576 h 1366839"/>
              <a:gd name="connsiteX25" fmla="*/ 571500 w 1652587"/>
              <a:gd name="connsiteY25" fmla="*/ 1223964 h 1366839"/>
              <a:gd name="connsiteX26" fmla="*/ 504825 w 1652587"/>
              <a:gd name="connsiteY26" fmla="*/ 1257301 h 1366839"/>
              <a:gd name="connsiteX27" fmla="*/ 481012 w 1652587"/>
              <a:gd name="connsiteY27" fmla="*/ 1281114 h 1366839"/>
              <a:gd name="connsiteX28" fmla="*/ 428625 w 1652587"/>
              <a:gd name="connsiteY28" fmla="*/ 1319214 h 1366839"/>
              <a:gd name="connsiteX29" fmla="*/ 376237 w 1652587"/>
              <a:gd name="connsiteY29" fmla="*/ 1333501 h 1366839"/>
              <a:gd name="connsiteX30" fmla="*/ 357187 w 1652587"/>
              <a:gd name="connsiteY30" fmla="*/ 1347789 h 1366839"/>
              <a:gd name="connsiteX31" fmla="*/ 323850 w 1652587"/>
              <a:gd name="connsiteY31" fmla="*/ 1366839 h 1366839"/>
              <a:gd name="connsiteX32" fmla="*/ 290512 w 1652587"/>
              <a:gd name="connsiteY32" fmla="*/ 1366839 h 1366839"/>
              <a:gd name="connsiteX33" fmla="*/ 266700 w 1652587"/>
              <a:gd name="connsiteY33" fmla="*/ 1366839 h 1366839"/>
              <a:gd name="connsiteX34" fmla="*/ 200025 w 1652587"/>
              <a:gd name="connsiteY34" fmla="*/ 1338264 h 1366839"/>
              <a:gd name="connsiteX35" fmla="*/ 166687 w 1652587"/>
              <a:gd name="connsiteY35" fmla="*/ 1304926 h 1366839"/>
              <a:gd name="connsiteX36" fmla="*/ 152400 w 1652587"/>
              <a:gd name="connsiteY36" fmla="*/ 1262064 h 1366839"/>
              <a:gd name="connsiteX37" fmla="*/ 109537 w 1652587"/>
              <a:gd name="connsiteY37" fmla="*/ 1185864 h 1366839"/>
              <a:gd name="connsiteX38" fmla="*/ 57150 w 1652587"/>
              <a:gd name="connsiteY38" fmla="*/ 1100139 h 1366839"/>
              <a:gd name="connsiteX39" fmla="*/ 0 w 1652587"/>
              <a:gd name="connsiteY39" fmla="*/ 1062039 h 1366839"/>
              <a:gd name="connsiteX40" fmla="*/ 0 w 1652587"/>
              <a:gd name="connsiteY40" fmla="*/ 1062039 h 1366839"/>
              <a:gd name="connsiteX0" fmla="*/ 1652587 w 1652587"/>
              <a:gd name="connsiteY0" fmla="*/ 0 h 1357314"/>
              <a:gd name="connsiteX1" fmla="*/ 1631155 w 1652587"/>
              <a:gd name="connsiteY1" fmla="*/ 38102 h 1357314"/>
              <a:gd name="connsiteX2" fmla="*/ 1604963 w 1652587"/>
              <a:gd name="connsiteY2" fmla="*/ 57152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38176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90551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1112 w 1652587"/>
              <a:gd name="connsiteY11" fmla="*/ 542926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47787 w 1652587"/>
              <a:gd name="connsiteY10" fmla="*/ 395289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76314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19150 w 1652587"/>
              <a:gd name="connsiteY20" fmla="*/ 995364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47725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23913 w 1652587"/>
              <a:gd name="connsiteY20" fmla="*/ 1007270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85825 w 1652587"/>
              <a:gd name="connsiteY18" fmla="*/ 966789 h 1357314"/>
              <a:gd name="connsiteX19" fmla="*/ 854869 w 1652587"/>
              <a:gd name="connsiteY19" fmla="*/ 985839 h 1357314"/>
              <a:gd name="connsiteX20" fmla="*/ 819150 w 1652587"/>
              <a:gd name="connsiteY20" fmla="*/ 1021557 h 1357314"/>
              <a:gd name="connsiteX21" fmla="*/ 766762 w 1652587"/>
              <a:gd name="connsiteY21" fmla="*/ 1052514 h 1357314"/>
              <a:gd name="connsiteX22" fmla="*/ 742950 w 1652587"/>
              <a:gd name="connsiteY22" fmla="*/ 1090614 h 1357314"/>
              <a:gd name="connsiteX23" fmla="*/ 709612 w 1652587"/>
              <a:gd name="connsiteY23" fmla="*/ 1128714 h 1357314"/>
              <a:gd name="connsiteX24" fmla="*/ 623887 w 1652587"/>
              <a:gd name="connsiteY24" fmla="*/ 1162051 h 1357314"/>
              <a:gd name="connsiteX25" fmla="*/ 571500 w 1652587"/>
              <a:gd name="connsiteY25" fmla="*/ 1214439 h 1357314"/>
              <a:gd name="connsiteX26" fmla="*/ 504825 w 1652587"/>
              <a:gd name="connsiteY26" fmla="*/ 1247776 h 1357314"/>
              <a:gd name="connsiteX27" fmla="*/ 481012 w 1652587"/>
              <a:gd name="connsiteY27" fmla="*/ 1271589 h 1357314"/>
              <a:gd name="connsiteX28" fmla="*/ 428625 w 1652587"/>
              <a:gd name="connsiteY28" fmla="*/ 1309689 h 1357314"/>
              <a:gd name="connsiteX29" fmla="*/ 376237 w 1652587"/>
              <a:gd name="connsiteY29" fmla="*/ 1323976 h 1357314"/>
              <a:gd name="connsiteX30" fmla="*/ 357187 w 1652587"/>
              <a:gd name="connsiteY30" fmla="*/ 1338264 h 1357314"/>
              <a:gd name="connsiteX31" fmla="*/ 323850 w 1652587"/>
              <a:gd name="connsiteY31" fmla="*/ 1357314 h 1357314"/>
              <a:gd name="connsiteX32" fmla="*/ 290512 w 1652587"/>
              <a:gd name="connsiteY32" fmla="*/ 1357314 h 1357314"/>
              <a:gd name="connsiteX33" fmla="*/ 266700 w 1652587"/>
              <a:gd name="connsiteY33" fmla="*/ 1357314 h 1357314"/>
              <a:gd name="connsiteX34" fmla="*/ 200025 w 1652587"/>
              <a:gd name="connsiteY34" fmla="*/ 1328739 h 1357314"/>
              <a:gd name="connsiteX35" fmla="*/ 166687 w 1652587"/>
              <a:gd name="connsiteY35" fmla="*/ 1295401 h 1357314"/>
              <a:gd name="connsiteX36" fmla="*/ 152400 w 1652587"/>
              <a:gd name="connsiteY36" fmla="*/ 1252539 h 1357314"/>
              <a:gd name="connsiteX37" fmla="*/ 109537 w 1652587"/>
              <a:gd name="connsiteY37" fmla="*/ 1176339 h 1357314"/>
              <a:gd name="connsiteX38" fmla="*/ 57150 w 1652587"/>
              <a:gd name="connsiteY38" fmla="*/ 1090614 h 1357314"/>
              <a:gd name="connsiteX39" fmla="*/ 0 w 1652587"/>
              <a:gd name="connsiteY39" fmla="*/ 1052514 h 1357314"/>
              <a:gd name="connsiteX40" fmla="*/ 0 w 1652587"/>
              <a:gd name="connsiteY40"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54869 w 1652587"/>
              <a:gd name="connsiteY18" fmla="*/ 985839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6762 w 1652587"/>
              <a:gd name="connsiteY20" fmla="*/ 1052514 h 1357314"/>
              <a:gd name="connsiteX21" fmla="*/ 742950 w 1652587"/>
              <a:gd name="connsiteY21" fmla="*/ 1090614 h 1357314"/>
              <a:gd name="connsiteX22" fmla="*/ 709612 w 1652587"/>
              <a:gd name="connsiteY22" fmla="*/ 1128714 h 1357314"/>
              <a:gd name="connsiteX23" fmla="*/ 623887 w 1652587"/>
              <a:gd name="connsiteY23" fmla="*/ 1162051 h 1357314"/>
              <a:gd name="connsiteX24" fmla="*/ 571500 w 1652587"/>
              <a:gd name="connsiteY24" fmla="*/ 1214439 h 1357314"/>
              <a:gd name="connsiteX25" fmla="*/ 504825 w 1652587"/>
              <a:gd name="connsiteY25" fmla="*/ 1247776 h 1357314"/>
              <a:gd name="connsiteX26" fmla="*/ 481012 w 1652587"/>
              <a:gd name="connsiteY26" fmla="*/ 1271589 h 1357314"/>
              <a:gd name="connsiteX27" fmla="*/ 428625 w 1652587"/>
              <a:gd name="connsiteY27" fmla="*/ 1309689 h 1357314"/>
              <a:gd name="connsiteX28" fmla="*/ 376237 w 1652587"/>
              <a:gd name="connsiteY28" fmla="*/ 1323976 h 1357314"/>
              <a:gd name="connsiteX29" fmla="*/ 357187 w 1652587"/>
              <a:gd name="connsiteY29" fmla="*/ 1338264 h 1357314"/>
              <a:gd name="connsiteX30" fmla="*/ 323850 w 1652587"/>
              <a:gd name="connsiteY30" fmla="*/ 1357314 h 1357314"/>
              <a:gd name="connsiteX31" fmla="*/ 290512 w 1652587"/>
              <a:gd name="connsiteY31" fmla="*/ 1357314 h 1357314"/>
              <a:gd name="connsiteX32" fmla="*/ 266700 w 1652587"/>
              <a:gd name="connsiteY32" fmla="*/ 1357314 h 1357314"/>
              <a:gd name="connsiteX33" fmla="*/ 200025 w 1652587"/>
              <a:gd name="connsiteY33" fmla="*/ 1328739 h 1357314"/>
              <a:gd name="connsiteX34" fmla="*/ 166687 w 1652587"/>
              <a:gd name="connsiteY34" fmla="*/ 1295401 h 1357314"/>
              <a:gd name="connsiteX35" fmla="*/ 152400 w 1652587"/>
              <a:gd name="connsiteY35" fmla="*/ 1252539 h 1357314"/>
              <a:gd name="connsiteX36" fmla="*/ 109537 w 1652587"/>
              <a:gd name="connsiteY36" fmla="*/ 1176339 h 1357314"/>
              <a:gd name="connsiteX37" fmla="*/ 57150 w 1652587"/>
              <a:gd name="connsiteY37" fmla="*/ 1090614 h 1357314"/>
              <a:gd name="connsiteX38" fmla="*/ 0 w 1652587"/>
              <a:gd name="connsiteY38" fmla="*/ 1052514 h 1357314"/>
              <a:gd name="connsiteX39" fmla="*/ 0 w 1652587"/>
              <a:gd name="connsiteY39"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09612 w 1652587"/>
              <a:gd name="connsiteY21" fmla="*/ 1128714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42950 w 1652587"/>
              <a:gd name="connsiteY20" fmla="*/ 1090614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083470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19150 w 1652587"/>
              <a:gd name="connsiteY19" fmla="*/ 1021557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764382 w 1652587"/>
              <a:gd name="connsiteY19" fmla="*/ 1104901 h 1357314"/>
              <a:gd name="connsiteX20" fmla="*/ 711993 w 1652587"/>
              <a:gd name="connsiteY20" fmla="*/ 1135858 h 1357314"/>
              <a:gd name="connsiteX21" fmla="*/ 623887 w 1652587"/>
              <a:gd name="connsiteY21" fmla="*/ 1162051 h 1357314"/>
              <a:gd name="connsiteX22" fmla="*/ 571500 w 1652587"/>
              <a:gd name="connsiteY22" fmla="*/ 1214439 h 1357314"/>
              <a:gd name="connsiteX23" fmla="*/ 504825 w 1652587"/>
              <a:gd name="connsiteY23" fmla="*/ 1247776 h 1357314"/>
              <a:gd name="connsiteX24" fmla="*/ 481012 w 1652587"/>
              <a:gd name="connsiteY24" fmla="*/ 1271589 h 1357314"/>
              <a:gd name="connsiteX25" fmla="*/ 428625 w 1652587"/>
              <a:gd name="connsiteY25" fmla="*/ 1309689 h 1357314"/>
              <a:gd name="connsiteX26" fmla="*/ 376237 w 1652587"/>
              <a:gd name="connsiteY26" fmla="*/ 1323976 h 1357314"/>
              <a:gd name="connsiteX27" fmla="*/ 357187 w 1652587"/>
              <a:gd name="connsiteY27" fmla="*/ 1338264 h 1357314"/>
              <a:gd name="connsiteX28" fmla="*/ 323850 w 1652587"/>
              <a:gd name="connsiteY28" fmla="*/ 135731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323850 w 1652587"/>
              <a:gd name="connsiteY29" fmla="*/ 1357314 h 1357314"/>
              <a:gd name="connsiteX30" fmla="*/ 290512 w 1652587"/>
              <a:gd name="connsiteY30" fmla="*/ 1357314 h 1357314"/>
              <a:gd name="connsiteX31" fmla="*/ 266700 w 1652587"/>
              <a:gd name="connsiteY31" fmla="*/ 1357314 h 1357314"/>
              <a:gd name="connsiteX32" fmla="*/ 200025 w 1652587"/>
              <a:gd name="connsiteY32" fmla="*/ 1328739 h 1357314"/>
              <a:gd name="connsiteX33" fmla="*/ 166687 w 1652587"/>
              <a:gd name="connsiteY33" fmla="*/ 1295401 h 1357314"/>
              <a:gd name="connsiteX34" fmla="*/ 152400 w 1652587"/>
              <a:gd name="connsiteY34" fmla="*/ 1252539 h 1357314"/>
              <a:gd name="connsiteX35" fmla="*/ 109537 w 1652587"/>
              <a:gd name="connsiteY35" fmla="*/ 1176339 h 1357314"/>
              <a:gd name="connsiteX36" fmla="*/ 57150 w 1652587"/>
              <a:gd name="connsiteY36" fmla="*/ 1090614 h 1357314"/>
              <a:gd name="connsiteX37" fmla="*/ 0 w 1652587"/>
              <a:gd name="connsiteY37" fmla="*/ 1052514 h 1357314"/>
              <a:gd name="connsiteX38" fmla="*/ 0 w 1652587"/>
              <a:gd name="connsiteY38"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90512 w 1652587"/>
              <a:gd name="connsiteY29" fmla="*/ 1357314 h 1357314"/>
              <a:gd name="connsiteX30" fmla="*/ 266700 w 1652587"/>
              <a:gd name="connsiteY30" fmla="*/ 1357314 h 1357314"/>
              <a:gd name="connsiteX31" fmla="*/ 200025 w 1652587"/>
              <a:gd name="connsiteY31" fmla="*/ 1328739 h 1357314"/>
              <a:gd name="connsiteX32" fmla="*/ 166687 w 1652587"/>
              <a:gd name="connsiteY32" fmla="*/ 1295401 h 1357314"/>
              <a:gd name="connsiteX33" fmla="*/ 152400 w 1652587"/>
              <a:gd name="connsiteY33" fmla="*/ 1252539 h 1357314"/>
              <a:gd name="connsiteX34" fmla="*/ 109537 w 1652587"/>
              <a:gd name="connsiteY34" fmla="*/ 1176339 h 1357314"/>
              <a:gd name="connsiteX35" fmla="*/ 57150 w 1652587"/>
              <a:gd name="connsiteY35" fmla="*/ 1090614 h 1357314"/>
              <a:gd name="connsiteX36" fmla="*/ 0 w 1652587"/>
              <a:gd name="connsiteY36" fmla="*/ 1052514 h 1357314"/>
              <a:gd name="connsiteX37" fmla="*/ 0 w 1652587"/>
              <a:gd name="connsiteY37" fmla="*/ 1052514 h 1357314"/>
              <a:gd name="connsiteX0" fmla="*/ 1652587 w 1652587"/>
              <a:gd name="connsiteY0" fmla="*/ 0 h 1357314"/>
              <a:gd name="connsiteX1" fmla="*/ 1631155 w 1652587"/>
              <a:gd name="connsiteY1" fmla="*/ 38102 h 1357314"/>
              <a:gd name="connsiteX2" fmla="*/ 1597819 w 1652587"/>
              <a:gd name="connsiteY2" fmla="*/ 64296 h 1357314"/>
              <a:gd name="connsiteX3" fmla="*/ 1571625 w 1652587"/>
              <a:gd name="connsiteY3" fmla="*/ 97632 h 1357314"/>
              <a:gd name="connsiteX4" fmla="*/ 1554956 w 1652587"/>
              <a:gd name="connsiteY4" fmla="*/ 126207 h 1357314"/>
              <a:gd name="connsiteX5" fmla="*/ 1526381 w 1652587"/>
              <a:gd name="connsiteY5" fmla="*/ 169070 h 1357314"/>
              <a:gd name="connsiteX6" fmla="*/ 1481138 w 1652587"/>
              <a:gd name="connsiteY6" fmla="*/ 221457 h 1357314"/>
              <a:gd name="connsiteX7" fmla="*/ 1457325 w 1652587"/>
              <a:gd name="connsiteY7" fmla="*/ 252414 h 1357314"/>
              <a:gd name="connsiteX8" fmla="*/ 1421605 w 1652587"/>
              <a:gd name="connsiteY8" fmla="*/ 307182 h 1357314"/>
              <a:gd name="connsiteX9" fmla="*/ 1383506 w 1652587"/>
              <a:gd name="connsiteY9" fmla="*/ 357189 h 1357314"/>
              <a:gd name="connsiteX10" fmla="*/ 1333500 w 1652587"/>
              <a:gd name="connsiteY10" fmla="*/ 423864 h 1357314"/>
              <a:gd name="connsiteX11" fmla="*/ 1283494 w 1652587"/>
              <a:gd name="connsiteY11" fmla="*/ 502445 h 1357314"/>
              <a:gd name="connsiteX12" fmla="*/ 1247775 w 1652587"/>
              <a:gd name="connsiteY12" fmla="*/ 561976 h 1357314"/>
              <a:gd name="connsiteX13" fmla="*/ 1209675 w 1652587"/>
              <a:gd name="connsiteY13" fmla="*/ 616745 h 1357314"/>
              <a:gd name="connsiteX14" fmla="*/ 1166812 w 1652587"/>
              <a:gd name="connsiteY14" fmla="*/ 671514 h 1357314"/>
              <a:gd name="connsiteX15" fmla="*/ 1114425 w 1652587"/>
              <a:gd name="connsiteY15" fmla="*/ 733426 h 1357314"/>
              <a:gd name="connsiteX16" fmla="*/ 1066800 w 1652587"/>
              <a:gd name="connsiteY16" fmla="*/ 785814 h 1357314"/>
              <a:gd name="connsiteX17" fmla="*/ 990600 w 1652587"/>
              <a:gd name="connsiteY17" fmla="*/ 871539 h 1357314"/>
              <a:gd name="connsiteX18" fmla="*/ 878681 w 1652587"/>
              <a:gd name="connsiteY18" fmla="*/ 973933 h 1357314"/>
              <a:gd name="connsiteX19" fmla="*/ 840581 w 1652587"/>
              <a:gd name="connsiteY19" fmla="*/ 1016793 h 1357314"/>
              <a:gd name="connsiteX20" fmla="*/ 764382 w 1652587"/>
              <a:gd name="connsiteY20" fmla="*/ 1104901 h 1357314"/>
              <a:gd name="connsiteX21" fmla="*/ 711993 w 1652587"/>
              <a:gd name="connsiteY21" fmla="*/ 1135858 h 1357314"/>
              <a:gd name="connsiteX22" fmla="*/ 623887 w 1652587"/>
              <a:gd name="connsiteY22" fmla="*/ 1162051 h 1357314"/>
              <a:gd name="connsiteX23" fmla="*/ 571500 w 1652587"/>
              <a:gd name="connsiteY23" fmla="*/ 1214439 h 1357314"/>
              <a:gd name="connsiteX24" fmla="*/ 504825 w 1652587"/>
              <a:gd name="connsiteY24" fmla="*/ 1247776 h 1357314"/>
              <a:gd name="connsiteX25" fmla="*/ 481012 w 1652587"/>
              <a:gd name="connsiteY25" fmla="*/ 1271589 h 1357314"/>
              <a:gd name="connsiteX26" fmla="*/ 428625 w 1652587"/>
              <a:gd name="connsiteY26" fmla="*/ 1309689 h 1357314"/>
              <a:gd name="connsiteX27" fmla="*/ 376237 w 1652587"/>
              <a:gd name="connsiteY27" fmla="*/ 1323976 h 1357314"/>
              <a:gd name="connsiteX28" fmla="*/ 357187 w 1652587"/>
              <a:gd name="connsiteY28" fmla="*/ 1338264 h 1357314"/>
              <a:gd name="connsiteX29" fmla="*/ 266700 w 1652587"/>
              <a:gd name="connsiteY29" fmla="*/ 1357314 h 1357314"/>
              <a:gd name="connsiteX30" fmla="*/ 200025 w 1652587"/>
              <a:gd name="connsiteY30" fmla="*/ 1328739 h 1357314"/>
              <a:gd name="connsiteX31" fmla="*/ 166687 w 1652587"/>
              <a:gd name="connsiteY31" fmla="*/ 1295401 h 1357314"/>
              <a:gd name="connsiteX32" fmla="*/ 152400 w 1652587"/>
              <a:gd name="connsiteY32" fmla="*/ 1252539 h 1357314"/>
              <a:gd name="connsiteX33" fmla="*/ 109537 w 1652587"/>
              <a:gd name="connsiteY33" fmla="*/ 1176339 h 1357314"/>
              <a:gd name="connsiteX34" fmla="*/ 57150 w 1652587"/>
              <a:gd name="connsiteY34" fmla="*/ 1090614 h 1357314"/>
              <a:gd name="connsiteX35" fmla="*/ 0 w 1652587"/>
              <a:gd name="connsiteY35" fmla="*/ 1052514 h 1357314"/>
              <a:gd name="connsiteX36" fmla="*/ 0 w 1652587"/>
              <a:gd name="connsiteY36" fmla="*/ 1052514 h 1357314"/>
              <a:gd name="connsiteX0" fmla="*/ 1652587 w 1652587"/>
              <a:gd name="connsiteY0" fmla="*/ 0 h 1338264"/>
              <a:gd name="connsiteX1" fmla="*/ 1631155 w 1652587"/>
              <a:gd name="connsiteY1" fmla="*/ 38102 h 1338264"/>
              <a:gd name="connsiteX2" fmla="*/ 1597819 w 1652587"/>
              <a:gd name="connsiteY2" fmla="*/ 64296 h 1338264"/>
              <a:gd name="connsiteX3" fmla="*/ 1571625 w 1652587"/>
              <a:gd name="connsiteY3" fmla="*/ 97632 h 1338264"/>
              <a:gd name="connsiteX4" fmla="*/ 1554956 w 1652587"/>
              <a:gd name="connsiteY4" fmla="*/ 126207 h 1338264"/>
              <a:gd name="connsiteX5" fmla="*/ 1526381 w 1652587"/>
              <a:gd name="connsiteY5" fmla="*/ 169070 h 1338264"/>
              <a:gd name="connsiteX6" fmla="*/ 1481138 w 1652587"/>
              <a:gd name="connsiteY6" fmla="*/ 221457 h 1338264"/>
              <a:gd name="connsiteX7" fmla="*/ 1457325 w 1652587"/>
              <a:gd name="connsiteY7" fmla="*/ 252414 h 1338264"/>
              <a:gd name="connsiteX8" fmla="*/ 1421605 w 1652587"/>
              <a:gd name="connsiteY8" fmla="*/ 307182 h 1338264"/>
              <a:gd name="connsiteX9" fmla="*/ 1383506 w 1652587"/>
              <a:gd name="connsiteY9" fmla="*/ 357189 h 1338264"/>
              <a:gd name="connsiteX10" fmla="*/ 1333500 w 1652587"/>
              <a:gd name="connsiteY10" fmla="*/ 423864 h 1338264"/>
              <a:gd name="connsiteX11" fmla="*/ 1283494 w 1652587"/>
              <a:gd name="connsiteY11" fmla="*/ 502445 h 1338264"/>
              <a:gd name="connsiteX12" fmla="*/ 1247775 w 1652587"/>
              <a:gd name="connsiteY12" fmla="*/ 561976 h 1338264"/>
              <a:gd name="connsiteX13" fmla="*/ 1209675 w 1652587"/>
              <a:gd name="connsiteY13" fmla="*/ 616745 h 1338264"/>
              <a:gd name="connsiteX14" fmla="*/ 1166812 w 1652587"/>
              <a:gd name="connsiteY14" fmla="*/ 671514 h 1338264"/>
              <a:gd name="connsiteX15" fmla="*/ 1114425 w 1652587"/>
              <a:gd name="connsiteY15" fmla="*/ 733426 h 1338264"/>
              <a:gd name="connsiteX16" fmla="*/ 1066800 w 1652587"/>
              <a:gd name="connsiteY16" fmla="*/ 785814 h 1338264"/>
              <a:gd name="connsiteX17" fmla="*/ 990600 w 1652587"/>
              <a:gd name="connsiteY17" fmla="*/ 871539 h 1338264"/>
              <a:gd name="connsiteX18" fmla="*/ 878681 w 1652587"/>
              <a:gd name="connsiteY18" fmla="*/ 973933 h 1338264"/>
              <a:gd name="connsiteX19" fmla="*/ 840581 w 1652587"/>
              <a:gd name="connsiteY19" fmla="*/ 1016793 h 1338264"/>
              <a:gd name="connsiteX20" fmla="*/ 764382 w 1652587"/>
              <a:gd name="connsiteY20" fmla="*/ 1104901 h 1338264"/>
              <a:gd name="connsiteX21" fmla="*/ 711993 w 1652587"/>
              <a:gd name="connsiteY21" fmla="*/ 1135858 h 1338264"/>
              <a:gd name="connsiteX22" fmla="*/ 623887 w 1652587"/>
              <a:gd name="connsiteY22" fmla="*/ 1162051 h 1338264"/>
              <a:gd name="connsiteX23" fmla="*/ 571500 w 1652587"/>
              <a:gd name="connsiteY23" fmla="*/ 1214439 h 1338264"/>
              <a:gd name="connsiteX24" fmla="*/ 504825 w 1652587"/>
              <a:gd name="connsiteY24" fmla="*/ 1247776 h 1338264"/>
              <a:gd name="connsiteX25" fmla="*/ 481012 w 1652587"/>
              <a:gd name="connsiteY25" fmla="*/ 1271589 h 1338264"/>
              <a:gd name="connsiteX26" fmla="*/ 428625 w 1652587"/>
              <a:gd name="connsiteY26" fmla="*/ 1309689 h 1338264"/>
              <a:gd name="connsiteX27" fmla="*/ 376237 w 1652587"/>
              <a:gd name="connsiteY27" fmla="*/ 1323976 h 1338264"/>
              <a:gd name="connsiteX28" fmla="*/ 357187 w 1652587"/>
              <a:gd name="connsiteY28" fmla="*/ 1338264 h 1338264"/>
              <a:gd name="connsiteX29" fmla="*/ 200025 w 1652587"/>
              <a:gd name="connsiteY29" fmla="*/ 1328739 h 1338264"/>
              <a:gd name="connsiteX30" fmla="*/ 166687 w 1652587"/>
              <a:gd name="connsiteY30" fmla="*/ 1295401 h 1338264"/>
              <a:gd name="connsiteX31" fmla="*/ 152400 w 1652587"/>
              <a:gd name="connsiteY31" fmla="*/ 1252539 h 1338264"/>
              <a:gd name="connsiteX32" fmla="*/ 109537 w 1652587"/>
              <a:gd name="connsiteY32" fmla="*/ 1176339 h 1338264"/>
              <a:gd name="connsiteX33" fmla="*/ 57150 w 1652587"/>
              <a:gd name="connsiteY33" fmla="*/ 1090614 h 1338264"/>
              <a:gd name="connsiteX34" fmla="*/ 0 w 1652587"/>
              <a:gd name="connsiteY34" fmla="*/ 1052514 h 1338264"/>
              <a:gd name="connsiteX35" fmla="*/ 0 w 1652587"/>
              <a:gd name="connsiteY35" fmla="*/ 1052514 h 1338264"/>
              <a:gd name="connsiteX0" fmla="*/ 1652587 w 1652587"/>
              <a:gd name="connsiteY0" fmla="*/ 0 h 1362076"/>
              <a:gd name="connsiteX1" fmla="*/ 1631155 w 1652587"/>
              <a:gd name="connsiteY1" fmla="*/ 38102 h 1362076"/>
              <a:gd name="connsiteX2" fmla="*/ 1597819 w 1652587"/>
              <a:gd name="connsiteY2" fmla="*/ 64296 h 1362076"/>
              <a:gd name="connsiteX3" fmla="*/ 1571625 w 1652587"/>
              <a:gd name="connsiteY3" fmla="*/ 97632 h 1362076"/>
              <a:gd name="connsiteX4" fmla="*/ 1554956 w 1652587"/>
              <a:gd name="connsiteY4" fmla="*/ 126207 h 1362076"/>
              <a:gd name="connsiteX5" fmla="*/ 1526381 w 1652587"/>
              <a:gd name="connsiteY5" fmla="*/ 169070 h 1362076"/>
              <a:gd name="connsiteX6" fmla="*/ 1481138 w 1652587"/>
              <a:gd name="connsiteY6" fmla="*/ 221457 h 1362076"/>
              <a:gd name="connsiteX7" fmla="*/ 1457325 w 1652587"/>
              <a:gd name="connsiteY7" fmla="*/ 252414 h 1362076"/>
              <a:gd name="connsiteX8" fmla="*/ 1421605 w 1652587"/>
              <a:gd name="connsiteY8" fmla="*/ 307182 h 1362076"/>
              <a:gd name="connsiteX9" fmla="*/ 1383506 w 1652587"/>
              <a:gd name="connsiteY9" fmla="*/ 357189 h 1362076"/>
              <a:gd name="connsiteX10" fmla="*/ 1333500 w 1652587"/>
              <a:gd name="connsiteY10" fmla="*/ 423864 h 1362076"/>
              <a:gd name="connsiteX11" fmla="*/ 1283494 w 1652587"/>
              <a:gd name="connsiteY11" fmla="*/ 502445 h 1362076"/>
              <a:gd name="connsiteX12" fmla="*/ 1247775 w 1652587"/>
              <a:gd name="connsiteY12" fmla="*/ 561976 h 1362076"/>
              <a:gd name="connsiteX13" fmla="*/ 1209675 w 1652587"/>
              <a:gd name="connsiteY13" fmla="*/ 616745 h 1362076"/>
              <a:gd name="connsiteX14" fmla="*/ 1166812 w 1652587"/>
              <a:gd name="connsiteY14" fmla="*/ 671514 h 1362076"/>
              <a:gd name="connsiteX15" fmla="*/ 1114425 w 1652587"/>
              <a:gd name="connsiteY15" fmla="*/ 733426 h 1362076"/>
              <a:gd name="connsiteX16" fmla="*/ 1066800 w 1652587"/>
              <a:gd name="connsiteY16" fmla="*/ 785814 h 1362076"/>
              <a:gd name="connsiteX17" fmla="*/ 990600 w 1652587"/>
              <a:gd name="connsiteY17" fmla="*/ 871539 h 1362076"/>
              <a:gd name="connsiteX18" fmla="*/ 878681 w 1652587"/>
              <a:gd name="connsiteY18" fmla="*/ 973933 h 1362076"/>
              <a:gd name="connsiteX19" fmla="*/ 840581 w 1652587"/>
              <a:gd name="connsiteY19" fmla="*/ 1016793 h 1362076"/>
              <a:gd name="connsiteX20" fmla="*/ 764382 w 1652587"/>
              <a:gd name="connsiteY20" fmla="*/ 1104901 h 1362076"/>
              <a:gd name="connsiteX21" fmla="*/ 711993 w 1652587"/>
              <a:gd name="connsiteY21" fmla="*/ 1135858 h 1362076"/>
              <a:gd name="connsiteX22" fmla="*/ 623887 w 1652587"/>
              <a:gd name="connsiteY22" fmla="*/ 1162051 h 1362076"/>
              <a:gd name="connsiteX23" fmla="*/ 571500 w 1652587"/>
              <a:gd name="connsiteY23" fmla="*/ 1214439 h 1362076"/>
              <a:gd name="connsiteX24" fmla="*/ 504825 w 1652587"/>
              <a:gd name="connsiteY24" fmla="*/ 1247776 h 1362076"/>
              <a:gd name="connsiteX25" fmla="*/ 481012 w 1652587"/>
              <a:gd name="connsiteY25" fmla="*/ 1271589 h 1362076"/>
              <a:gd name="connsiteX26" fmla="*/ 428625 w 1652587"/>
              <a:gd name="connsiteY26" fmla="*/ 1309689 h 1362076"/>
              <a:gd name="connsiteX27" fmla="*/ 376237 w 1652587"/>
              <a:gd name="connsiteY27" fmla="*/ 1323976 h 1362076"/>
              <a:gd name="connsiteX28" fmla="*/ 357187 w 1652587"/>
              <a:gd name="connsiteY28" fmla="*/ 1338264 h 1362076"/>
              <a:gd name="connsiteX29" fmla="*/ 257175 w 1652587"/>
              <a:gd name="connsiteY29" fmla="*/ 1362076 h 1362076"/>
              <a:gd name="connsiteX30" fmla="*/ 166687 w 1652587"/>
              <a:gd name="connsiteY30" fmla="*/ 1295401 h 1362076"/>
              <a:gd name="connsiteX31" fmla="*/ 152400 w 1652587"/>
              <a:gd name="connsiteY31" fmla="*/ 1252539 h 1362076"/>
              <a:gd name="connsiteX32" fmla="*/ 109537 w 1652587"/>
              <a:gd name="connsiteY32" fmla="*/ 1176339 h 1362076"/>
              <a:gd name="connsiteX33" fmla="*/ 57150 w 1652587"/>
              <a:gd name="connsiteY33" fmla="*/ 1090614 h 1362076"/>
              <a:gd name="connsiteX34" fmla="*/ 0 w 1652587"/>
              <a:gd name="connsiteY34" fmla="*/ 1052514 h 1362076"/>
              <a:gd name="connsiteX35" fmla="*/ 0 w 1652587"/>
              <a:gd name="connsiteY35" fmla="*/ 1052514 h 1362076"/>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364"/>
              <a:gd name="connsiteX1" fmla="*/ 1631155 w 1652587"/>
              <a:gd name="connsiteY1" fmla="*/ 38102 h 1363364"/>
              <a:gd name="connsiteX2" fmla="*/ 1597819 w 1652587"/>
              <a:gd name="connsiteY2" fmla="*/ 64296 h 1363364"/>
              <a:gd name="connsiteX3" fmla="*/ 1571625 w 1652587"/>
              <a:gd name="connsiteY3" fmla="*/ 97632 h 1363364"/>
              <a:gd name="connsiteX4" fmla="*/ 1554956 w 1652587"/>
              <a:gd name="connsiteY4" fmla="*/ 126207 h 1363364"/>
              <a:gd name="connsiteX5" fmla="*/ 1526381 w 1652587"/>
              <a:gd name="connsiteY5" fmla="*/ 169070 h 1363364"/>
              <a:gd name="connsiteX6" fmla="*/ 1481138 w 1652587"/>
              <a:gd name="connsiteY6" fmla="*/ 221457 h 1363364"/>
              <a:gd name="connsiteX7" fmla="*/ 1457325 w 1652587"/>
              <a:gd name="connsiteY7" fmla="*/ 252414 h 1363364"/>
              <a:gd name="connsiteX8" fmla="*/ 1421605 w 1652587"/>
              <a:gd name="connsiteY8" fmla="*/ 307182 h 1363364"/>
              <a:gd name="connsiteX9" fmla="*/ 1383506 w 1652587"/>
              <a:gd name="connsiteY9" fmla="*/ 357189 h 1363364"/>
              <a:gd name="connsiteX10" fmla="*/ 1333500 w 1652587"/>
              <a:gd name="connsiteY10" fmla="*/ 423864 h 1363364"/>
              <a:gd name="connsiteX11" fmla="*/ 1283494 w 1652587"/>
              <a:gd name="connsiteY11" fmla="*/ 502445 h 1363364"/>
              <a:gd name="connsiteX12" fmla="*/ 1247775 w 1652587"/>
              <a:gd name="connsiteY12" fmla="*/ 561976 h 1363364"/>
              <a:gd name="connsiteX13" fmla="*/ 1209675 w 1652587"/>
              <a:gd name="connsiteY13" fmla="*/ 616745 h 1363364"/>
              <a:gd name="connsiteX14" fmla="*/ 1166812 w 1652587"/>
              <a:gd name="connsiteY14" fmla="*/ 671514 h 1363364"/>
              <a:gd name="connsiteX15" fmla="*/ 1114425 w 1652587"/>
              <a:gd name="connsiteY15" fmla="*/ 733426 h 1363364"/>
              <a:gd name="connsiteX16" fmla="*/ 1066800 w 1652587"/>
              <a:gd name="connsiteY16" fmla="*/ 785814 h 1363364"/>
              <a:gd name="connsiteX17" fmla="*/ 990600 w 1652587"/>
              <a:gd name="connsiteY17" fmla="*/ 871539 h 1363364"/>
              <a:gd name="connsiteX18" fmla="*/ 878681 w 1652587"/>
              <a:gd name="connsiteY18" fmla="*/ 973933 h 1363364"/>
              <a:gd name="connsiteX19" fmla="*/ 840581 w 1652587"/>
              <a:gd name="connsiteY19" fmla="*/ 1016793 h 1363364"/>
              <a:gd name="connsiteX20" fmla="*/ 764382 w 1652587"/>
              <a:gd name="connsiteY20" fmla="*/ 1104901 h 1363364"/>
              <a:gd name="connsiteX21" fmla="*/ 711993 w 1652587"/>
              <a:gd name="connsiteY21" fmla="*/ 1135858 h 1363364"/>
              <a:gd name="connsiteX22" fmla="*/ 623887 w 1652587"/>
              <a:gd name="connsiteY22" fmla="*/ 1162051 h 1363364"/>
              <a:gd name="connsiteX23" fmla="*/ 571500 w 1652587"/>
              <a:gd name="connsiteY23" fmla="*/ 1214439 h 1363364"/>
              <a:gd name="connsiteX24" fmla="*/ 504825 w 1652587"/>
              <a:gd name="connsiteY24" fmla="*/ 1247776 h 1363364"/>
              <a:gd name="connsiteX25" fmla="*/ 481012 w 1652587"/>
              <a:gd name="connsiteY25" fmla="*/ 1271589 h 1363364"/>
              <a:gd name="connsiteX26" fmla="*/ 428625 w 1652587"/>
              <a:gd name="connsiteY26" fmla="*/ 1309689 h 1363364"/>
              <a:gd name="connsiteX27" fmla="*/ 376237 w 1652587"/>
              <a:gd name="connsiteY27" fmla="*/ 1323976 h 1363364"/>
              <a:gd name="connsiteX28" fmla="*/ 357187 w 1652587"/>
              <a:gd name="connsiteY28" fmla="*/ 1338264 h 1363364"/>
              <a:gd name="connsiteX29" fmla="*/ 257175 w 1652587"/>
              <a:gd name="connsiteY29" fmla="*/ 1362076 h 1363364"/>
              <a:gd name="connsiteX30" fmla="*/ 166687 w 1652587"/>
              <a:gd name="connsiteY30" fmla="*/ 1295401 h 1363364"/>
              <a:gd name="connsiteX31" fmla="*/ 152400 w 1652587"/>
              <a:gd name="connsiteY31" fmla="*/ 1252539 h 1363364"/>
              <a:gd name="connsiteX32" fmla="*/ 109537 w 1652587"/>
              <a:gd name="connsiteY32" fmla="*/ 1176339 h 1363364"/>
              <a:gd name="connsiteX33" fmla="*/ 57150 w 1652587"/>
              <a:gd name="connsiteY33" fmla="*/ 1090614 h 1363364"/>
              <a:gd name="connsiteX34" fmla="*/ 0 w 1652587"/>
              <a:gd name="connsiteY34" fmla="*/ 1052514 h 1363364"/>
              <a:gd name="connsiteX35" fmla="*/ 0 w 1652587"/>
              <a:gd name="connsiteY35" fmla="*/ 1052514 h 136336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76237 w 1652587"/>
              <a:gd name="connsiteY27" fmla="*/ 1323976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52400 w 1652587"/>
              <a:gd name="connsiteY31" fmla="*/ 1252539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954"/>
              <a:gd name="connsiteX1" fmla="*/ 1631155 w 1652587"/>
              <a:gd name="connsiteY1" fmla="*/ 38102 h 1363954"/>
              <a:gd name="connsiteX2" fmla="*/ 1597819 w 1652587"/>
              <a:gd name="connsiteY2" fmla="*/ 64296 h 1363954"/>
              <a:gd name="connsiteX3" fmla="*/ 1571625 w 1652587"/>
              <a:gd name="connsiteY3" fmla="*/ 97632 h 1363954"/>
              <a:gd name="connsiteX4" fmla="*/ 1554956 w 1652587"/>
              <a:gd name="connsiteY4" fmla="*/ 126207 h 1363954"/>
              <a:gd name="connsiteX5" fmla="*/ 1526381 w 1652587"/>
              <a:gd name="connsiteY5" fmla="*/ 169070 h 1363954"/>
              <a:gd name="connsiteX6" fmla="*/ 1481138 w 1652587"/>
              <a:gd name="connsiteY6" fmla="*/ 221457 h 1363954"/>
              <a:gd name="connsiteX7" fmla="*/ 1457325 w 1652587"/>
              <a:gd name="connsiteY7" fmla="*/ 252414 h 1363954"/>
              <a:gd name="connsiteX8" fmla="*/ 1421605 w 1652587"/>
              <a:gd name="connsiteY8" fmla="*/ 307182 h 1363954"/>
              <a:gd name="connsiteX9" fmla="*/ 1383506 w 1652587"/>
              <a:gd name="connsiteY9" fmla="*/ 357189 h 1363954"/>
              <a:gd name="connsiteX10" fmla="*/ 1333500 w 1652587"/>
              <a:gd name="connsiteY10" fmla="*/ 423864 h 1363954"/>
              <a:gd name="connsiteX11" fmla="*/ 1283494 w 1652587"/>
              <a:gd name="connsiteY11" fmla="*/ 502445 h 1363954"/>
              <a:gd name="connsiteX12" fmla="*/ 1247775 w 1652587"/>
              <a:gd name="connsiteY12" fmla="*/ 561976 h 1363954"/>
              <a:gd name="connsiteX13" fmla="*/ 1209675 w 1652587"/>
              <a:gd name="connsiteY13" fmla="*/ 616745 h 1363954"/>
              <a:gd name="connsiteX14" fmla="*/ 1166812 w 1652587"/>
              <a:gd name="connsiteY14" fmla="*/ 671514 h 1363954"/>
              <a:gd name="connsiteX15" fmla="*/ 1114425 w 1652587"/>
              <a:gd name="connsiteY15" fmla="*/ 733426 h 1363954"/>
              <a:gd name="connsiteX16" fmla="*/ 1066800 w 1652587"/>
              <a:gd name="connsiteY16" fmla="*/ 785814 h 1363954"/>
              <a:gd name="connsiteX17" fmla="*/ 990600 w 1652587"/>
              <a:gd name="connsiteY17" fmla="*/ 871539 h 1363954"/>
              <a:gd name="connsiteX18" fmla="*/ 878681 w 1652587"/>
              <a:gd name="connsiteY18" fmla="*/ 973933 h 1363954"/>
              <a:gd name="connsiteX19" fmla="*/ 840581 w 1652587"/>
              <a:gd name="connsiteY19" fmla="*/ 1016793 h 1363954"/>
              <a:gd name="connsiteX20" fmla="*/ 764382 w 1652587"/>
              <a:gd name="connsiteY20" fmla="*/ 1104901 h 1363954"/>
              <a:gd name="connsiteX21" fmla="*/ 711993 w 1652587"/>
              <a:gd name="connsiteY21" fmla="*/ 1135858 h 1363954"/>
              <a:gd name="connsiteX22" fmla="*/ 623887 w 1652587"/>
              <a:gd name="connsiteY22" fmla="*/ 1162051 h 1363954"/>
              <a:gd name="connsiteX23" fmla="*/ 571500 w 1652587"/>
              <a:gd name="connsiteY23" fmla="*/ 1214439 h 1363954"/>
              <a:gd name="connsiteX24" fmla="*/ 504825 w 1652587"/>
              <a:gd name="connsiteY24" fmla="*/ 1247776 h 1363954"/>
              <a:gd name="connsiteX25" fmla="*/ 481012 w 1652587"/>
              <a:gd name="connsiteY25" fmla="*/ 1271589 h 1363954"/>
              <a:gd name="connsiteX26" fmla="*/ 428625 w 1652587"/>
              <a:gd name="connsiteY26" fmla="*/ 1309689 h 1363954"/>
              <a:gd name="connsiteX27" fmla="*/ 381000 w 1652587"/>
              <a:gd name="connsiteY27" fmla="*/ 1335883 h 1363954"/>
              <a:gd name="connsiteX28" fmla="*/ 335756 w 1652587"/>
              <a:gd name="connsiteY28" fmla="*/ 1347789 h 1363954"/>
              <a:gd name="connsiteX29" fmla="*/ 257175 w 1652587"/>
              <a:gd name="connsiteY29" fmla="*/ 1362076 h 1363954"/>
              <a:gd name="connsiteX30" fmla="*/ 166687 w 1652587"/>
              <a:gd name="connsiteY30" fmla="*/ 1295401 h 1363954"/>
              <a:gd name="connsiteX31" fmla="*/ 140494 w 1652587"/>
              <a:gd name="connsiteY31" fmla="*/ 1245395 h 1363954"/>
              <a:gd name="connsiteX32" fmla="*/ 109537 w 1652587"/>
              <a:gd name="connsiteY32" fmla="*/ 1176339 h 1363954"/>
              <a:gd name="connsiteX33" fmla="*/ 57150 w 1652587"/>
              <a:gd name="connsiteY33" fmla="*/ 1090614 h 1363954"/>
              <a:gd name="connsiteX34" fmla="*/ 0 w 1652587"/>
              <a:gd name="connsiteY34" fmla="*/ 1052514 h 1363954"/>
              <a:gd name="connsiteX35" fmla="*/ 0 w 1652587"/>
              <a:gd name="connsiteY35" fmla="*/ 1052514 h 1363954"/>
              <a:gd name="connsiteX0" fmla="*/ 1652587 w 1652587"/>
              <a:gd name="connsiteY0" fmla="*/ 0 h 1363801"/>
              <a:gd name="connsiteX1" fmla="*/ 1631155 w 1652587"/>
              <a:gd name="connsiteY1" fmla="*/ 38102 h 1363801"/>
              <a:gd name="connsiteX2" fmla="*/ 1597819 w 1652587"/>
              <a:gd name="connsiteY2" fmla="*/ 64296 h 1363801"/>
              <a:gd name="connsiteX3" fmla="*/ 1571625 w 1652587"/>
              <a:gd name="connsiteY3" fmla="*/ 97632 h 1363801"/>
              <a:gd name="connsiteX4" fmla="*/ 1554956 w 1652587"/>
              <a:gd name="connsiteY4" fmla="*/ 126207 h 1363801"/>
              <a:gd name="connsiteX5" fmla="*/ 1526381 w 1652587"/>
              <a:gd name="connsiteY5" fmla="*/ 169070 h 1363801"/>
              <a:gd name="connsiteX6" fmla="*/ 1481138 w 1652587"/>
              <a:gd name="connsiteY6" fmla="*/ 221457 h 1363801"/>
              <a:gd name="connsiteX7" fmla="*/ 1457325 w 1652587"/>
              <a:gd name="connsiteY7" fmla="*/ 252414 h 1363801"/>
              <a:gd name="connsiteX8" fmla="*/ 1421605 w 1652587"/>
              <a:gd name="connsiteY8" fmla="*/ 307182 h 1363801"/>
              <a:gd name="connsiteX9" fmla="*/ 1383506 w 1652587"/>
              <a:gd name="connsiteY9" fmla="*/ 357189 h 1363801"/>
              <a:gd name="connsiteX10" fmla="*/ 1333500 w 1652587"/>
              <a:gd name="connsiteY10" fmla="*/ 423864 h 1363801"/>
              <a:gd name="connsiteX11" fmla="*/ 1283494 w 1652587"/>
              <a:gd name="connsiteY11" fmla="*/ 502445 h 1363801"/>
              <a:gd name="connsiteX12" fmla="*/ 1247775 w 1652587"/>
              <a:gd name="connsiteY12" fmla="*/ 561976 h 1363801"/>
              <a:gd name="connsiteX13" fmla="*/ 1209675 w 1652587"/>
              <a:gd name="connsiteY13" fmla="*/ 616745 h 1363801"/>
              <a:gd name="connsiteX14" fmla="*/ 1166812 w 1652587"/>
              <a:gd name="connsiteY14" fmla="*/ 671514 h 1363801"/>
              <a:gd name="connsiteX15" fmla="*/ 1114425 w 1652587"/>
              <a:gd name="connsiteY15" fmla="*/ 733426 h 1363801"/>
              <a:gd name="connsiteX16" fmla="*/ 1066800 w 1652587"/>
              <a:gd name="connsiteY16" fmla="*/ 785814 h 1363801"/>
              <a:gd name="connsiteX17" fmla="*/ 990600 w 1652587"/>
              <a:gd name="connsiteY17" fmla="*/ 871539 h 1363801"/>
              <a:gd name="connsiteX18" fmla="*/ 878681 w 1652587"/>
              <a:gd name="connsiteY18" fmla="*/ 973933 h 1363801"/>
              <a:gd name="connsiteX19" fmla="*/ 840581 w 1652587"/>
              <a:gd name="connsiteY19" fmla="*/ 1016793 h 1363801"/>
              <a:gd name="connsiteX20" fmla="*/ 764382 w 1652587"/>
              <a:gd name="connsiteY20" fmla="*/ 1104901 h 1363801"/>
              <a:gd name="connsiteX21" fmla="*/ 711993 w 1652587"/>
              <a:gd name="connsiteY21" fmla="*/ 1135858 h 1363801"/>
              <a:gd name="connsiteX22" fmla="*/ 623887 w 1652587"/>
              <a:gd name="connsiteY22" fmla="*/ 1162051 h 1363801"/>
              <a:gd name="connsiteX23" fmla="*/ 571500 w 1652587"/>
              <a:gd name="connsiteY23" fmla="*/ 1214439 h 1363801"/>
              <a:gd name="connsiteX24" fmla="*/ 504825 w 1652587"/>
              <a:gd name="connsiteY24" fmla="*/ 1247776 h 1363801"/>
              <a:gd name="connsiteX25" fmla="*/ 481012 w 1652587"/>
              <a:gd name="connsiteY25" fmla="*/ 1271589 h 1363801"/>
              <a:gd name="connsiteX26" fmla="*/ 428625 w 1652587"/>
              <a:gd name="connsiteY26" fmla="*/ 1309689 h 1363801"/>
              <a:gd name="connsiteX27" fmla="*/ 381000 w 1652587"/>
              <a:gd name="connsiteY27" fmla="*/ 1335883 h 1363801"/>
              <a:gd name="connsiteX28" fmla="*/ 335756 w 1652587"/>
              <a:gd name="connsiteY28" fmla="*/ 1347789 h 1363801"/>
              <a:gd name="connsiteX29" fmla="*/ 257175 w 1652587"/>
              <a:gd name="connsiteY29" fmla="*/ 1362076 h 1363801"/>
              <a:gd name="connsiteX30" fmla="*/ 166687 w 1652587"/>
              <a:gd name="connsiteY30" fmla="*/ 1295401 h 1363801"/>
              <a:gd name="connsiteX31" fmla="*/ 140494 w 1652587"/>
              <a:gd name="connsiteY31" fmla="*/ 1245395 h 1363801"/>
              <a:gd name="connsiteX32" fmla="*/ 109537 w 1652587"/>
              <a:gd name="connsiteY32" fmla="*/ 1176339 h 1363801"/>
              <a:gd name="connsiteX33" fmla="*/ 57150 w 1652587"/>
              <a:gd name="connsiteY33" fmla="*/ 1090614 h 1363801"/>
              <a:gd name="connsiteX34" fmla="*/ 0 w 1652587"/>
              <a:gd name="connsiteY34" fmla="*/ 1052514 h 1363801"/>
              <a:gd name="connsiteX35" fmla="*/ 0 w 1652587"/>
              <a:gd name="connsiteY35" fmla="*/ 1052514 h 1363801"/>
              <a:gd name="connsiteX0" fmla="*/ 1652587 w 1652587"/>
              <a:gd name="connsiteY0" fmla="*/ 0 h 1357444"/>
              <a:gd name="connsiteX1" fmla="*/ 1631155 w 1652587"/>
              <a:gd name="connsiteY1" fmla="*/ 38102 h 1357444"/>
              <a:gd name="connsiteX2" fmla="*/ 1597819 w 1652587"/>
              <a:gd name="connsiteY2" fmla="*/ 64296 h 1357444"/>
              <a:gd name="connsiteX3" fmla="*/ 1571625 w 1652587"/>
              <a:gd name="connsiteY3" fmla="*/ 97632 h 1357444"/>
              <a:gd name="connsiteX4" fmla="*/ 1554956 w 1652587"/>
              <a:gd name="connsiteY4" fmla="*/ 126207 h 1357444"/>
              <a:gd name="connsiteX5" fmla="*/ 1526381 w 1652587"/>
              <a:gd name="connsiteY5" fmla="*/ 169070 h 1357444"/>
              <a:gd name="connsiteX6" fmla="*/ 1481138 w 1652587"/>
              <a:gd name="connsiteY6" fmla="*/ 221457 h 1357444"/>
              <a:gd name="connsiteX7" fmla="*/ 1457325 w 1652587"/>
              <a:gd name="connsiteY7" fmla="*/ 252414 h 1357444"/>
              <a:gd name="connsiteX8" fmla="*/ 1421605 w 1652587"/>
              <a:gd name="connsiteY8" fmla="*/ 307182 h 1357444"/>
              <a:gd name="connsiteX9" fmla="*/ 1383506 w 1652587"/>
              <a:gd name="connsiteY9" fmla="*/ 357189 h 1357444"/>
              <a:gd name="connsiteX10" fmla="*/ 1333500 w 1652587"/>
              <a:gd name="connsiteY10" fmla="*/ 423864 h 1357444"/>
              <a:gd name="connsiteX11" fmla="*/ 1283494 w 1652587"/>
              <a:gd name="connsiteY11" fmla="*/ 502445 h 1357444"/>
              <a:gd name="connsiteX12" fmla="*/ 1247775 w 1652587"/>
              <a:gd name="connsiteY12" fmla="*/ 561976 h 1357444"/>
              <a:gd name="connsiteX13" fmla="*/ 1209675 w 1652587"/>
              <a:gd name="connsiteY13" fmla="*/ 616745 h 1357444"/>
              <a:gd name="connsiteX14" fmla="*/ 1166812 w 1652587"/>
              <a:gd name="connsiteY14" fmla="*/ 671514 h 1357444"/>
              <a:gd name="connsiteX15" fmla="*/ 1114425 w 1652587"/>
              <a:gd name="connsiteY15" fmla="*/ 733426 h 1357444"/>
              <a:gd name="connsiteX16" fmla="*/ 1066800 w 1652587"/>
              <a:gd name="connsiteY16" fmla="*/ 785814 h 1357444"/>
              <a:gd name="connsiteX17" fmla="*/ 990600 w 1652587"/>
              <a:gd name="connsiteY17" fmla="*/ 871539 h 1357444"/>
              <a:gd name="connsiteX18" fmla="*/ 878681 w 1652587"/>
              <a:gd name="connsiteY18" fmla="*/ 973933 h 1357444"/>
              <a:gd name="connsiteX19" fmla="*/ 840581 w 1652587"/>
              <a:gd name="connsiteY19" fmla="*/ 1016793 h 1357444"/>
              <a:gd name="connsiteX20" fmla="*/ 764382 w 1652587"/>
              <a:gd name="connsiteY20" fmla="*/ 1104901 h 1357444"/>
              <a:gd name="connsiteX21" fmla="*/ 711993 w 1652587"/>
              <a:gd name="connsiteY21" fmla="*/ 1135858 h 1357444"/>
              <a:gd name="connsiteX22" fmla="*/ 623887 w 1652587"/>
              <a:gd name="connsiteY22" fmla="*/ 1162051 h 1357444"/>
              <a:gd name="connsiteX23" fmla="*/ 571500 w 1652587"/>
              <a:gd name="connsiteY23" fmla="*/ 1214439 h 1357444"/>
              <a:gd name="connsiteX24" fmla="*/ 504825 w 1652587"/>
              <a:gd name="connsiteY24" fmla="*/ 1247776 h 1357444"/>
              <a:gd name="connsiteX25" fmla="*/ 481012 w 1652587"/>
              <a:gd name="connsiteY25" fmla="*/ 1271589 h 1357444"/>
              <a:gd name="connsiteX26" fmla="*/ 428625 w 1652587"/>
              <a:gd name="connsiteY26" fmla="*/ 1309689 h 1357444"/>
              <a:gd name="connsiteX27" fmla="*/ 381000 w 1652587"/>
              <a:gd name="connsiteY27" fmla="*/ 1335883 h 1357444"/>
              <a:gd name="connsiteX28" fmla="*/ 335756 w 1652587"/>
              <a:gd name="connsiteY28" fmla="*/ 1347789 h 1357444"/>
              <a:gd name="connsiteX29" fmla="*/ 235744 w 1652587"/>
              <a:gd name="connsiteY29" fmla="*/ 1354933 h 1357444"/>
              <a:gd name="connsiteX30" fmla="*/ 166687 w 1652587"/>
              <a:gd name="connsiteY30" fmla="*/ 1295401 h 1357444"/>
              <a:gd name="connsiteX31" fmla="*/ 140494 w 1652587"/>
              <a:gd name="connsiteY31" fmla="*/ 1245395 h 1357444"/>
              <a:gd name="connsiteX32" fmla="*/ 109537 w 1652587"/>
              <a:gd name="connsiteY32" fmla="*/ 1176339 h 1357444"/>
              <a:gd name="connsiteX33" fmla="*/ 57150 w 1652587"/>
              <a:gd name="connsiteY33" fmla="*/ 1090614 h 1357444"/>
              <a:gd name="connsiteX34" fmla="*/ 0 w 1652587"/>
              <a:gd name="connsiteY34" fmla="*/ 1052514 h 1357444"/>
              <a:gd name="connsiteX35" fmla="*/ 0 w 1652587"/>
              <a:gd name="connsiteY35" fmla="*/ 1052514 h 1357444"/>
              <a:gd name="connsiteX0" fmla="*/ 1652587 w 1652587"/>
              <a:gd name="connsiteY0" fmla="*/ 0 h 1360579"/>
              <a:gd name="connsiteX1" fmla="*/ 1631155 w 1652587"/>
              <a:gd name="connsiteY1" fmla="*/ 38102 h 1360579"/>
              <a:gd name="connsiteX2" fmla="*/ 1597819 w 1652587"/>
              <a:gd name="connsiteY2" fmla="*/ 64296 h 1360579"/>
              <a:gd name="connsiteX3" fmla="*/ 1571625 w 1652587"/>
              <a:gd name="connsiteY3" fmla="*/ 97632 h 1360579"/>
              <a:gd name="connsiteX4" fmla="*/ 1554956 w 1652587"/>
              <a:gd name="connsiteY4" fmla="*/ 126207 h 1360579"/>
              <a:gd name="connsiteX5" fmla="*/ 1526381 w 1652587"/>
              <a:gd name="connsiteY5" fmla="*/ 169070 h 1360579"/>
              <a:gd name="connsiteX6" fmla="*/ 1481138 w 1652587"/>
              <a:gd name="connsiteY6" fmla="*/ 221457 h 1360579"/>
              <a:gd name="connsiteX7" fmla="*/ 1457325 w 1652587"/>
              <a:gd name="connsiteY7" fmla="*/ 252414 h 1360579"/>
              <a:gd name="connsiteX8" fmla="*/ 1421605 w 1652587"/>
              <a:gd name="connsiteY8" fmla="*/ 307182 h 1360579"/>
              <a:gd name="connsiteX9" fmla="*/ 1383506 w 1652587"/>
              <a:gd name="connsiteY9" fmla="*/ 357189 h 1360579"/>
              <a:gd name="connsiteX10" fmla="*/ 1333500 w 1652587"/>
              <a:gd name="connsiteY10" fmla="*/ 423864 h 1360579"/>
              <a:gd name="connsiteX11" fmla="*/ 1283494 w 1652587"/>
              <a:gd name="connsiteY11" fmla="*/ 502445 h 1360579"/>
              <a:gd name="connsiteX12" fmla="*/ 1247775 w 1652587"/>
              <a:gd name="connsiteY12" fmla="*/ 561976 h 1360579"/>
              <a:gd name="connsiteX13" fmla="*/ 1209675 w 1652587"/>
              <a:gd name="connsiteY13" fmla="*/ 616745 h 1360579"/>
              <a:gd name="connsiteX14" fmla="*/ 1166812 w 1652587"/>
              <a:gd name="connsiteY14" fmla="*/ 671514 h 1360579"/>
              <a:gd name="connsiteX15" fmla="*/ 1114425 w 1652587"/>
              <a:gd name="connsiteY15" fmla="*/ 733426 h 1360579"/>
              <a:gd name="connsiteX16" fmla="*/ 1066800 w 1652587"/>
              <a:gd name="connsiteY16" fmla="*/ 785814 h 1360579"/>
              <a:gd name="connsiteX17" fmla="*/ 990600 w 1652587"/>
              <a:gd name="connsiteY17" fmla="*/ 871539 h 1360579"/>
              <a:gd name="connsiteX18" fmla="*/ 878681 w 1652587"/>
              <a:gd name="connsiteY18" fmla="*/ 973933 h 1360579"/>
              <a:gd name="connsiteX19" fmla="*/ 840581 w 1652587"/>
              <a:gd name="connsiteY19" fmla="*/ 1016793 h 1360579"/>
              <a:gd name="connsiteX20" fmla="*/ 764382 w 1652587"/>
              <a:gd name="connsiteY20" fmla="*/ 1104901 h 1360579"/>
              <a:gd name="connsiteX21" fmla="*/ 711993 w 1652587"/>
              <a:gd name="connsiteY21" fmla="*/ 1135858 h 1360579"/>
              <a:gd name="connsiteX22" fmla="*/ 623887 w 1652587"/>
              <a:gd name="connsiteY22" fmla="*/ 1162051 h 1360579"/>
              <a:gd name="connsiteX23" fmla="*/ 571500 w 1652587"/>
              <a:gd name="connsiteY23" fmla="*/ 1214439 h 1360579"/>
              <a:gd name="connsiteX24" fmla="*/ 504825 w 1652587"/>
              <a:gd name="connsiteY24" fmla="*/ 1247776 h 1360579"/>
              <a:gd name="connsiteX25" fmla="*/ 481012 w 1652587"/>
              <a:gd name="connsiteY25" fmla="*/ 1271589 h 1360579"/>
              <a:gd name="connsiteX26" fmla="*/ 428625 w 1652587"/>
              <a:gd name="connsiteY26" fmla="*/ 1309689 h 1360579"/>
              <a:gd name="connsiteX27" fmla="*/ 381000 w 1652587"/>
              <a:gd name="connsiteY27" fmla="*/ 1335883 h 1360579"/>
              <a:gd name="connsiteX28" fmla="*/ 335756 w 1652587"/>
              <a:gd name="connsiteY28" fmla="*/ 1347789 h 1360579"/>
              <a:gd name="connsiteX29" fmla="*/ 288131 w 1652587"/>
              <a:gd name="connsiteY29" fmla="*/ 1357313 h 1360579"/>
              <a:gd name="connsiteX30" fmla="*/ 235744 w 1652587"/>
              <a:gd name="connsiteY30" fmla="*/ 1354933 h 1360579"/>
              <a:gd name="connsiteX31" fmla="*/ 166687 w 1652587"/>
              <a:gd name="connsiteY31" fmla="*/ 1295401 h 1360579"/>
              <a:gd name="connsiteX32" fmla="*/ 140494 w 1652587"/>
              <a:gd name="connsiteY32" fmla="*/ 1245395 h 1360579"/>
              <a:gd name="connsiteX33" fmla="*/ 109537 w 1652587"/>
              <a:gd name="connsiteY33" fmla="*/ 1176339 h 1360579"/>
              <a:gd name="connsiteX34" fmla="*/ 57150 w 1652587"/>
              <a:gd name="connsiteY34" fmla="*/ 1090614 h 1360579"/>
              <a:gd name="connsiteX35" fmla="*/ 0 w 1652587"/>
              <a:gd name="connsiteY35" fmla="*/ 1052514 h 1360579"/>
              <a:gd name="connsiteX36" fmla="*/ 0 w 1652587"/>
              <a:gd name="connsiteY36" fmla="*/ 1052514 h 1360579"/>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5756 w 1652587"/>
              <a:gd name="connsiteY28" fmla="*/ 1347789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36" fmla="*/ 0 w 1652587"/>
              <a:gd name="connsiteY36" fmla="*/ 1052514 h 1365102"/>
              <a:gd name="connsiteX0" fmla="*/ 1652587 w 1652587"/>
              <a:gd name="connsiteY0" fmla="*/ 0 h 1365102"/>
              <a:gd name="connsiteX1" fmla="*/ 1631155 w 1652587"/>
              <a:gd name="connsiteY1" fmla="*/ 38102 h 1365102"/>
              <a:gd name="connsiteX2" fmla="*/ 1597819 w 1652587"/>
              <a:gd name="connsiteY2" fmla="*/ 64296 h 1365102"/>
              <a:gd name="connsiteX3" fmla="*/ 1571625 w 1652587"/>
              <a:gd name="connsiteY3" fmla="*/ 97632 h 1365102"/>
              <a:gd name="connsiteX4" fmla="*/ 1554956 w 1652587"/>
              <a:gd name="connsiteY4" fmla="*/ 126207 h 1365102"/>
              <a:gd name="connsiteX5" fmla="*/ 1526381 w 1652587"/>
              <a:gd name="connsiteY5" fmla="*/ 169070 h 1365102"/>
              <a:gd name="connsiteX6" fmla="*/ 1481138 w 1652587"/>
              <a:gd name="connsiteY6" fmla="*/ 221457 h 1365102"/>
              <a:gd name="connsiteX7" fmla="*/ 1457325 w 1652587"/>
              <a:gd name="connsiteY7" fmla="*/ 252414 h 1365102"/>
              <a:gd name="connsiteX8" fmla="*/ 1421605 w 1652587"/>
              <a:gd name="connsiteY8" fmla="*/ 307182 h 1365102"/>
              <a:gd name="connsiteX9" fmla="*/ 1383506 w 1652587"/>
              <a:gd name="connsiteY9" fmla="*/ 357189 h 1365102"/>
              <a:gd name="connsiteX10" fmla="*/ 1333500 w 1652587"/>
              <a:gd name="connsiteY10" fmla="*/ 423864 h 1365102"/>
              <a:gd name="connsiteX11" fmla="*/ 1283494 w 1652587"/>
              <a:gd name="connsiteY11" fmla="*/ 502445 h 1365102"/>
              <a:gd name="connsiteX12" fmla="*/ 1247775 w 1652587"/>
              <a:gd name="connsiteY12" fmla="*/ 561976 h 1365102"/>
              <a:gd name="connsiteX13" fmla="*/ 1209675 w 1652587"/>
              <a:gd name="connsiteY13" fmla="*/ 616745 h 1365102"/>
              <a:gd name="connsiteX14" fmla="*/ 1166812 w 1652587"/>
              <a:gd name="connsiteY14" fmla="*/ 671514 h 1365102"/>
              <a:gd name="connsiteX15" fmla="*/ 1114425 w 1652587"/>
              <a:gd name="connsiteY15" fmla="*/ 733426 h 1365102"/>
              <a:gd name="connsiteX16" fmla="*/ 1066800 w 1652587"/>
              <a:gd name="connsiteY16" fmla="*/ 785814 h 1365102"/>
              <a:gd name="connsiteX17" fmla="*/ 990600 w 1652587"/>
              <a:gd name="connsiteY17" fmla="*/ 871539 h 1365102"/>
              <a:gd name="connsiteX18" fmla="*/ 878681 w 1652587"/>
              <a:gd name="connsiteY18" fmla="*/ 973933 h 1365102"/>
              <a:gd name="connsiteX19" fmla="*/ 840581 w 1652587"/>
              <a:gd name="connsiteY19" fmla="*/ 1016793 h 1365102"/>
              <a:gd name="connsiteX20" fmla="*/ 764382 w 1652587"/>
              <a:gd name="connsiteY20" fmla="*/ 1104901 h 1365102"/>
              <a:gd name="connsiteX21" fmla="*/ 711993 w 1652587"/>
              <a:gd name="connsiteY21" fmla="*/ 1135858 h 1365102"/>
              <a:gd name="connsiteX22" fmla="*/ 623887 w 1652587"/>
              <a:gd name="connsiteY22" fmla="*/ 1162051 h 1365102"/>
              <a:gd name="connsiteX23" fmla="*/ 571500 w 1652587"/>
              <a:gd name="connsiteY23" fmla="*/ 1214439 h 1365102"/>
              <a:gd name="connsiteX24" fmla="*/ 504825 w 1652587"/>
              <a:gd name="connsiteY24" fmla="*/ 1247776 h 1365102"/>
              <a:gd name="connsiteX25" fmla="*/ 481012 w 1652587"/>
              <a:gd name="connsiteY25" fmla="*/ 1271589 h 1365102"/>
              <a:gd name="connsiteX26" fmla="*/ 428625 w 1652587"/>
              <a:gd name="connsiteY26" fmla="*/ 1309689 h 1365102"/>
              <a:gd name="connsiteX27" fmla="*/ 381000 w 1652587"/>
              <a:gd name="connsiteY27" fmla="*/ 1335883 h 1365102"/>
              <a:gd name="connsiteX28" fmla="*/ 338138 w 1652587"/>
              <a:gd name="connsiteY28" fmla="*/ 1354933 h 1365102"/>
              <a:gd name="connsiteX29" fmla="*/ 290512 w 1652587"/>
              <a:gd name="connsiteY29" fmla="*/ 1364457 h 1365102"/>
              <a:gd name="connsiteX30" fmla="*/ 235744 w 1652587"/>
              <a:gd name="connsiteY30" fmla="*/ 1354933 h 1365102"/>
              <a:gd name="connsiteX31" fmla="*/ 166687 w 1652587"/>
              <a:gd name="connsiteY31" fmla="*/ 1295401 h 1365102"/>
              <a:gd name="connsiteX32" fmla="*/ 140494 w 1652587"/>
              <a:gd name="connsiteY32" fmla="*/ 1245395 h 1365102"/>
              <a:gd name="connsiteX33" fmla="*/ 109537 w 1652587"/>
              <a:gd name="connsiteY33" fmla="*/ 1176339 h 1365102"/>
              <a:gd name="connsiteX34" fmla="*/ 57150 w 1652587"/>
              <a:gd name="connsiteY34" fmla="*/ 1090614 h 1365102"/>
              <a:gd name="connsiteX35" fmla="*/ 0 w 1652587"/>
              <a:gd name="connsiteY35" fmla="*/ 10525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3344 w 1595437"/>
              <a:gd name="connsiteY32" fmla="*/ 124539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76339 h 1365102"/>
              <a:gd name="connsiteX34" fmla="*/ 0 w 1595437"/>
              <a:gd name="connsiteY34" fmla="*/ 1090614 h 1365102"/>
              <a:gd name="connsiteX0" fmla="*/ 1595437 w 1595437"/>
              <a:gd name="connsiteY0" fmla="*/ 0 h 1365102"/>
              <a:gd name="connsiteX1" fmla="*/ 1574005 w 1595437"/>
              <a:gd name="connsiteY1" fmla="*/ 38102 h 1365102"/>
              <a:gd name="connsiteX2" fmla="*/ 1540669 w 1595437"/>
              <a:gd name="connsiteY2" fmla="*/ 64296 h 1365102"/>
              <a:gd name="connsiteX3" fmla="*/ 1514475 w 1595437"/>
              <a:gd name="connsiteY3" fmla="*/ 97632 h 1365102"/>
              <a:gd name="connsiteX4" fmla="*/ 1497806 w 1595437"/>
              <a:gd name="connsiteY4" fmla="*/ 126207 h 1365102"/>
              <a:gd name="connsiteX5" fmla="*/ 1469231 w 1595437"/>
              <a:gd name="connsiteY5" fmla="*/ 169070 h 1365102"/>
              <a:gd name="connsiteX6" fmla="*/ 1423988 w 1595437"/>
              <a:gd name="connsiteY6" fmla="*/ 221457 h 1365102"/>
              <a:gd name="connsiteX7" fmla="*/ 1400175 w 1595437"/>
              <a:gd name="connsiteY7" fmla="*/ 252414 h 1365102"/>
              <a:gd name="connsiteX8" fmla="*/ 1364455 w 1595437"/>
              <a:gd name="connsiteY8" fmla="*/ 307182 h 1365102"/>
              <a:gd name="connsiteX9" fmla="*/ 1326356 w 1595437"/>
              <a:gd name="connsiteY9" fmla="*/ 357189 h 1365102"/>
              <a:gd name="connsiteX10" fmla="*/ 1276350 w 1595437"/>
              <a:gd name="connsiteY10" fmla="*/ 423864 h 1365102"/>
              <a:gd name="connsiteX11" fmla="*/ 1226344 w 1595437"/>
              <a:gd name="connsiteY11" fmla="*/ 502445 h 1365102"/>
              <a:gd name="connsiteX12" fmla="*/ 1190625 w 1595437"/>
              <a:gd name="connsiteY12" fmla="*/ 561976 h 1365102"/>
              <a:gd name="connsiteX13" fmla="*/ 1152525 w 1595437"/>
              <a:gd name="connsiteY13" fmla="*/ 616745 h 1365102"/>
              <a:gd name="connsiteX14" fmla="*/ 1109662 w 1595437"/>
              <a:gd name="connsiteY14" fmla="*/ 671514 h 1365102"/>
              <a:gd name="connsiteX15" fmla="*/ 1057275 w 1595437"/>
              <a:gd name="connsiteY15" fmla="*/ 733426 h 1365102"/>
              <a:gd name="connsiteX16" fmla="*/ 1009650 w 1595437"/>
              <a:gd name="connsiteY16" fmla="*/ 785814 h 1365102"/>
              <a:gd name="connsiteX17" fmla="*/ 933450 w 1595437"/>
              <a:gd name="connsiteY17" fmla="*/ 871539 h 1365102"/>
              <a:gd name="connsiteX18" fmla="*/ 821531 w 1595437"/>
              <a:gd name="connsiteY18" fmla="*/ 973933 h 1365102"/>
              <a:gd name="connsiteX19" fmla="*/ 783431 w 1595437"/>
              <a:gd name="connsiteY19" fmla="*/ 1016793 h 1365102"/>
              <a:gd name="connsiteX20" fmla="*/ 707232 w 1595437"/>
              <a:gd name="connsiteY20" fmla="*/ 1104901 h 1365102"/>
              <a:gd name="connsiteX21" fmla="*/ 654843 w 1595437"/>
              <a:gd name="connsiteY21" fmla="*/ 1135858 h 1365102"/>
              <a:gd name="connsiteX22" fmla="*/ 566737 w 1595437"/>
              <a:gd name="connsiteY22" fmla="*/ 1162051 h 1365102"/>
              <a:gd name="connsiteX23" fmla="*/ 514350 w 1595437"/>
              <a:gd name="connsiteY23" fmla="*/ 1214439 h 1365102"/>
              <a:gd name="connsiteX24" fmla="*/ 447675 w 1595437"/>
              <a:gd name="connsiteY24" fmla="*/ 1247776 h 1365102"/>
              <a:gd name="connsiteX25" fmla="*/ 423862 w 1595437"/>
              <a:gd name="connsiteY25" fmla="*/ 1271589 h 1365102"/>
              <a:gd name="connsiteX26" fmla="*/ 371475 w 1595437"/>
              <a:gd name="connsiteY26" fmla="*/ 1309689 h 1365102"/>
              <a:gd name="connsiteX27" fmla="*/ 323850 w 1595437"/>
              <a:gd name="connsiteY27" fmla="*/ 1335883 h 1365102"/>
              <a:gd name="connsiteX28" fmla="*/ 280988 w 1595437"/>
              <a:gd name="connsiteY28" fmla="*/ 1354933 h 1365102"/>
              <a:gd name="connsiteX29" fmla="*/ 233362 w 1595437"/>
              <a:gd name="connsiteY29" fmla="*/ 1364457 h 1365102"/>
              <a:gd name="connsiteX30" fmla="*/ 178594 w 1595437"/>
              <a:gd name="connsiteY30" fmla="*/ 1354933 h 1365102"/>
              <a:gd name="connsiteX31" fmla="*/ 109537 w 1595437"/>
              <a:gd name="connsiteY31" fmla="*/ 1295401 h 1365102"/>
              <a:gd name="connsiteX32" fmla="*/ 85726 w 1595437"/>
              <a:gd name="connsiteY32" fmla="*/ 1264445 h 1365102"/>
              <a:gd name="connsiteX33" fmla="*/ 52387 w 1595437"/>
              <a:gd name="connsiteY33" fmla="*/ 1197770 h 1365102"/>
              <a:gd name="connsiteX34" fmla="*/ 0 w 1595437"/>
              <a:gd name="connsiteY34" fmla="*/ 1090614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35769 w 1583531"/>
              <a:gd name="connsiteY24" fmla="*/ 1247776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54831 w 1583531"/>
              <a:gd name="connsiteY22" fmla="*/ 1162051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14439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2937 w 1583531"/>
              <a:gd name="connsiteY21" fmla="*/ 1135858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695326 w 1583531"/>
              <a:gd name="connsiteY20" fmla="*/ 110490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 name="connsiteX0" fmla="*/ 1583531 w 1583531"/>
              <a:gd name="connsiteY0" fmla="*/ 0 h 1365102"/>
              <a:gd name="connsiteX1" fmla="*/ 1562099 w 1583531"/>
              <a:gd name="connsiteY1" fmla="*/ 38102 h 1365102"/>
              <a:gd name="connsiteX2" fmla="*/ 1528763 w 1583531"/>
              <a:gd name="connsiteY2" fmla="*/ 64296 h 1365102"/>
              <a:gd name="connsiteX3" fmla="*/ 1502569 w 1583531"/>
              <a:gd name="connsiteY3" fmla="*/ 97632 h 1365102"/>
              <a:gd name="connsiteX4" fmla="*/ 1485900 w 1583531"/>
              <a:gd name="connsiteY4" fmla="*/ 126207 h 1365102"/>
              <a:gd name="connsiteX5" fmla="*/ 1457325 w 1583531"/>
              <a:gd name="connsiteY5" fmla="*/ 169070 h 1365102"/>
              <a:gd name="connsiteX6" fmla="*/ 1412082 w 1583531"/>
              <a:gd name="connsiteY6" fmla="*/ 221457 h 1365102"/>
              <a:gd name="connsiteX7" fmla="*/ 1388269 w 1583531"/>
              <a:gd name="connsiteY7" fmla="*/ 252414 h 1365102"/>
              <a:gd name="connsiteX8" fmla="*/ 1352549 w 1583531"/>
              <a:gd name="connsiteY8" fmla="*/ 307182 h 1365102"/>
              <a:gd name="connsiteX9" fmla="*/ 1314450 w 1583531"/>
              <a:gd name="connsiteY9" fmla="*/ 357189 h 1365102"/>
              <a:gd name="connsiteX10" fmla="*/ 1264444 w 1583531"/>
              <a:gd name="connsiteY10" fmla="*/ 423864 h 1365102"/>
              <a:gd name="connsiteX11" fmla="*/ 1214438 w 1583531"/>
              <a:gd name="connsiteY11" fmla="*/ 502445 h 1365102"/>
              <a:gd name="connsiteX12" fmla="*/ 1178719 w 1583531"/>
              <a:gd name="connsiteY12" fmla="*/ 561976 h 1365102"/>
              <a:gd name="connsiteX13" fmla="*/ 1140619 w 1583531"/>
              <a:gd name="connsiteY13" fmla="*/ 616745 h 1365102"/>
              <a:gd name="connsiteX14" fmla="*/ 1097756 w 1583531"/>
              <a:gd name="connsiteY14" fmla="*/ 671514 h 1365102"/>
              <a:gd name="connsiteX15" fmla="*/ 1045369 w 1583531"/>
              <a:gd name="connsiteY15" fmla="*/ 733426 h 1365102"/>
              <a:gd name="connsiteX16" fmla="*/ 997744 w 1583531"/>
              <a:gd name="connsiteY16" fmla="*/ 785814 h 1365102"/>
              <a:gd name="connsiteX17" fmla="*/ 921544 w 1583531"/>
              <a:gd name="connsiteY17" fmla="*/ 871539 h 1365102"/>
              <a:gd name="connsiteX18" fmla="*/ 809625 w 1583531"/>
              <a:gd name="connsiteY18" fmla="*/ 973933 h 1365102"/>
              <a:gd name="connsiteX19" fmla="*/ 771525 w 1583531"/>
              <a:gd name="connsiteY19" fmla="*/ 1016793 h 1365102"/>
              <a:gd name="connsiteX20" fmla="*/ 721519 w 1583531"/>
              <a:gd name="connsiteY20" fmla="*/ 1085851 h 1365102"/>
              <a:gd name="connsiteX21" fmla="*/ 647700 w 1583531"/>
              <a:gd name="connsiteY21" fmla="*/ 1143002 h 1365102"/>
              <a:gd name="connsiteX22" fmla="*/ 564356 w 1583531"/>
              <a:gd name="connsiteY22" fmla="*/ 1173958 h 1365102"/>
              <a:gd name="connsiteX23" fmla="*/ 502444 w 1583531"/>
              <a:gd name="connsiteY23" fmla="*/ 1202533 h 1365102"/>
              <a:gd name="connsiteX24" fmla="*/ 447675 w 1583531"/>
              <a:gd name="connsiteY24" fmla="*/ 1235870 h 1365102"/>
              <a:gd name="connsiteX25" fmla="*/ 411956 w 1583531"/>
              <a:gd name="connsiteY25" fmla="*/ 1271589 h 1365102"/>
              <a:gd name="connsiteX26" fmla="*/ 359569 w 1583531"/>
              <a:gd name="connsiteY26" fmla="*/ 1309689 h 1365102"/>
              <a:gd name="connsiteX27" fmla="*/ 311944 w 1583531"/>
              <a:gd name="connsiteY27" fmla="*/ 1335883 h 1365102"/>
              <a:gd name="connsiteX28" fmla="*/ 269082 w 1583531"/>
              <a:gd name="connsiteY28" fmla="*/ 1354933 h 1365102"/>
              <a:gd name="connsiteX29" fmla="*/ 221456 w 1583531"/>
              <a:gd name="connsiteY29" fmla="*/ 1364457 h 1365102"/>
              <a:gd name="connsiteX30" fmla="*/ 166688 w 1583531"/>
              <a:gd name="connsiteY30" fmla="*/ 1354933 h 1365102"/>
              <a:gd name="connsiteX31" fmla="*/ 97631 w 1583531"/>
              <a:gd name="connsiteY31" fmla="*/ 1295401 h 1365102"/>
              <a:gd name="connsiteX32" fmla="*/ 73820 w 1583531"/>
              <a:gd name="connsiteY32" fmla="*/ 1264445 h 1365102"/>
              <a:gd name="connsiteX33" fmla="*/ 40481 w 1583531"/>
              <a:gd name="connsiteY33" fmla="*/ 1197770 h 1365102"/>
              <a:gd name="connsiteX34" fmla="*/ 0 w 1583531"/>
              <a:gd name="connsiteY34" fmla="*/ 1135858 h 13651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Lst>
            <a:rect l="l" t="t" r="r" b="b"/>
            <a:pathLst>
              <a:path w="1583531" h="1365102">
                <a:moveTo>
                  <a:pt x="1583531" y="0"/>
                </a:moveTo>
                <a:cubicBezTo>
                  <a:pt x="1574006" y="15876"/>
                  <a:pt x="1571227" y="27386"/>
                  <a:pt x="1562099" y="38102"/>
                </a:cubicBezTo>
                <a:cubicBezTo>
                  <a:pt x="1552971" y="48818"/>
                  <a:pt x="1536304" y="55565"/>
                  <a:pt x="1528763" y="64296"/>
                </a:cubicBezTo>
                <a:lnTo>
                  <a:pt x="1502569" y="97632"/>
                </a:lnTo>
                <a:cubicBezTo>
                  <a:pt x="1502569" y="100013"/>
                  <a:pt x="1485900" y="123826"/>
                  <a:pt x="1485900" y="126207"/>
                </a:cubicBezTo>
                <a:lnTo>
                  <a:pt x="1457325" y="169070"/>
                </a:lnTo>
                <a:lnTo>
                  <a:pt x="1412082" y="221457"/>
                </a:lnTo>
                <a:cubicBezTo>
                  <a:pt x="1411288" y="223838"/>
                  <a:pt x="1389063" y="250033"/>
                  <a:pt x="1388269" y="252414"/>
                </a:cubicBezTo>
                <a:lnTo>
                  <a:pt x="1352549" y="307182"/>
                </a:lnTo>
                <a:lnTo>
                  <a:pt x="1314450" y="357189"/>
                </a:lnTo>
                <a:lnTo>
                  <a:pt x="1264444" y="423864"/>
                </a:lnTo>
                <a:lnTo>
                  <a:pt x="1214438" y="502445"/>
                </a:lnTo>
                <a:lnTo>
                  <a:pt x="1178719" y="561976"/>
                </a:lnTo>
                <a:lnTo>
                  <a:pt x="1140619" y="616745"/>
                </a:lnTo>
                <a:lnTo>
                  <a:pt x="1097756" y="671514"/>
                </a:lnTo>
                <a:lnTo>
                  <a:pt x="1045369" y="733426"/>
                </a:lnTo>
                <a:lnTo>
                  <a:pt x="997744" y="785814"/>
                </a:lnTo>
                <a:lnTo>
                  <a:pt x="921544" y="871539"/>
                </a:lnTo>
                <a:lnTo>
                  <a:pt x="809625" y="973933"/>
                </a:lnTo>
                <a:cubicBezTo>
                  <a:pt x="784622" y="998142"/>
                  <a:pt x="790575" y="994965"/>
                  <a:pt x="771525" y="1016793"/>
                </a:cubicBezTo>
                <a:cubicBezTo>
                  <a:pt x="752475" y="1038621"/>
                  <a:pt x="742950" y="1066007"/>
                  <a:pt x="721519" y="1085851"/>
                </a:cubicBezTo>
                <a:cubicBezTo>
                  <a:pt x="710406" y="1098551"/>
                  <a:pt x="682626" y="1127921"/>
                  <a:pt x="647700" y="1143002"/>
                </a:cubicBezTo>
                <a:lnTo>
                  <a:pt x="564356" y="1173958"/>
                </a:lnTo>
                <a:lnTo>
                  <a:pt x="502444" y="1202533"/>
                </a:lnTo>
                <a:lnTo>
                  <a:pt x="447675" y="1235870"/>
                </a:lnTo>
                <a:lnTo>
                  <a:pt x="411956" y="1271589"/>
                </a:lnTo>
                <a:lnTo>
                  <a:pt x="359569" y="1309689"/>
                </a:lnTo>
                <a:lnTo>
                  <a:pt x="311944" y="1335883"/>
                </a:lnTo>
                <a:lnTo>
                  <a:pt x="269082" y="1354933"/>
                </a:lnTo>
                <a:cubicBezTo>
                  <a:pt x="253604" y="1358505"/>
                  <a:pt x="238125" y="1363266"/>
                  <a:pt x="221456" y="1364457"/>
                </a:cubicBezTo>
                <a:cubicBezTo>
                  <a:pt x="204787" y="1365648"/>
                  <a:pt x="187325" y="1366442"/>
                  <a:pt x="166688" y="1354933"/>
                </a:cubicBezTo>
                <a:cubicBezTo>
                  <a:pt x="146051" y="1343424"/>
                  <a:pt x="115093" y="1313657"/>
                  <a:pt x="97631" y="1295401"/>
                </a:cubicBezTo>
                <a:lnTo>
                  <a:pt x="73820" y="1264445"/>
                </a:lnTo>
                <a:lnTo>
                  <a:pt x="40481" y="1197770"/>
                </a:lnTo>
                <a:lnTo>
                  <a:pt x="0" y="1135858"/>
                </a:lnTo>
              </a:path>
            </a:pathLst>
          </a:custGeom>
          <a:noFill/>
          <a:ln w="19050" cmpd="sng">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5" name="Picture 2" descr="③位置図（100709）"/>
          <p:cNvPicPr>
            <a:picLocks noChangeAspect="1" noChangeArrowheads="1"/>
          </p:cNvPicPr>
          <p:nvPr/>
        </p:nvPicPr>
        <p:blipFill>
          <a:blip r:embed="rId3" cstate="email"/>
          <a:srcRect/>
          <a:stretch>
            <a:fillRect/>
          </a:stretch>
        </p:blipFill>
        <p:spPr bwMode="auto">
          <a:xfrm>
            <a:off x="408970" y="1052736"/>
            <a:ext cx="4212610" cy="4098950"/>
          </a:xfrm>
          <a:prstGeom prst="rect">
            <a:avLst/>
          </a:prstGeom>
          <a:noFill/>
          <a:ln w="9525">
            <a:noFill/>
            <a:miter lim="800000"/>
            <a:headEnd/>
            <a:tailEnd/>
          </a:ln>
        </p:spPr>
      </p:pic>
      <p:sp>
        <p:nvSpPr>
          <p:cNvPr id="66" name="フリーフォーム 65"/>
          <p:cNvSpPr/>
          <p:nvPr/>
        </p:nvSpPr>
        <p:spPr>
          <a:xfrm>
            <a:off x="2554441" y="2335613"/>
            <a:ext cx="312503" cy="385345"/>
          </a:xfrm>
          <a:custGeom>
            <a:avLst/>
            <a:gdLst>
              <a:gd name="connsiteX0" fmla="*/ 968721 w 3268301"/>
              <a:gd name="connsiteY0" fmla="*/ 149383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68721 w 3268301"/>
              <a:gd name="connsiteY6" fmla="*/ 149383 h 1810693"/>
              <a:gd name="connsiteX0" fmla="*/ 989171 w 3268301"/>
              <a:gd name="connsiteY0" fmla="*/ 165077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89171 w 3268301"/>
              <a:gd name="connsiteY6" fmla="*/ 165077 h 1810693"/>
              <a:gd name="connsiteX0" fmla="*/ 792088 w 3071218"/>
              <a:gd name="connsiteY0" fmla="*/ 165077 h 2325317"/>
              <a:gd name="connsiteX1" fmla="*/ 2188505 w 3071218"/>
              <a:gd name="connsiteY1" fmla="*/ 0 h 2325317"/>
              <a:gd name="connsiteX2" fmla="*/ 3025951 w 3071218"/>
              <a:gd name="connsiteY2" fmla="*/ 1484769 h 2325317"/>
              <a:gd name="connsiteX3" fmla="*/ 3071218 w 3071218"/>
              <a:gd name="connsiteY3" fmla="*/ 1797113 h 2325317"/>
              <a:gd name="connsiteX4" fmla="*/ 2718133 w 3071218"/>
              <a:gd name="connsiteY4" fmla="*/ 1810693 h 2325317"/>
              <a:gd name="connsiteX5" fmla="*/ 0 w 3071218"/>
              <a:gd name="connsiteY5" fmla="*/ 2325317 h 2325317"/>
              <a:gd name="connsiteX6" fmla="*/ 792088 w 3071218"/>
              <a:gd name="connsiteY6" fmla="*/ 165077 h 2325317"/>
              <a:gd name="connsiteX0" fmla="*/ 792088 w 3071218"/>
              <a:gd name="connsiteY0" fmla="*/ 165077 h 4197525"/>
              <a:gd name="connsiteX1" fmla="*/ 2188505 w 3071218"/>
              <a:gd name="connsiteY1" fmla="*/ 0 h 4197525"/>
              <a:gd name="connsiteX2" fmla="*/ 3025951 w 3071218"/>
              <a:gd name="connsiteY2" fmla="*/ 1484769 h 4197525"/>
              <a:gd name="connsiteX3" fmla="*/ 3071218 w 3071218"/>
              <a:gd name="connsiteY3" fmla="*/ 1797113 h 4197525"/>
              <a:gd name="connsiteX4" fmla="*/ 2718133 w 3071218"/>
              <a:gd name="connsiteY4" fmla="*/ 1810693 h 4197525"/>
              <a:gd name="connsiteX5" fmla="*/ 936103 w 3071218"/>
              <a:gd name="connsiteY5" fmla="*/ 4197525 h 4197525"/>
              <a:gd name="connsiteX6" fmla="*/ 0 w 3071218"/>
              <a:gd name="connsiteY6" fmla="*/ 2325317 h 4197525"/>
              <a:gd name="connsiteX7" fmla="*/ 792088 w 3071218"/>
              <a:gd name="connsiteY7" fmla="*/ 165077 h 4197525"/>
              <a:gd name="connsiteX0" fmla="*/ 792088 w 3096343"/>
              <a:gd name="connsiteY0" fmla="*/ 165077 h 4485557"/>
              <a:gd name="connsiteX1" fmla="*/ 2188505 w 3096343"/>
              <a:gd name="connsiteY1" fmla="*/ 0 h 4485557"/>
              <a:gd name="connsiteX2" fmla="*/ 3025951 w 3096343"/>
              <a:gd name="connsiteY2" fmla="*/ 1484769 h 4485557"/>
              <a:gd name="connsiteX3" fmla="*/ 3071218 w 3096343"/>
              <a:gd name="connsiteY3" fmla="*/ 1797113 h 4485557"/>
              <a:gd name="connsiteX4" fmla="*/ 2718133 w 3096343"/>
              <a:gd name="connsiteY4" fmla="*/ 1810693 h 4485557"/>
              <a:gd name="connsiteX5" fmla="*/ 3096343 w 3096343"/>
              <a:gd name="connsiteY5" fmla="*/ 4485557 h 4485557"/>
              <a:gd name="connsiteX6" fmla="*/ 936103 w 3096343"/>
              <a:gd name="connsiteY6" fmla="*/ 4197525 h 4485557"/>
              <a:gd name="connsiteX7" fmla="*/ 0 w 3096343"/>
              <a:gd name="connsiteY7" fmla="*/ 2325317 h 4485557"/>
              <a:gd name="connsiteX8" fmla="*/ 792088 w 3096343"/>
              <a:gd name="connsiteY8" fmla="*/ 165077 h 4485557"/>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296144 w 3456384"/>
              <a:gd name="connsiteY6" fmla="*/ 4197525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683939 w 3456384"/>
              <a:gd name="connsiteY6" fmla="*/ 4703276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827576"/>
              <a:gd name="connsiteY0" fmla="*/ 165077 h 5421661"/>
              <a:gd name="connsiteX1" fmla="*/ 2548546 w 3827576"/>
              <a:gd name="connsiteY1" fmla="*/ 0 h 5421661"/>
              <a:gd name="connsiteX2" fmla="*/ 3385992 w 3827576"/>
              <a:gd name="connsiteY2" fmla="*/ 1484769 h 5421661"/>
              <a:gd name="connsiteX3" fmla="*/ 3431259 w 3827576"/>
              <a:gd name="connsiteY3" fmla="*/ 1797113 h 5421661"/>
              <a:gd name="connsiteX4" fmla="*/ 3078174 w 3827576"/>
              <a:gd name="connsiteY4" fmla="*/ 1810693 h 5421661"/>
              <a:gd name="connsiteX5" fmla="*/ 3827576 w 3827576"/>
              <a:gd name="connsiteY5" fmla="*/ 4811482 h 5421661"/>
              <a:gd name="connsiteX6" fmla="*/ 1683939 w 3827576"/>
              <a:gd name="connsiteY6" fmla="*/ 4703276 h 5421661"/>
              <a:gd name="connsiteX7" fmla="*/ 0 w 3827576"/>
              <a:gd name="connsiteY7" fmla="*/ 5421661 h 5421661"/>
              <a:gd name="connsiteX8" fmla="*/ 360041 w 3827576"/>
              <a:gd name="connsiteY8" fmla="*/ 2325317 h 5421661"/>
              <a:gd name="connsiteX9" fmla="*/ 1152129 w 3827576"/>
              <a:gd name="connsiteY9"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599963 w 4067498"/>
              <a:gd name="connsiteY9" fmla="*/ 2325317 h 5421661"/>
              <a:gd name="connsiteX10" fmla="*/ 1392051 w 4067498"/>
              <a:gd name="connsiteY10"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636581 w 4067498"/>
              <a:gd name="connsiteY5" fmla="*/ 3418358 h 5421661"/>
              <a:gd name="connsiteX6" fmla="*/ 4067498 w 4067498"/>
              <a:gd name="connsiteY6" fmla="*/ 4811482 h 5421661"/>
              <a:gd name="connsiteX7" fmla="*/ 1923861 w 4067498"/>
              <a:gd name="connsiteY7" fmla="*/ 4703276 h 5421661"/>
              <a:gd name="connsiteX8" fmla="*/ 239922 w 4067498"/>
              <a:gd name="connsiteY8" fmla="*/ 5421661 h 5421661"/>
              <a:gd name="connsiteX9" fmla="*/ 0 w 4067498"/>
              <a:gd name="connsiteY9" fmla="*/ 4576527 h 5421661"/>
              <a:gd name="connsiteX10" fmla="*/ 67056 w 4067498"/>
              <a:gd name="connsiteY10" fmla="*/ 4245252 h 5421661"/>
              <a:gd name="connsiteX11" fmla="*/ 599963 w 4067498"/>
              <a:gd name="connsiteY11" fmla="*/ 2325317 h 5421661"/>
              <a:gd name="connsiteX12" fmla="*/ 1392051 w 4067498"/>
              <a:gd name="connsiteY12"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36581 w 4067498"/>
              <a:gd name="connsiteY6" fmla="*/ 3418358 h 5421661"/>
              <a:gd name="connsiteX7" fmla="*/ 4067498 w 4067498"/>
              <a:gd name="connsiteY7" fmla="*/ 4811482 h 5421661"/>
              <a:gd name="connsiteX8" fmla="*/ 1923861 w 4067498"/>
              <a:gd name="connsiteY8" fmla="*/ 4703276 h 5421661"/>
              <a:gd name="connsiteX9" fmla="*/ 239922 w 4067498"/>
              <a:gd name="connsiteY9" fmla="*/ 5421661 h 5421661"/>
              <a:gd name="connsiteX10" fmla="*/ 0 w 4067498"/>
              <a:gd name="connsiteY10" fmla="*/ 4576527 h 5421661"/>
              <a:gd name="connsiteX11" fmla="*/ 67056 w 4067498"/>
              <a:gd name="connsiteY11" fmla="*/ 4245252 h 5421661"/>
              <a:gd name="connsiteX12" fmla="*/ 599963 w 4067498"/>
              <a:gd name="connsiteY12" fmla="*/ 2325317 h 5421661"/>
              <a:gd name="connsiteX13" fmla="*/ 1392051 w 4067498"/>
              <a:gd name="connsiteY13"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36581 w 4067498"/>
              <a:gd name="connsiteY7" fmla="*/ 3418358 h 5421661"/>
              <a:gd name="connsiteX8" fmla="*/ 4067498 w 4067498"/>
              <a:gd name="connsiteY8" fmla="*/ 4811482 h 5421661"/>
              <a:gd name="connsiteX9" fmla="*/ 1923861 w 4067498"/>
              <a:gd name="connsiteY9" fmla="*/ 4703276 h 5421661"/>
              <a:gd name="connsiteX10" fmla="*/ 239922 w 4067498"/>
              <a:gd name="connsiteY10" fmla="*/ 5421661 h 5421661"/>
              <a:gd name="connsiteX11" fmla="*/ 0 w 4067498"/>
              <a:gd name="connsiteY11" fmla="*/ 4576527 h 5421661"/>
              <a:gd name="connsiteX12" fmla="*/ 67056 w 4067498"/>
              <a:gd name="connsiteY12" fmla="*/ 4245252 h 5421661"/>
              <a:gd name="connsiteX13" fmla="*/ 599963 w 4067498"/>
              <a:gd name="connsiteY13" fmla="*/ 2325317 h 5421661"/>
              <a:gd name="connsiteX14" fmla="*/ 1392051 w 4067498"/>
              <a:gd name="connsiteY14"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9219 w 4067498"/>
              <a:gd name="connsiteY2" fmla="*/ 686114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219219 w 4067498"/>
              <a:gd name="connsiteY3" fmla="*/ 686114 h 5421661"/>
              <a:gd name="connsiteX4" fmla="*/ 3373967 w 4067498"/>
              <a:gd name="connsiteY4" fmla="*/ 1144244 h 5421661"/>
              <a:gd name="connsiteX5" fmla="*/ 3526262 w 4067498"/>
              <a:gd name="connsiteY5" fmla="*/ 1723171 h 5421661"/>
              <a:gd name="connsiteX6" fmla="*/ 3716803 w 4067498"/>
              <a:gd name="connsiteY6" fmla="*/ 2509654 h 5421661"/>
              <a:gd name="connsiteX7" fmla="*/ 3646054 w 4067498"/>
              <a:gd name="connsiteY7" fmla="*/ 2992846 h 5421661"/>
              <a:gd name="connsiteX8" fmla="*/ 3623001 w 4067498"/>
              <a:gd name="connsiteY8" fmla="*/ 3329922 h 5421661"/>
              <a:gd name="connsiteX9" fmla="*/ 3636581 w 4067498"/>
              <a:gd name="connsiteY9" fmla="*/ 3418358 h 5421661"/>
              <a:gd name="connsiteX10" fmla="*/ 4067498 w 4067498"/>
              <a:gd name="connsiteY10" fmla="*/ 4811482 h 5421661"/>
              <a:gd name="connsiteX11" fmla="*/ 1923861 w 4067498"/>
              <a:gd name="connsiteY11" fmla="*/ 4703276 h 5421661"/>
              <a:gd name="connsiteX12" fmla="*/ 239922 w 4067498"/>
              <a:gd name="connsiteY12" fmla="*/ 5421661 h 5421661"/>
              <a:gd name="connsiteX13" fmla="*/ 0 w 4067498"/>
              <a:gd name="connsiteY13" fmla="*/ 4576527 h 5421661"/>
              <a:gd name="connsiteX14" fmla="*/ 67056 w 4067498"/>
              <a:gd name="connsiteY14" fmla="*/ 4245252 h 5421661"/>
              <a:gd name="connsiteX15" fmla="*/ 599963 w 4067498"/>
              <a:gd name="connsiteY15" fmla="*/ 2325317 h 5421661"/>
              <a:gd name="connsiteX16" fmla="*/ 1392051 w 4067498"/>
              <a:gd name="connsiteY16"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035274 w 4067498"/>
              <a:gd name="connsiteY3" fmla="*/ 397917 h 5421661"/>
              <a:gd name="connsiteX4" fmla="*/ 3219219 w 4067498"/>
              <a:gd name="connsiteY4" fmla="*/ 686114 h 5421661"/>
              <a:gd name="connsiteX5" fmla="*/ 3373967 w 4067498"/>
              <a:gd name="connsiteY5" fmla="*/ 1144244 h 5421661"/>
              <a:gd name="connsiteX6" fmla="*/ 3526262 w 4067498"/>
              <a:gd name="connsiteY6" fmla="*/ 1723171 h 5421661"/>
              <a:gd name="connsiteX7" fmla="*/ 3716803 w 4067498"/>
              <a:gd name="connsiteY7" fmla="*/ 2509654 h 5421661"/>
              <a:gd name="connsiteX8" fmla="*/ 3646054 w 4067498"/>
              <a:gd name="connsiteY8" fmla="*/ 2992846 h 5421661"/>
              <a:gd name="connsiteX9" fmla="*/ 3623001 w 4067498"/>
              <a:gd name="connsiteY9" fmla="*/ 3329922 h 5421661"/>
              <a:gd name="connsiteX10" fmla="*/ 3636581 w 4067498"/>
              <a:gd name="connsiteY10" fmla="*/ 3418358 h 5421661"/>
              <a:gd name="connsiteX11" fmla="*/ 4067498 w 4067498"/>
              <a:gd name="connsiteY11" fmla="*/ 4811482 h 5421661"/>
              <a:gd name="connsiteX12" fmla="*/ 1923861 w 4067498"/>
              <a:gd name="connsiteY12" fmla="*/ 4703276 h 5421661"/>
              <a:gd name="connsiteX13" fmla="*/ 239922 w 4067498"/>
              <a:gd name="connsiteY13" fmla="*/ 5421661 h 5421661"/>
              <a:gd name="connsiteX14" fmla="*/ 0 w 4067498"/>
              <a:gd name="connsiteY14" fmla="*/ 4576527 h 5421661"/>
              <a:gd name="connsiteX15" fmla="*/ 67056 w 4067498"/>
              <a:gd name="connsiteY15" fmla="*/ 4245252 h 5421661"/>
              <a:gd name="connsiteX16" fmla="*/ 599963 w 4067498"/>
              <a:gd name="connsiteY16" fmla="*/ 2325317 h 5421661"/>
              <a:gd name="connsiteX17" fmla="*/ 1392051 w 4067498"/>
              <a:gd name="connsiteY17" fmla="*/ 165077 h 542166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392051 w 4067498"/>
              <a:gd name="connsiteY17" fmla="*/ 145397 h 540198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2051 w 4067498"/>
              <a:gd name="connsiteY18" fmla="*/ 145397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8761 w 4067498"/>
              <a:gd name="connsiteY18"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599963 w 4067498"/>
              <a:gd name="connsiteY17" fmla="*/ 2305637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244439 w 4067498"/>
              <a:gd name="connsiteY16" fmla="*/ 3724274 h 5401981"/>
              <a:gd name="connsiteX17" fmla="*/ 435401 w 4067498"/>
              <a:gd name="connsiteY17" fmla="*/ 3059593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3481413 w 4067498"/>
              <a:gd name="connsiteY12" fmla="*/ 4789824 h 5401981"/>
              <a:gd name="connsiteX13" fmla="*/ 1923861 w 4067498"/>
              <a:gd name="connsiteY13" fmla="*/ 4683596 h 5401981"/>
              <a:gd name="connsiteX14" fmla="*/ 239922 w 4067498"/>
              <a:gd name="connsiteY14" fmla="*/ 5401981 h 5401981"/>
              <a:gd name="connsiteX15" fmla="*/ 0 w 4067498"/>
              <a:gd name="connsiteY15" fmla="*/ 4556847 h 5401981"/>
              <a:gd name="connsiteX16" fmla="*/ 67056 w 4067498"/>
              <a:gd name="connsiteY16" fmla="*/ 4225572 h 5401981"/>
              <a:gd name="connsiteX17" fmla="*/ 244439 w 4067498"/>
              <a:gd name="connsiteY17" fmla="*/ 3724274 h 5401981"/>
              <a:gd name="connsiteX18" fmla="*/ 435401 w 4067498"/>
              <a:gd name="connsiteY18" fmla="*/ 3059593 h 5401981"/>
              <a:gd name="connsiteX19" fmla="*/ 663416 w 4067498"/>
              <a:gd name="connsiteY19" fmla="*/ 2175951 h 5401981"/>
              <a:gd name="connsiteX20" fmla="*/ 1151134 w 4067498"/>
              <a:gd name="connsiteY20" fmla="*/ 605413 h 5401981"/>
              <a:gd name="connsiteX21" fmla="*/ 1398761 w 4067498"/>
              <a:gd name="connsiteY21" fmla="*/ 156863 h 5401981"/>
              <a:gd name="connsiteX0" fmla="*/ 1398761 w 4067498"/>
              <a:gd name="connsiteY0" fmla="*/ 199995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398761 w 4067498"/>
              <a:gd name="connsiteY21" fmla="*/ 199995 h 5445113"/>
              <a:gd name="connsiteX0" fmla="*/ 1402226 w 4067498"/>
              <a:gd name="connsiteY0" fmla="*/ 170806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369270 w 4067498"/>
              <a:gd name="connsiteY12" fmla="*/ 4815703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23861 w 4076124"/>
              <a:gd name="connsiteY13" fmla="*/ 47267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84246 w 4076124"/>
              <a:gd name="connsiteY13" fmla="*/ 4718101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63737 w 4076124"/>
              <a:gd name="connsiteY13" fmla="*/ 46985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Lst>
            <a:rect l="l" t="t" r="r" b="b"/>
            <a:pathLst>
              <a:path w="4076124" h="5445113">
                <a:moveTo>
                  <a:pt x="1402226" y="170806"/>
                </a:moveTo>
                <a:lnTo>
                  <a:pt x="2612596" y="0"/>
                </a:lnTo>
                <a:lnTo>
                  <a:pt x="2864141" y="202557"/>
                </a:lnTo>
                <a:lnTo>
                  <a:pt x="3035274" y="421369"/>
                </a:lnTo>
                <a:lnTo>
                  <a:pt x="3219219" y="709566"/>
                </a:lnTo>
                <a:lnTo>
                  <a:pt x="3373967" y="1167696"/>
                </a:lnTo>
                <a:lnTo>
                  <a:pt x="3526262" y="1746623"/>
                </a:lnTo>
                <a:lnTo>
                  <a:pt x="3716803" y="2533106"/>
                </a:lnTo>
                <a:lnTo>
                  <a:pt x="3646054" y="3016298"/>
                </a:lnTo>
                <a:lnTo>
                  <a:pt x="3623001" y="3353374"/>
                </a:lnTo>
                <a:cubicBezTo>
                  <a:pt x="3622030" y="3385286"/>
                  <a:pt x="3637552" y="3409898"/>
                  <a:pt x="3636581" y="3441810"/>
                </a:cubicBezTo>
                <a:lnTo>
                  <a:pt x="4076124" y="4826308"/>
                </a:lnTo>
                <a:lnTo>
                  <a:pt x="3369270" y="4815703"/>
                </a:lnTo>
                <a:lnTo>
                  <a:pt x="1963737" y="4698528"/>
                </a:lnTo>
                <a:lnTo>
                  <a:pt x="239922" y="5445113"/>
                </a:lnTo>
                <a:lnTo>
                  <a:pt x="0" y="4599979"/>
                </a:lnTo>
                <a:lnTo>
                  <a:pt x="67056" y="4268704"/>
                </a:lnTo>
                <a:cubicBezTo>
                  <a:pt x="107042" y="4117059"/>
                  <a:pt x="183048" y="3961736"/>
                  <a:pt x="244439" y="3767406"/>
                </a:cubicBezTo>
                <a:cubicBezTo>
                  <a:pt x="305830" y="3573076"/>
                  <a:pt x="365572" y="3360779"/>
                  <a:pt x="435401" y="3102725"/>
                </a:cubicBezTo>
                <a:cubicBezTo>
                  <a:pt x="505230" y="2844671"/>
                  <a:pt x="544127" y="2628113"/>
                  <a:pt x="663416" y="2219083"/>
                </a:cubicBezTo>
                <a:lnTo>
                  <a:pt x="1151134" y="648545"/>
                </a:lnTo>
                <a:lnTo>
                  <a:pt x="1402226" y="170806"/>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7" name="フリーフォーム 66"/>
          <p:cNvSpPr/>
          <p:nvPr/>
        </p:nvSpPr>
        <p:spPr>
          <a:xfrm>
            <a:off x="2409570" y="2723518"/>
            <a:ext cx="609008" cy="204204"/>
          </a:xfrm>
          <a:custGeom>
            <a:avLst/>
            <a:gdLst>
              <a:gd name="connsiteX0" fmla="*/ 718019 w 718019"/>
              <a:gd name="connsiteY0" fmla="*/ 101259 h 260819"/>
              <a:gd name="connsiteX1" fmla="*/ 718019 w 718019"/>
              <a:gd name="connsiteY1" fmla="*/ 101259 h 260819"/>
              <a:gd name="connsiteX2" fmla="*/ 613691 w 718019"/>
              <a:gd name="connsiteY2" fmla="*/ 58301 h 260819"/>
              <a:gd name="connsiteX3" fmla="*/ 524706 w 718019"/>
              <a:gd name="connsiteY3" fmla="*/ 12274 h 260819"/>
              <a:gd name="connsiteX4" fmla="*/ 487884 w 718019"/>
              <a:gd name="connsiteY4" fmla="*/ 0 h 260819"/>
              <a:gd name="connsiteX5" fmla="*/ 343667 w 718019"/>
              <a:gd name="connsiteY5" fmla="*/ 3068 h 260819"/>
              <a:gd name="connsiteX6" fmla="*/ 193313 w 718019"/>
              <a:gd name="connsiteY6" fmla="*/ 33753 h 260819"/>
              <a:gd name="connsiteX7" fmla="*/ 131943 w 718019"/>
              <a:gd name="connsiteY7" fmla="*/ 76711 h 260819"/>
              <a:gd name="connsiteX8" fmla="*/ 49095 w 718019"/>
              <a:gd name="connsiteY8" fmla="*/ 190244 h 260819"/>
              <a:gd name="connsiteX9" fmla="*/ 0 w 718019"/>
              <a:gd name="connsiteY9" fmla="*/ 260819 h 260819"/>
              <a:gd name="connsiteX10" fmla="*/ 131943 w 718019"/>
              <a:gd name="connsiteY10" fmla="*/ 184107 h 260819"/>
              <a:gd name="connsiteX11" fmla="*/ 263887 w 718019"/>
              <a:gd name="connsiteY11" fmla="*/ 104327 h 260819"/>
              <a:gd name="connsiteX12" fmla="*/ 306845 w 718019"/>
              <a:gd name="connsiteY12" fmla="*/ 52164 h 260819"/>
              <a:gd name="connsiteX13" fmla="*/ 432652 w 718019"/>
              <a:gd name="connsiteY13" fmla="*/ 42958 h 260819"/>
              <a:gd name="connsiteX14" fmla="*/ 543117 w 718019"/>
              <a:gd name="connsiteY14" fmla="*/ 58301 h 260819"/>
              <a:gd name="connsiteX15" fmla="*/ 613691 w 718019"/>
              <a:gd name="connsiteY15" fmla="*/ 88985 h 260819"/>
              <a:gd name="connsiteX16" fmla="*/ 665855 w 718019"/>
              <a:gd name="connsiteY16" fmla="*/ 101259 h 260819"/>
              <a:gd name="connsiteX17" fmla="*/ 718019 w 718019"/>
              <a:gd name="connsiteY17" fmla="*/ 101259 h 2608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Lst>
            <a:rect l="l" t="t" r="r" b="b"/>
            <a:pathLst>
              <a:path w="718019" h="260819">
                <a:moveTo>
                  <a:pt x="718019" y="101259"/>
                </a:moveTo>
                <a:lnTo>
                  <a:pt x="718019" y="101259"/>
                </a:lnTo>
                <a:lnTo>
                  <a:pt x="613691" y="58301"/>
                </a:lnTo>
                <a:lnTo>
                  <a:pt x="524706" y="12274"/>
                </a:lnTo>
                <a:lnTo>
                  <a:pt x="487884" y="0"/>
                </a:lnTo>
                <a:lnTo>
                  <a:pt x="343667" y="3068"/>
                </a:lnTo>
                <a:lnTo>
                  <a:pt x="193313" y="33753"/>
                </a:lnTo>
                <a:lnTo>
                  <a:pt x="131943" y="76711"/>
                </a:lnTo>
                <a:lnTo>
                  <a:pt x="49095" y="190244"/>
                </a:lnTo>
                <a:lnTo>
                  <a:pt x="0" y="260819"/>
                </a:lnTo>
                <a:lnTo>
                  <a:pt x="131943" y="184107"/>
                </a:lnTo>
                <a:lnTo>
                  <a:pt x="263887" y="104327"/>
                </a:lnTo>
                <a:lnTo>
                  <a:pt x="306845" y="52164"/>
                </a:lnTo>
                <a:lnTo>
                  <a:pt x="432652" y="42958"/>
                </a:lnTo>
                <a:lnTo>
                  <a:pt x="543117" y="58301"/>
                </a:lnTo>
                <a:lnTo>
                  <a:pt x="613691" y="88985"/>
                </a:lnTo>
                <a:lnTo>
                  <a:pt x="665855" y="101259"/>
                </a:lnTo>
                <a:lnTo>
                  <a:pt x="718019" y="101259"/>
                </a:lnTo>
                <a:close/>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68" name="フリーフォーム 67"/>
          <p:cNvSpPr/>
          <p:nvPr/>
        </p:nvSpPr>
        <p:spPr>
          <a:xfrm>
            <a:off x="2781741" y="2598593"/>
            <a:ext cx="28628" cy="730328"/>
          </a:xfrm>
          <a:custGeom>
            <a:avLst/>
            <a:gdLst>
              <a:gd name="connsiteX0" fmla="*/ 0 w 33753"/>
              <a:gd name="connsiteY0" fmla="*/ 0 h 932811"/>
              <a:gd name="connsiteX1" fmla="*/ 30685 w 33753"/>
              <a:gd name="connsiteY1" fmla="*/ 119670 h 932811"/>
              <a:gd name="connsiteX2" fmla="*/ 33753 w 33753"/>
              <a:gd name="connsiteY2" fmla="*/ 932811 h 932811"/>
              <a:gd name="connsiteX3" fmla="*/ 33753 w 33753"/>
              <a:gd name="connsiteY3" fmla="*/ 932811 h 932811"/>
            </a:gdLst>
            <a:ahLst/>
            <a:cxnLst>
              <a:cxn ang="0">
                <a:pos x="connsiteX0" y="connsiteY0"/>
              </a:cxn>
              <a:cxn ang="0">
                <a:pos x="connsiteX1" y="connsiteY1"/>
              </a:cxn>
              <a:cxn ang="0">
                <a:pos x="connsiteX2" y="connsiteY2"/>
              </a:cxn>
              <a:cxn ang="0">
                <a:pos x="connsiteX3" y="connsiteY3"/>
              </a:cxn>
            </a:cxnLst>
            <a:rect l="l" t="t" r="r" b="b"/>
            <a:pathLst>
              <a:path w="33753" h="932811">
                <a:moveTo>
                  <a:pt x="0" y="0"/>
                </a:moveTo>
                <a:lnTo>
                  <a:pt x="30685" y="119670"/>
                </a:lnTo>
                <a:cubicBezTo>
                  <a:pt x="31708" y="390717"/>
                  <a:pt x="32730" y="661764"/>
                  <a:pt x="33753" y="932811"/>
                </a:cubicBezTo>
                <a:lnTo>
                  <a:pt x="33753" y="932811"/>
                </a:lnTo>
              </a:path>
            </a:pathLst>
          </a:custGeom>
          <a:ln w="19050">
            <a:solidFill>
              <a:srgbClr val="FF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69" name="フリーフォーム 68"/>
          <p:cNvSpPr/>
          <p:nvPr/>
        </p:nvSpPr>
        <p:spPr>
          <a:xfrm>
            <a:off x="2715574" y="3078596"/>
            <a:ext cx="173005" cy="306170"/>
          </a:xfrm>
          <a:custGeom>
            <a:avLst/>
            <a:gdLst>
              <a:gd name="connsiteX0" fmla="*/ 1163782 w 3182587"/>
              <a:gd name="connsiteY0" fmla="*/ 11875 h 5735782"/>
              <a:gd name="connsiteX1" fmla="*/ 1175658 w 3182587"/>
              <a:gd name="connsiteY1" fmla="*/ 807522 h 5735782"/>
              <a:gd name="connsiteX2" fmla="*/ 249382 w 3182587"/>
              <a:gd name="connsiteY2" fmla="*/ 795647 h 5735782"/>
              <a:gd name="connsiteX3" fmla="*/ 0 w 3182587"/>
              <a:gd name="connsiteY3" fmla="*/ 3479470 h 5735782"/>
              <a:gd name="connsiteX4" fmla="*/ 1294411 w 3182587"/>
              <a:gd name="connsiteY4" fmla="*/ 5735782 h 5735782"/>
              <a:gd name="connsiteX5" fmla="*/ 1923803 w 3182587"/>
              <a:gd name="connsiteY5" fmla="*/ 5498275 h 5735782"/>
              <a:gd name="connsiteX6" fmla="*/ 2054432 w 3182587"/>
              <a:gd name="connsiteY6" fmla="*/ 5676405 h 5735782"/>
              <a:gd name="connsiteX7" fmla="*/ 3063834 w 3182587"/>
              <a:gd name="connsiteY7" fmla="*/ 5712031 h 5735782"/>
              <a:gd name="connsiteX8" fmla="*/ 3182587 w 3182587"/>
              <a:gd name="connsiteY8" fmla="*/ 819397 h 5735782"/>
              <a:gd name="connsiteX9" fmla="*/ 2125683 w 3182587"/>
              <a:gd name="connsiteY9" fmla="*/ 807522 h 5735782"/>
              <a:gd name="connsiteX10" fmla="*/ 2137559 w 3182587"/>
              <a:gd name="connsiteY10" fmla="*/ 0 h 5735782"/>
              <a:gd name="connsiteX11" fmla="*/ 1163782 w 3182587"/>
              <a:gd name="connsiteY11" fmla="*/ 11875 h 5735782"/>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923803 w 3182587"/>
              <a:gd name="connsiteY5" fmla="*/ 5498275 h 5712031"/>
              <a:gd name="connsiteX6" fmla="*/ 2054432 w 3182587"/>
              <a:gd name="connsiteY6" fmla="*/ 5676405 h 5712031"/>
              <a:gd name="connsiteX7" fmla="*/ 3063834 w 3182587"/>
              <a:gd name="connsiteY7" fmla="*/ 5712031 h 5712031"/>
              <a:gd name="connsiteX8" fmla="*/ 3182587 w 3182587"/>
              <a:gd name="connsiteY8" fmla="*/ 819397 h 5712031"/>
              <a:gd name="connsiteX9" fmla="*/ 2125683 w 3182587"/>
              <a:gd name="connsiteY9" fmla="*/ 807522 h 5712031"/>
              <a:gd name="connsiteX10" fmla="*/ 2137559 w 3182587"/>
              <a:gd name="connsiteY10" fmla="*/ 0 h 5712031"/>
              <a:gd name="connsiteX11" fmla="*/ 1163782 w 3182587"/>
              <a:gd name="connsiteY11"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43793 w 3182587"/>
              <a:gd name="connsiteY5" fmla="*/ 5557653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923803 w 3182587"/>
              <a:gd name="connsiteY6" fmla="*/ 5498275 h 5712031"/>
              <a:gd name="connsiteX7" fmla="*/ 2054432 w 3182587"/>
              <a:gd name="connsiteY7" fmla="*/ 5676405 h 5712031"/>
              <a:gd name="connsiteX8" fmla="*/ 3063834 w 3182587"/>
              <a:gd name="connsiteY8" fmla="*/ 5712031 h 5712031"/>
              <a:gd name="connsiteX9" fmla="*/ 3182587 w 3182587"/>
              <a:gd name="connsiteY9" fmla="*/ 819397 h 5712031"/>
              <a:gd name="connsiteX10" fmla="*/ 2125683 w 3182587"/>
              <a:gd name="connsiteY10" fmla="*/ 807522 h 5712031"/>
              <a:gd name="connsiteX11" fmla="*/ 2137559 w 3182587"/>
              <a:gd name="connsiteY11" fmla="*/ 0 h 5712031"/>
              <a:gd name="connsiteX12" fmla="*/ 1163782 w 3182587"/>
              <a:gd name="connsiteY12"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781299 w 3182587"/>
              <a:gd name="connsiteY6" fmla="*/ 5462650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0165 w 3182587"/>
              <a:gd name="connsiteY6" fmla="*/ 5601631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23803 w 3182587"/>
              <a:gd name="connsiteY7" fmla="*/ 5498275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31172 w 3182587"/>
              <a:gd name="connsiteY6" fmla="*/ 5585477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12031"/>
              <a:gd name="connsiteX1" fmla="*/ 1175658 w 3182587"/>
              <a:gd name="connsiteY1" fmla="*/ 807522 h 5712031"/>
              <a:gd name="connsiteX2" fmla="*/ 249382 w 3182587"/>
              <a:gd name="connsiteY2" fmla="*/ 795647 h 5712031"/>
              <a:gd name="connsiteX3" fmla="*/ 0 w 3182587"/>
              <a:gd name="connsiteY3" fmla="*/ 3479470 h 5712031"/>
              <a:gd name="connsiteX4" fmla="*/ 1229821 w 3182587"/>
              <a:gd name="connsiteY4" fmla="*/ 5623113 h 5712031"/>
              <a:gd name="connsiteX5" fmla="*/ 1571182 w 3182587"/>
              <a:gd name="connsiteY5" fmla="*/ 5458372 h 5712031"/>
              <a:gd name="connsiteX6" fmla="*/ 1643048 w 3182587"/>
              <a:gd name="connsiteY6" fmla="*/ 5549851 h 5712031"/>
              <a:gd name="connsiteX7" fmla="*/ 1900053 w 3182587"/>
              <a:gd name="connsiteY7" fmla="*/ 5403272 h 5712031"/>
              <a:gd name="connsiteX8" fmla="*/ 2054432 w 3182587"/>
              <a:gd name="connsiteY8" fmla="*/ 5676405 h 5712031"/>
              <a:gd name="connsiteX9" fmla="*/ 3063834 w 3182587"/>
              <a:gd name="connsiteY9" fmla="*/ 5712031 h 5712031"/>
              <a:gd name="connsiteX10" fmla="*/ 3182587 w 3182587"/>
              <a:gd name="connsiteY10" fmla="*/ 819397 h 5712031"/>
              <a:gd name="connsiteX11" fmla="*/ 2125683 w 3182587"/>
              <a:gd name="connsiteY11" fmla="*/ 807522 h 5712031"/>
              <a:gd name="connsiteX12" fmla="*/ 2137559 w 3182587"/>
              <a:gd name="connsiteY12" fmla="*/ 0 h 5712031"/>
              <a:gd name="connsiteX13" fmla="*/ 1163782 w 3182587"/>
              <a:gd name="connsiteY13" fmla="*/ 11875 h 571203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900053 w 3182587"/>
              <a:gd name="connsiteY7" fmla="*/ 5403272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63782 w 3182587"/>
              <a:gd name="connsiteY0" fmla="*/ 11875 h 5735781"/>
              <a:gd name="connsiteX1" fmla="*/ 1175658 w 3182587"/>
              <a:gd name="connsiteY1" fmla="*/ 807522 h 5735781"/>
              <a:gd name="connsiteX2" fmla="*/ 249382 w 3182587"/>
              <a:gd name="connsiteY2" fmla="*/ 795647 h 5735781"/>
              <a:gd name="connsiteX3" fmla="*/ 0 w 3182587"/>
              <a:gd name="connsiteY3" fmla="*/ 3479470 h 5735781"/>
              <a:gd name="connsiteX4" fmla="*/ 1229821 w 3182587"/>
              <a:gd name="connsiteY4" fmla="*/ 5623113 h 5735781"/>
              <a:gd name="connsiteX5" fmla="*/ 1571182 w 3182587"/>
              <a:gd name="connsiteY5" fmla="*/ 5458372 h 5735781"/>
              <a:gd name="connsiteX6" fmla="*/ 1643048 w 3182587"/>
              <a:gd name="connsiteY6" fmla="*/ 5549851 h 5735781"/>
              <a:gd name="connsiteX7" fmla="*/ 1852552 w 3182587"/>
              <a:gd name="connsiteY7" fmla="*/ 5427023 h 5735781"/>
              <a:gd name="connsiteX8" fmla="*/ 1971304 w 3182587"/>
              <a:gd name="connsiteY8" fmla="*/ 5735781 h 5735781"/>
              <a:gd name="connsiteX9" fmla="*/ 3063834 w 3182587"/>
              <a:gd name="connsiteY9" fmla="*/ 5712031 h 5735781"/>
              <a:gd name="connsiteX10" fmla="*/ 3182587 w 3182587"/>
              <a:gd name="connsiteY10" fmla="*/ 819397 h 5735781"/>
              <a:gd name="connsiteX11" fmla="*/ 2125683 w 3182587"/>
              <a:gd name="connsiteY11" fmla="*/ 807522 h 5735781"/>
              <a:gd name="connsiteX12" fmla="*/ 2137559 w 3182587"/>
              <a:gd name="connsiteY12" fmla="*/ 0 h 5735781"/>
              <a:gd name="connsiteX13" fmla="*/ 1163782 w 3182587"/>
              <a:gd name="connsiteY13" fmla="*/ 11875 h 5735781"/>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49382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125683 w 3182587"/>
              <a:gd name="connsiteY11" fmla="*/ 1056904 h 5985163"/>
              <a:gd name="connsiteX12" fmla="*/ 2137559 w 3182587"/>
              <a:gd name="connsiteY12" fmla="*/ 23751 h 5985163"/>
              <a:gd name="connsiteX13" fmla="*/ 1140031 w 3182587"/>
              <a:gd name="connsiteY13" fmla="*/ 0 h 5985163"/>
              <a:gd name="connsiteX0" fmla="*/ 1140031 w 3182587"/>
              <a:gd name="connsiteY0" fmla="*/ 0 h 5985163"/>
              <a:gd name="connsiteX1" fmla="*/ 1175658 w 3182587"/>
              <a:gd name="connsiteY1" fmla="*/ 1056904 h 5985163"/>
              <a:gd name="connsiteX2" fmla="*/ 249382 w 3182587"/>
              <a:gd name="connsiteY2" fmla="*/ 1045029 h 5985163"/>
              <a:gd name="connsiteX3" fmla="*/ 0 w 3182587"/>
              <a:gd name="connsiteY3" fmla="*/ 3728852 h 5985163"/>
              <a:gd name="connsiteX4" fmla="*/ 1229821 w 3182587"/>
              <a:gd name="connsiteY4" fmla="*/ 5872495 h 5985163"/>
              <a:gd name="connsiteX5" fmla="*/ 1571182 w 3182587"/>
              <a:gd name="connsiteY5" fmla="*/ 5707754 h 5985163"/>
              <a:gd name="connsiteX6" fmla="*/ 1643048 w 3182587"/>
              <a:gd name="connsiteY6" fmla="*/ 5799233 h 5985163"/>
              <a:gd name="connsiteX7" fmla="*/ 1852552 w 3182587"/>
              <a:gd name="connsiteY7" fmla="*/ 5676405 h 5985163"/>
              <a:gd name="connsiteX8" fmla="*/ 1971304 w 3182587"/>
              <a:gd name="connsiteY8" fmla="*/ 5985163 h 5985163"/>
              <a:gd name="connsiteX9" fmla="*/ 3063834 w 3182587"/>
              <a:gd name="connsiteY9" fmla="*/ 5961413 h 5985163"/>
              <a:gd name="connsiteX10" fmla="*/ 3182587 w 3182587"/>
              <a:gd name="connsiteY10" fmla="*/ 1068779 h 5985163"/>
              <a:gd name="connsiteX11" fmla="*/ 2203232 w 3182587"/>
              <a:gd name="connsiteY11" fmla="*/ 1062986 h 5985163"/>
              <a:gd name="connsiteX12" fmla="*/ 2137559 w 3182587"/>
              <a:gd name="connsiteY12" fmla="*/ 23751 h 5985163"/>
              <a:gd name="connsiteX13" fmla="*/ 1140031 w 3182587"/>
              <a:gd name="connsiteY13" fmla="*/ 0 h 5985163"/>
              <a:gd name="connsiteX0" fmla="*/ 1140031 w 3182587"/>
              <a:gd name="connsiteY0" fmla="*/ 161497 h 6146660"/>
              <a:gd name="connsiteX1" fmla="*/ 1175658 w 3182587"/>
              <a:gd name="connsiteY1" fmla="*/ 1218401 h 6146660"/>
              <a:gd name="connsiteX2" fmla="*/ 249382 w 3182587"/>
              <a:gd name="connsiteY2" fmla="*/ 1206526 h 6146660"/>
              <a:gd name="connsiteX3" fmla="*/ 0 w 3182587"/>
              <a:gd name="connsiteY3" fmla="*/ 3890349 h 6146660"/>
              <a:gd name="connsiteX4" fmla="*/ 1229821 w 3182587"/>
              <a:gd name="connsiteY4" fmla="*/ 6033992 h 6146660"/>
              <a:gd name="connsiteX5" fmla="*/ 1571182 w 3182587"/>
              <a:gd name="connsiteY5" fmla="*/ 5869251 h 6146660"/>
              <a:gd name="connsiteX6" fmla="*/ 1643048 w 3182587"/>
              <a:gd name="connsiteY6" fmla="*/ 5960730 h 6146660"/>
              <a:gd name="connsiteX7" fmla="*/ 1852552 w 3182587"/>
              <a:gd name="connsiteY7" fmla="*/ 5837902 h 6146660"/>
              <a:gd name="connsiteX8" fmla="*/ 1971304 w 3182587"/>
              <a:gd name="connsiteY8" fmla="*/ 6146660 h 6146660"/>
              <a:gd name="connsiteX9" fmla="*/ 3063834 w 3182587"/>
              <a:gd name="connsiteY9" fmla="*/ 6122910 h 6146660"/>
              <a:gd name="connsiteX10" fmla="*/ 3182587 w 3182587"/>
              <a:gd name="connsiteY10" fmla="*/ 1230276 h 6146660"/>
              <a:gd name="connsiteX11" fmla="*/ 2203232 w 3182587"/>
              <a:gd name="connsiteY11" fmla="*/ 1224483 h 6146660"/>
              <a:gd name="connsiteX12" fmla="*/ 2216951 w 3182587"/>
              <a:gd name="connsiteY12" fmla="*/ 0 h 6146660"/>
              <a:gd name="connsiteX13" fmla="*/ 1140031 w 3182587"/>
              <a:gd name="connsiteY13" fmla="*/ 161497 h 6146660"/>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16951 w 3182587"/>
              <a:gd name="connsiteY12" fmla="*/ 63449 h 6210109"/>
              <a:gd name="connsiteX13" fmla="*/ 1245888 w 3182587"/>
              <a:gd name="connsiteY13" fmla="*/ 0 h 6210109"/>
              <a:gd name="connsiteX0" fmla="*/ 1245888 w 3182587"/>
              <a:gd name="connsiteY0" fmla="*/ 0 h 6210109"/>
              <a:gd name="connsiteX1" fmla="*/ 1175658 w 3182587"/>
              <a:gd name="connsiteY1" fmla="*/ 1281850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249382 w 3182587"/>
              <a:gd name="connsiteY2" fmla="*/ 1269975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293725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287932 h 6210109"/>
              <a:gd name="connsiteX12" fmla="*/ 2203718 w 3182587"/>
              <a:gd name="connsiteY12" fmla="*/ 36984 h 6210109"/>
              <a:gd name="connsiteX13" fmla="*/ 1245888 w 3182587"/>
              <a:gd name="connsiteY13" fmla="*/ 0 h 6210109"/>
              <a:gd name="connsiteX0" fmla="*/ 1245888 w 3182587"/>
              <a:gd name="connsiteY0" fmla="*/ 0 h 6210109"/>
              <a:gd name="connsiteX1" fmla="*/ 1241819 w 3182587"/>
              <a:gd name="connsiteY1" fmla="*/ 1400938 h 6210109"/>
              <a:gd name="connsiteX2" fmla="*/ 183221 w 3182587"/>
              <a:gd name="connsiteY2" fmla="*/ 1389064 h 6210109"/>
              <a:gd name="connsiteX3" fmla="*/ 0 w 3182587"/>
              <a:gd name="connsiteY3" fmla="*/ 3953798 h 6210109"/>
              <a:gd name="connsiteX4" fmla="*/ 1229821 w 3182587"/>
              <a:gd name="connsiteY4" fmla="*/ 6097441 h 6210109"/>
              <a:gd name="connsiteX5" fmla="*/ 1571182 w 3182587"/>
              <a:gd name="connsiteY5" fmla="*/ 5932700 h 6210109"/>
              <a:gd name="connsiteX6" fmla="*/ 1643048 w 3182587"/>
              <a:gd name="connsiteY6" fmla="*/ 6024179 h 6210109"/>
              <a:gd name="connsiteX7" fmla="*/ 1852552 w 3182587"/>
              <a:gd name="connsiteY7" fmla="*/ 5901351 h 6210109"/>
              <a:gd name="connsiteX8" fmla="*/ 1971304 w 3182587"/>
              <a:gd name="connsiteY8" fmla="*/ 6210109 h 6210109"/>
              <a:gd name="connsiteX9" fmla="*/ 3063834 w 3182587"/>
              <a:gd name="connsiteY9" fmla="*/ 6186359 h 6210109"/>
              <a:gd name="connsiteX10" fmla="*/ 3182587 w 3182587"/>
              <a:gd name="connsiteY10" fmla="*/ 1373118 h 6210109"/>
              <a:gd name="connsiteX11" fmla="*/ 2203232 w 3182587"/>
              <a:gd name="connsiteY11" fmla="*/ 1380558 h 6210109"/>
              <a:gd name="connsiteX12" fmla="*/ 2203718 w 3182587"/>
              <a:gd name="connsiteY12" fmla="*/ 36984 h 6210109"/>
              <a:gd name="connsiteX13" fmla="*/ 1245888 w 3182587"/>
              <a:gd name="connsiteY13" fmla="*/ 0 h 6210109"/>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852552 w 3182587"/>
              <a:gd name="connsiteY7" fmla="*/ 5901351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45888 w 3182587"/>
              <a:gd name="connsiteY0" fmla="*/ 0 h 6196877"/>
              <a:gd name="connsiteX1" fmla="*/ 1241819 w 3182587"/>
              <a:gd name="connsiteY1" fmla="*/ 1400938 h 6196877"/>
              <a:gd name="connsiteX2" fmla="*/ 183221 w 3182587"/>
              <a:gd name="connsiteY2" fmla="*/ 1389064 h 6196877"/>
              <a:gd name="connsiteX3" fmla="*/ 0 w 3182587"/>
              <a:gd name="connsiteY3" fmla="*/ 3953798 h 6196877"/>
              <a:gd name="connsiteX4" fmla="*/ 1229821 w 3182587"/>
              <a:gd name="connsiteY4" fmla="*/ 6097441 h 6196877"/>
              <a:gd name="connsiteX5" fmla="*/ 1571182 w 3182587"/>
              <a:gd name="connsiteY5" fmla="*/ 5932700 h 6196877"/>
              <a:gd name="connsiteX6" fmla="*/ 1643048 w 3182587"/>
              <a:gd name="connsiteY6" fmla="*/ 6024179 h 6196877"/>
              <a:gd name="connsiteX7" fmla="*/ 1918711 w 3182587"/>
              <a:gd name="connsiteY7" fmla="*/ 5888120 h 6196877"/>
              <a:gd name="connsiteX8" fmla="*/ 2050696 w 3182587"/>
              <a:gd name="connsiteY8" fmla="*/ 6196877 h 6196877"/>
              <a:gd name="connsiteX9" fmla="*/ 3063834 w 3182587"/>
              <a:gd name="connsiteY9" fmla="*/ 6186359 h 6196877"/>
              <a:gd name="connsiteX10" fmla="*/ 3182587 w 3182587"/>
              <a:gd name="connsiteY10" fmla="*/ 1373118 h 6196877"/>
              <a:gd name="connsiteX11" fmla="*/ 2203232 w 3182587"/>
              <a:gd name="connsiteY11" fmla="*/ 1380558 h 6196877"/>
              <a:gd name="connsiteX12" fmla="*/ 2203718 w 3182587"/>
              <a:gd name="connsiteY12" fmla="*/ 36984 h 6196877"/>
              <a:gd name="connsiteX13" fmla="*/ 1245888 w 3182587"/>
              <a:gd name="connsiteY13" fmla="*/ 0 h 6196877"/>
              <a:gd name="connsiteX0" fmla="*/ 1219425 w 3156124"/>
              <a:gd name="connsiteY0" fmla="*/ 0 h 6196877"/>
              <a:gd name="connsiteX1" fmla="*/ 1215356 w 3156124"/>
              <a:gd name="connsiteY1" fmla="*/ 1400938 h 6196877"/>
              <a:gd name="connsiteX2" fmla="*/ 156758 w 3156124"/>
              <a:gd name="connsiteY2" fmla="*/ 1389064 h 6196877"/>
              <a:gd name="connsiteX3" fmla="*/ 0 w 3156124"/>
              <a:gd name="connsiteY3" fmla="*/ 3914102 h 6196877"/>
              <a:gd name="connsiteX4" fmla="*/ 1203358 w 3156124"/>
              <a:gd name="connsiteY4" fmla="*/ 6097441 h 6196877"/>
              <a:gd name="connsiteX5" fmla="*/ 1544719 w 3156124"/>
              <a:gd name="connsiteY5" fmla="*/ 5932700 h 6196877"/>
              <a:gd name="connsiteX6" fmla="*/ 1616585 w 3156124"/>
              <a:gd name="connsiteY6" fmla="*/ 6024179 h 6196877"/>
              <a:gd name="connsiteX7" fmla="*/ 1892248 w 3156124"/>
              <a:gd name="connsiteY7" fmla="*/ 5888120 h 6196877"/>
              <a:gd name="connsiteX8" fmla="*/ 2024233 w 3156124"/>
              <a:gd name="connsiteY8" fmla="*/ 6196877 h 6196877"/>
              <a:gd name="connsiteX9" fmla="*/ 3037371 w 3156124"/>
              <a:gd name="connsiteY9" fmla="*/ 6186359 h 6196877"/>
              <a:gd name="connsiteX10" fmla="*/ 3156124 w 3156124"/>
              <a:gd name="connsiteY10" fmla="*/ 1373118 h 6196877"/>
              <a:gd name="connsiteX11" fmla="*/ 2176769 w 3156124"/>
              <a:gd name="connsiteY11" fmla="*/ 1380558 h 6196877"/>
              <a:gd name="connsiteX12" fmla="*/ 2177255 w 3156124"/>
              <a:gd name="connsiteY12" fmla="*/ 36984 h 6196877"/>
              <a:gd name="connsiteX13" fmla="*/ 1219425 w 3156124"/>
              <a:gd name="connsiteY13"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1281550 w 3234316"/>
              <a:gd name="connsiteY4" fmla="*/ 6097441 h 6196877"/>
              <a:gd name="connsiteX5" fmla="*/ 1622911 w 3234316"/>
              <a:gd name="connsiteY5" fmla="*/ 5932700 h 6196877"/>
              <a:gd name="connsiteX6" fmla="*/ 1694777 w 3234316"/>
              <a:gd name="connsiteY6" fmla="*/ 6024179 h 6196877"/>
              <a:gd name="connsiteX7" fmla="*/ 1970440 w 3234316"/>
              <a:gd name="connsiteY7" fmla="*/ 5888120 h 6196877"/>
              <a:gd name="connsiteX8" fmla="*/ 2102425 w 3234316"/>
              <a:gd name="connsiteY8" fmla="*/ 6196877 h 6196877"/>
              <a:gd name="connsiteX9" fmla="*/ 3115563 w 3234316"/>
              <a:gd name="connsiteY9" fmla="*/ 6186359 h 6196877"/>
              <a:gd name="connsiteX10" fmla="*/ 3234316 w 3234316"/>
              <a:gd name="connsiteY10" fmla="*/ 1373118 h 6196877"/>
              <a:gd name="connsiteX11" fmla="*/ 2254961 w 3234316"/>
              <a:gd name="connsiteY11" fmla="*/ 1380558 h 6196877"/>
              <a:gd name="connsiteX12" fmla="*/ 2255447 w 3234316"/>
              <a:gd name="connsiteY12" fmla="*/ 36984 h 6196877"/>
              <a:gd name="connsiteX13" fmla="*/ 1297617 w 3234316"/>
              <a:gd name="connsiteY13" fmla="*/ 0 h 6196877"/>
              <a:gd name="connsiteX0" fmla="*/ 1298693 w 3235392"/>
              <a:gd name="connsiteY0" fmla="*/ 0 h 6196877"/>
              <a:gd name="connsiteX1" fmla="*/ 1294624 w 3235392"/>
              <a:gd name="connsiteY1" fmla="*/ 1400938 h 6196877"/>
              <a:gd name="connsiteX2" fmla="*/ 236026 w 3235392"/>
              <a:gd name="connsiteY2" fmla="*/ 1389064 h 6196877"/>
              <a:gd name="connsiteX3" fmla="*/ 1076 w 3235392"/>
              <a:gd name="connsiteY3" fmla="*/ 3723241 h 6196877"/>
              <a:gd name="connsiteX4" fmla="*/ 0 w 3235392"/>
              <a:gd name="connsiteY4" fmla="*/ 3724142 h 6196877"/>
              <a:gd name="connsiteX5" fmla="*/ 1282626 w 3235392"/>
              <a:gd name="connsiteY5" fmla="*/ 6097441 h 6196877"/>
              <a:gd name="connsiteX6" fmla="*/ 1623987 w 3235392"/>
              <a:gd name="connsiteY6" fmla="*/ 5932700 h 6196877"/>
              <a:gd name="connsiteX7" fmla="*/ 1695853 w 3235392"/>
              <a:gd name="connsiteY7" fmla="*/ 6024179 h 6196877"/>
              <a:gd name="connsiteX8" fmla="*/ 1971516 w 3235392"/>
              <a:gd name="connsiteY8" fmla="*/ 5888120 h 6196877"/>
              <a:gd name="connsiteX9" fmla="*/ 2103501 w 3235392"/>
              <a:gd name="connsiteY9" fmla="*/ 6196877 h 6196877"/>
              <a:gd name="connsiteX10" fmla="*/ 3116639 w 3235392"/>
              <a:gd name="connsiteY10" fmla="*/ 6186359 h 6196877"/>
              <a:gd name="connsiteX11" fmla="*/ 3235392 w 3235392"/>
              <a:gd name="connsiteY11" fmla="*/ 1373118 h 6196877"/>
              <a:gd name="connsiteX12" fmla="*/ 2256037 w 3235392"/>
              <a:gd name="connsiteY12" fmla="*/ 1380558 h 6196877"/>
              <a:gd name="connsiteX13" fmla="*/ 2256523 w 3235392"/>
              <a:gd name="connsiteY13" fmla="*/ 36984 h 6196877"/>
              <a:gd name="connsiteX14" fmla="*/ 1298693 w 3235392"/>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23241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281550 w 3234316"/>
              <a:gd name="connsiteY5" fmla="*/ 6097441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2421 w 3234316"/>
              <a:gd name="connsiteY4" fmla="*/ 3925502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51729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0237 w 3234316"/>
              <a:gd name="connsiteY4" fmla="*/ 3971069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9458 w 3234316"/>
              <a:gd name="connsiteY4" fmla="*/ 3906526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31964 w 3234316"/>
              <a:gd name="connsiteY4" fmla="*/ 391574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7617 w 3234316"/>
              <a:gd name="connsiteY0" fmla="*/ 0 h 6196877"/>
              <a:gd name="connsiteX1" fmla="*/ 1293548 w 3234316"/>
              <a:gd name="connsiteY1" fmla="*/ 1400938 h 6196877"/>
              <a:gd name="connsiteX2" fmla="*/ 234950 w 3234316"/>
              <a:gd name="connsiteY2" fmla="*/ 1389064 h 6196877"/>
              <a:gd name="connsiteX3" fmla="*/ 0 w 3234316"/>
              <a:gd name="connsiteY3" fmla="*/ 3733499 h 6196877"/>
              <a:gd name="connsiteX4" fmla="*/ 157948 w 3234316"/>
              <a:gd name="connsiteY4" fmla="*/ 3900075 h 6196877"/>
              <a:gd name="connsiteX5" fmla="*/ 1335485 w 3234316"/>
              <a:gd name="connsiteY5" fmla="*/ 6082084 h 6196877"/>
              <a:gd name="connsiteX6" fmla="*/ 1622911 w 3234316"/>
              <a:gd name="connsiteY6" fmla="*/ 5932700 h 6196877"/>
              <a:gd name="connsiteX7" fmla="*/ 1694777 w 3234316"/>
              <a:gd name="connsiteY7" fmla="*/ 6024179 h 6196877"/>
              <a:gd name="connsiteX8" fmla="*/ 1970440 w 3234316"/>
              <a:gd name="connsiteY8" fmla="*/ 5888120 h 6196877"/>
              <a:gd name="connsiteX9" fmla="*/ 2102425 w 3234316"/>
              <a:gd name="connsiteY9" fmla="*/ 6196877 h 6196877"/>
              <a:gd name="connsiteX10" fmla="*/ 3115563 w 3234316"/>
              <a:gd name="connsiteY10" fmla="*/ 6186359 h 6196877"/>
              <a:gd name="connsiteX11" fmla="*/ 3234316 w 3234316"/>
              <a:gd name="connsiteY11" fmla="*/ 1373118 h 6196877"/>
              <a:gd name="connsiteX12" fmla="*/ 2254961 w 3234316"/>
              <a:gd name="connsiteY12" fmla="*/ 1380558 h 6196877"/>
              <a:gd name="connsiteX13" fmla="*/ 2255447 w 3234316"/>
              <a:gd name="connsiteY13" fmla="*/ 36984 h 6196877"/>
              <a:gd name="connsiteX14" fmla="*/ 1297617 w 3234316"/>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55906 w 3232274"/>
              <a:gd name="connsiteY4" fmla="*/ 390007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 name="connsiteX0" fmla="*/ 1295575 w 3232274"/>
              <a:gd name="connsiteY0" fmla="*/ 0 h 6196877"/>
              <a:gd name="connsiteX1" fmla="*/ 1291506 w 3232274"/>
              <a:gd name="connsiteY1" fmla="*/ 1400938 h 6196877"/>
              <a:gd name="connsiteX2" fmla="*/ 232908 w 3232274"/>
              <a:gd name="connsiteY2" fmla="*/ 1389064 h 6196877"/>
              <a:gd name="connsiteX3" fmla="*/ 0 w 3232274"/>
              <a:gd name="connsiteY3" fmla="*/ 3657005 h 6196877"/>
              <a:gd name="connsiteX4" fmla="*/ 134586 w 3232274"/>
              <a:gd name="connsiteY4" fmla="*/ 3931285 h 6196877"/>
              <a:gd name="connsiteX5" fmla="*/ 1333443 w 3232274"/>
              <a:gd name="connsiteY5" fmla="*/ 6082084 h 6196877"/>
              <a:gd name="connsiteX6" fmla="*/ 1620869 w 3232274"/>
              <a:gd name="connsiteY6" fmla="*/ 5932700 h 6196877"/>
              <a:gd name="connsiteX7" fmla="*/ 1692735 w 3232274"/>
              <a:gd name="connsiteY7" fmla="*/ 6024179 h 6196877"/>
              <a:gd name="connsiteX8" fmla="*/ 1968398 w 3232274"/>
              <a:gd name="connsiteY8" fmla="*/ 5888120 h 6196877"/>
              <a:gd name="connsiteX9" fmla="*/ 2100383 w 3232274"/>
              <a:gd name="connsiteY9" fmla="*/ 6196877 h 6196877"/>
              <a:gd name="connsiteX10" fmla="*/ 3113521 w 3232274"/>
              <a:gd name="connsiteY10" fmla="*/ 6186359 h 6196877"/>
              <a:gd name="connsiteX11" fmla="*/ 3232274 w 3232274"/>
              <a:gd name="connsiteY11" fmla="*/ 1373118 h 6196877"/>
              <a:gd name="connsiteX12" fmla="*/ 2252919 w 3232274"/>
              <a:gd name="connsiteY12" fmla="*/ 1380558 h 6196877"/>
              <a:gd name="connsiteX13" fmla="*/ 2253405 w 3232274"/>
              <a:gd name="connsiteY13" fmla="*/ 36984 h 6196877"/>
              <a:gd name="connsiteX14" fmla="*/ 1295575 w 3232274"/>
              <a:gd name="connsiteY14" fmla="*/ 0 h 61968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3232274" h="6196877">
                <a:moveTo>
                  <a:pt x="1295575" y="0"/>
                </a:moveTo>
                <a:cubicBezTo>
                  <a:pt x="1294219" y="466979"/>
                  <a:pt x="1292862" y="933959"/>
                  <a:pt x="1291506" y="1400938"/>
                </a:cubicBezTo>
                <a:lnTo>
                  <a:pt x="232908" y="1389064"/>
                </a:lnTo>
                <a:lnTo>
                  <a:pt x="0" y="3657005"/>
                </a:lnTo>
                <a:lnTo>
                  <a:pt x="134586" y="3931285"/>
                </a:lnTo>
                <a:lnTo>
                  <a:pt x="1333443" y="6082084"/>
                </a:lnTo>
                <a:lnTo>
                  <a:pt x="1620869" y="5932700"/>
                </a:lnTo>
                <a:lnTo>
                  <a:pt x="1692735" y="6024179"/>
                </a:lnTo>
                <a:lnTo>
                  <a:pt x="1968398" y="5888120"/>
                </a:lnTo>
                <a:lnTo>
                  <a:pt x="2100383" y="6196877"/>
                </a:lnTo>
                <a:lnTo>
                  <a:pt x="3113521" y="6186359"/>
                </a:lnTo>
                <a:lnTo>
                  <a:pt x="3232274" y="1373118"/>
                </a:lnTo>
                <a:lnTo>
                  <a:pt x="2252919" y="1380558"/>
                </a:lnTo>
                <a:lnTo>
                  <a:pt x="2253405" y="36984"/>
                </a:lnTo>
                <a:lnTo>
                  <a:pt x="1295575" y="0"/>
                </a:lnTo>
                <a:close/>
              </a:path>
            </a:pathLst>
          </a:custGeom>
          <a:noFill/>
          <a:ln w="19050">
            <a:solidFill>
              <a:srgbClr val="FF0000"/>
            </a:solidFill>
          </a:ln>
          <a:effectLst/>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grpSp>
        <p:nvGrpSpPr>
          <p:cNvPr id="10" name="グループ化 13"/>
          <p:cNvGrpSpPr/>
          <p:nvPr/>
        </p:nvGrpSpPr>
        <p:grpSpPr>
          <a:xfrm>
            <a:off x="3151541" y="2679996"/>
            <a:ext cx="360526" cy="354360"/>
            <a:chOff x="4818010" y="981560"/>
            <a:chExt cx="4887557" cy="5204302"/>
          </a:xfrm>
          <a:noFill/>
        </p:grpSpPr>
        <p:sp>
          <p:nvSpPr>
            <p:cNvPr id="81" name="フリーフォーム 9"/>
            <p:cNvSpPr/>
            <p:nvPr/>
          </p:nvSpPr>
          <p:spPr>
            <a:xfrm>
              <a:off x="4818010" y="2533239"/>
              <a:ext cx="3350408" cy="2878664"/>
            </a:xfrm>
            <a:custGeom>
              <a:avLst/>
              <a:gdLst>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27200 w 2743200"/>
                <a:gd name="connsiteY4" fmla="*/ 2278743 h 2293257"/>
                <a:gd name="connsiteX5" fmla="*/ 1451429 w 2743200"/>
                <a:gd name="connsiteY5" fmla="*/ 2220686 h 2293257"/>
                <a:gd name="connsiteX6" fmla="*/ 696686 w 2743200"/>
                <a:gd name="connsiteY6" fmla="*/ 2162629 h 2293257"/>
                <a:gd name="connsiteX7" fmla="*/ 290286 w 2743200"/>
                <a:gd name="connsiteY7" fmla="*/ 1872343 h 2293257"/>
                <a:gd name="connsiteX8" fmla="*/ 0 w 2743200"/>
                <a:gd name="connsiteY8" fmla="*/ 725714 h 2293257"/>
                <a:gd name="connsiteX9" fmla="*/ 333829 w 2743200"/>
                <a:gd name="connsiteY9" fmla="*/ 449943 h 2293257"/>
                <a:gd name="connsiteX10" fmla="*/ 522515 w 2743200"/>
                <a:gd name="connsiteY10" fmla="*/ 449943 h 2293257"/>
                <a:gd name="connsiteX11" fmla="*/ 551543 w 2743200"/>
                <a:gd name="connsiteY11" fmla="*/ 348343 h 2293257"/>
                <a:gd name="connsiteX12" fmla="*/ 653143 w 2743200"/>
                <a:gd name="connsiteY12" fmla="*/ 304800 h 2293257"/>
                <a:gd name="connsiteX13" fmla="*/ 711200 w 2743200"/>
                <a:gd name="connsiteY13" fmla="*/ 217714 h 2293257"/>
                <a:gd name="connsiteX14" fmla="*/ 711200 w 2743200"/>
                <a:gd name="connsiteY14" fmla="*/ 130629 h 2293257"/>
                <a:gd name="connsiteX15" fmla="*/ 1059543 w 2743200"/>
                <a:gd name="connsiteY15" fmla="*/ 0 h 2293257"/>
                <a:gd name="connsiteX16" fmla="*/ 1262743 w 2743200"/>
                <a:gd name="connsiteY16" fmla="*/ 29029 h 2293257"/>
                <a:gd name="connsiteX17" fmla="*/ 1553029 w 2743200"/>
                <a:gd name="connsiteY17" fmla="*/ 203200 h 2293257"/>
                <a:gd name="connsiteX18" fmla="*/ 1843315 w 2743200"/>
                <a:gd name="connsiteY18" fmla="*/ 174172 h 2293257"/>
                <a:gd name="connsiteX19" fmla="*/ 2438400 w 2743200"/>
                <a:gd name="connsiteY19" fmla="*/ 406400 h 2293257"/>
                <a:gd name="connsiteX20" fmla="*/ 2743200 w 2743200"/>
                <a:gd name="connsiteY20"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741421 w 2743200"/>
                <a:gd name="connsiteY4" fmla="*/ 2132519 h 2293257"/>
                <a:gd name="connsiteX5" fmla="*/ 1727200 w 2743200"/>
                <a:gd name="connsiteY5" fmla="*/ 2278743 h 2293257"/>
                <a:gd name="connsiteX6" fmla="*/ 1451429 w 2743200"/>
                <a:gd name="connsiteY6" fmla="*/ 2220686 h 2293257"/>
                <a:gd name="connsiteX7" fmla="*/ 696686 w 2743200"/>
                <a:gd name="connsiteY7" fmla="*/ 2162629 h 2293257"/>
                <a:gd name="connsiteX8" fmla="*/ 290286 w 2743200"/>
                <a:gd name="connsiteY8" fmla="*/ 1872343 h 2293257"/>
                <a:gd name="connsiteX9" fmla="*/ 0 w 2743200"/>
                <a:gd name="connsiteY9" fmla="*/ 725714 h 2293257"/>
                <a:gd name="connsiteX10" fmla="*/ 333829 w 2743200"/>
                <a:gd name="connsiteY10" fmla="*/ 449943 h 2293257"/>
                <a:gd name="connsiteX11" fmla="*/ 522515 w 2743200"/>
                <a:gd name="connsiteY11" fmla="*/ 449943 h 2293257"/>
                <a:gd name="connsiteX12" fmla="*/ 551543 w 2743200"/>
                <a:gd name="connsiteY12" fmla="*/ 348343 h 2293257"/>
                <a:gd name="connsiteX13" fmla="*/ 653143 w 2743200"/>
                <a:gd name="connsiteY13" fmla="*/ 304800 h 2293257"/>
                <a:gd name="connsiteX14" fmla="*/ 711200 w 2743200"/>
                <a:gd name="connsiteY14" fmla="*/ 217714 h 2293257"/>
                <a:gd name="connsiteX15" fmla="*/ 711200 w 2743200"/>
                <a:gd name="connsiteY15" fmla="*/ 130629 h 2293257"/>
                <a:gd name="connsiteX16" fmla="*/ 1059543 w 2743200"/>
                <a:gd name="connsiteY16" fmla="*/ 0 h 2293257"/>
                <a:gd name="connsiteX17" fmla="*/ 1262743 w 2743200"/>
                <a:gd name="connsiteY17" fmla="*/ 29029 h 2293257"/>
                <a:gd name="connsiteX18" fmla="*/ 1553029 w 2743200"/>
                <a:gd name="connsiteY18" fmla="*/ 203200 h 2293257"/>
                <a:gd name="connsiteX19" fmla="*/ 1843315 w 2743200"/>
                <a:gd name="connsiteY19" fmla="*/ 174172 h 2293257"/>
                <a:gd name="connsiteX20" fmla="*/ 2438400 w 2743200"/>
                <a:gd name="connsiteY20" fmla="*/ 406400 h 2293257"/>
                <a:gd name="connsiteX21" fmla="*/ 2743200 w 2743200"/>
                <a:gd name="connsiteY21"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132519 h 2293257"/>
                <a:gd name="connsiteX5" fmla="*/ 1741421 w 2743200"/>
                <a:gd name="connsiteY5" fmla="*/ 2132519 h 2293257"/>
                <a:gd name="connsiteX6" fmla="*/ 1727200 w 2743200"/>
                <a:gd name="connsiteY6" fmla="*/ 2278743 h 2293257"/>
                <a:gd name="connsiteX7" fmla="*/ 1451429 w 2743200"/>
                <a:gd name="connsiteY7" fmla="*/ 2220686 h 2293257"/>
                <a:gd name="connsiteX8" fmla="*/ 696686 w 2743200"/>
                <a:gd name="connsiteY8" fmla="*/ 2162629 h 2293257"/>
                <a:gd name="connsiteX9" fmla="*/ 290286 w 2743200"/>
                <a:gd name="connsiteY9" fmla="*/ 1872343 h 2293257"/>
                <a:gd name="connsiteX10" fmla="*/ 0 w 2743200"/>
                <a:gd name="connsiteY10" fmla="*/ 725714 h 2293257"/>
                <a:gd name="connsiteX11" fmla="*/ 333829 w 2743200"/>
                <a:gd name="connsiteY11" fmla="*/ 449943 h 2293257"/>
                <a:gd name="connsiteX12" fmla="*/ 522515 w 2743200"/>
                <a:gd name="connsiteY12" fmla="*/ 449943 h 2293257"/>
                <a:gd name="connsiteX13" fmla="*/ 551543 w 2743200"/>
                <a:gd name="connsiteY13" fmla="*/ 348343 h 2293257"/>
                <a:gd name="connsiteX14" fmla="*/ 653143 w 2743200"/>
                <a:gd name="connsiteY14" fmla="*/ 304800 h 2293257"/>
                <a:gd name="connsiteX15" fmla="*/ 711200 w 2743200"/>
                <a:gd name="connsiteY15" fmla="*/ 217714 h 2293257"/>
                <a:gd name="connsiteX16" fmla="*/ 711200 w 2743200"/>
                <a:gd name="connsiteY16" fmla="*/ 130629 h 2293257"/>
                <a:gd name="connsiteX17" fmla="*/ 1059543 w 2743200"/>
                <a:gd name="connsiteY17" fmla="*/ 0 h 2293257"/>
                <a:gd name="connsiteX18" fmla="*/ 1262743 w 2743200"/>
                <a:gd name="connsiteY18" fmla="*/ 29029 h 2293257"/>
                <a:gd name="connsiteX19" fmla="*/ 1553029 w 2743200"/>
                <a:gd name="connsiteY19" fmla="*/ 203200 h 2293257"/>
                <a:gd name="connsiteX20" fmla="*/ 1843315 w 2743200"/>
                <a:gd name="connsiteY20" fmla="*/ 174172 h 2293257"/>
                <a:gd name="connsiteX21" fmla="*/ 2438400 w 2743200"/>
                <a:gd name="connsiteY21" fmla="*/ 406400 h 2293257"/>
                <a:gd name="connsiteX22" fmla="*/ 2743200 w 2743200"/>
                <a:gd name="connsiteY22"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204527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27200 w 2743200"/>
                <a:gd name="connsiteY7" fmla="*/ 2278743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41421 w 2743200"/>
                <a:gd name="connsiteY7" fmla="*/ 2276535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41421 w 2743200"/>
                <a:gd name="connsiteY6" fmla="*/ 2132519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32519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574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57445 w 2743200"/>
                <a:gd name="connsiteY5" fmla="*/ 2184907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9521 w 2743200"/>
                <a:gd name="connsiteY6" fmla="*/ 215633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56229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451429 w 2743200"/>
                <a:gd name="connsiteY8" fmla="*/ 2220686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96686 w 2743200"/>
                <a:gd name="connsiteY9" fmla="*/ 2162629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29028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743200 w 2743200"/>
                <a:gd name="connsiteY0" fmla="*/ 420914 h 2293257"/>
                <a:gd name="connsiteX1" fmla="*/ 2685143 w 2743200"/>
                <a:gd name="connsiteY1" fmla="*/ 856343 h 2293257"/>
                <a:gd name="connsiteX2" fmla="*/ 2627086 w 2743200"/>
                <a:gd name="connsiteY2" fmla="*/ 2235200 h 2293257"/>
                <a:gd name="connsiteX3" fmla="*/ 2598058 w 2743200"/>
                <a:gd name="connsiteY3" fmla="*/ 2293257 h 2293257"/>
                <a:gd name="connsiteX4" fmla="*/ 1995545 w 2743200"/>
                <a:gd name="connsiteY4" fmla="*/ 2276535 h 2293257"/>
                <a:gd name="connsiteX5" fmla="*/ 1981258 w 2743200"/>
                <a:gd name="connsiteY5" fmla="*/ 2161095 h 2293257"/>
                <a:gd name="connsiteX6" fmla="*/ 1774758 w 2743200"/>
                <a:gd name="connsiteY6" fmla="*/ 2175381 h 2293257"/>
                <a:gd name="connsiteX7" fmla="*/ 1770517 w 2743200"/>
                <a:gd name="connsiteY7" fmla="*/ 2258106 h 2293257"/>
                <a:gd name="connsiteX8" fmla="*/ 1518104 w 2743200"/>
                <a:gd name="connsiteY8" fmla="*/ 2187349 h 2293257"/>
                <a:gd name="connsiteX9" fmla="*/ 663349 w 2743200"/>
                <a:gd name="connsiteY9" fmla="*/ 2095954 h 2293257"/>
                <a:gd name="connsiteX10" fmla="*/ 347436 w 2743200"/>
                <a:gd name="connsiteY10" fmla="*/ 1872343 h 2293257"/>
                <a:gd name="connsiteX11" fmla="*/ 0 w 2743200"/>
                <a:gd name="connsiteY11" fmla="*/ 725714 h 2293257"/>
                <a:gd name="connsiteX12" fmla="*/ 333829 w 2743200"/>
                <a:gd name="connsiteY12" fmla="*/ 449943 h 2293257"/>
                <a:gd name="connsiteX13" fmla="*/ 522515 w 2743200"/>
                <a:gd name="connsiteY13" fmla="*/ 449943 h 2293257"/>
                <a:gd name="connsiteX14" fmla="*/ 551543 w 2743200"/>
                <a:gd name="connsiteY14" fmla="*/ 348343 h 2293257"/>
                <a:gd name="connsiteX15" fmla="*/ 653143 w 2743200"/>
                <a:gd name="connsiteY15" fmla="*/ 304800 h 2293257"/>
                <a:gd name="connsiteX16" fmla="*/ 711200 w 2743200"/>
                <a:gd name="connsiteY16" fmla="*/ 217714 h 2293257"/>
                <a:gd name="connsiteX17" fmla="*/ 711200 w 2743200"/>
                <a:gd name="connsiteY17" fmla="*/ 130629 h 2293257"/>
                <a:gd name="connsiteX18" fmla="*/ 1059543 w 2743200"/>
                <a:gd name="connsiteY18" fmla="*/ 0 h 2293257"/>
                <a:gd name="connsiteX19" fmla="*/ 1262743 w 2743200"/>
                <a:gd name="connsiteY19" fmla="*/ 29029 h 2293257"/>
                <a:gd name="connsiteX20" fmla="*/ 1553029 w 2743200"/>
                <a:gd name="connsiteY20" fmla="*/ 203200 h 2293257"/>
                <a:gd name="connsiteX21" fmla="*/ 1843315 w 2743200"/>
                <a:gd name="connsiteY21" fmla="*/ 174172 h 2293257"/>
                <a:gd name="connsiteX22" fmla="*/ 2438400 w 2743200"/>
                <a:gd name="connsiteY22" fmla="*/ 406400 h 2293257"/>
                <a:gd name="connsiteX23" fmla="*/ 2743200 w 2743200"/>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8104 w 2657475"/>
                <a:gd name="connsiteY12" fmla="*/ 449943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36790 w 2657475"/>
                <a:gd name="connsiteY13" fmla="*/ 449943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20914 h 2293257"/>
                <a:gd name="connsiteX1" fmla="*/ 2599418 w 2657475"/>
                <a:gd name="connsiteY1" fmla="*/ 856343 h 2293257"/>
                <a:gd name="connsiteX2" fmla="*/ 2541361 w 2657475"/>
                <a:gd name="connsiteY2" fmla="*/ 2235200 h 2293257"/>
                <a:gd name="connsiteX3" fmla="*/ 2512333 w 2657475"/>
                <a:gd name="connsiteY3" fmla="*/ 2293257 h 2293257"/>
                <a:gd name="connsiteX4" fmla="*/ 1909820 w 2657475"/>
                <a:gd name="connsiteY4" fmla="*/ 2276535 h 2293257"/>
                <a:gd name="connsiteX5" fmla="*/ 1895533 w 2657475"/>
                <a:gd name="connsiteY5" fmla="*/ 2161095 h 2293257"/>
                <a:gd name="connsiteX6" fmla="*/ 1689033 w 2657475"/>
                <a:gd name="connsiteY6" fmla="*/ 2175381 h 2293257"/>
                <a:gd name="connsiteX7" fmla="*/ 1684792 w 2657475"/>
                <a:gd name="connsiteY7" fmla="*/ 2258106 h 2293257"/>
                <a:gd name="connsiteX8" fmla="*/ 1432379 w 2657475"/>
                <a:gd name="connsiteY8" fmla="*/ 2187349 h 2293257"/>
                <a:gd name="connsiteX9" fmla="*/ 577624 w 2657475"/>
                <a:gd name="connsiteY9" fmla="*/ 2095954 h 2293257"/>
                <a:gd name="connsiteX10" fmla="*/ 261711 w 2657475"/>
                <a:gd name="connsiteY10" fmla="*/ 1872343 h 2293257"/>
                <a:gd name="connsiteX11" fmla="*/ 0 w 2657475"/>
                <a:gd name="connsiteY11" fmla="*/ 792389 h 2293257"/>
                <a:gd name="connsiteX12" fmla="*/ 243342 w 2657475"/>
                <a:gd name="connsiteY12" fmla="*/ 549956 h 2293257"/>
                <a:gd name="connsiteX13" fmla="*/ 446315 w 2657475"/>
                <a:gd name="connsiteY13" fmla="*/ 521380 h 2293257"/>
                <a:gd name="connsiteX14" fmla="*/ 465818 w 2657475"/>
                <a:gd name="connsiteY14" fmla="*/ 348343 h 2293257"/>
                <a:gd name="connsiteX15" fmla="*/ 567418 w 2657475"/>
                <a:gd name="connsiteY15" fmla="*/ 304800 h 2293257"/>
                <a:gd name="connsiteX16" fmla="*/ 625475 w 2657475"/>
                <a:gd name="connsiteY16" fmla="*/ 217714 h 2293257"/>
                <a:gd name="connsiteX17" fmla="*/ 625475 w 2657475"/>
                <a:gd name="connsiteY17" fmla="*/ 130629 h 2293257"/>
                <a:gd name="connsiteX18" fmla="*/ 973818 w 2657475"/>
                <a:gd name="connsiteY18" fmla="*/ 0 h 2293257"/>
                <a:gd name="connsiteX19" fmla="*/ 1177018 w 2657475"/>
                <a:gd name="connsiteY19" fmla="*/ 29029 h 2293257"/>
                <a:gd name="connsiteX20" fmla="*/ 1467304 w 2657475"/>
                <a:gd name="connsiteY20" fmla="*/ 203200 h 2293257"/>
                <a:gd name="connsiteX21" fmla="*/ 1757590 w 2657475"/>
                <a:gd name="connsiteY21" fmla="*/ 174172 h 2293257"/>
                <a:gd name="connsiteX22" fmla="*/ 2352675 w 2657475"/>
                <a:gd name="connsiteY22" fmla="*/ 406400 h 2293257"/>
                <a:gd name="connsiteX23" fmla="*/ 2657475 w 2657475"/>
                <a:gd name="connsiteY23" fmla="*/ 420914 h 2293257"/>
                <a:gd name="connsiteX0" fmla="*/ 2657475 w 2657475"/>
                <a:gd name="connsiteY0" fmla="*/ 430439 h 2302782"/>
                <a:gd name="connsiteX1" fmla="*/ 2599418 w 2657475"/>
                <a:gd name="connsiteY1" fmla="*/ 865868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57475 w 2657475"/>
                <a:gd name="connsiteY0" fmla="*/ 430439 h 2302782"/>
                <a:gd name="connsiteX1" fmla="*/ 2591800 w 2657475"/>
                <a:gd name="connsiteY1" fmla="*/ 1133932 h 2302782"/>
                <a:gd name="connsiteX2" fmla="*/ 2541361 w 2657475"/>
                <a:gd name="connsiteY2" fmla="*/ 2244725 h 2302782"/>
                <a:gd name="connsiteX3" fmla="*/ 2512333 w 2657475"/>
                <a:gd name="connsiteY3" fmla="*/ 2302782 h 2302782"/>
                <a:gd name="connsiteX4" fmla="*/ 1909820 w 2657475"/>
                <a:gd name="connsiteY4" fmla="*/ 2286060 h 2302782"/>
                <a:gd name="connsiteX5" fmla="*/ 1895533 w 2657475"/>
                <a:gd name="connsiteY5" fmla="*/ 2170620 h 2302782"/>
                <a:gd name="connsiteX6" fmla="*/ 1689033 w 2657475"/>
                <a:gd name="connsiteY6" fmla="*/ 2184906 h 2302782"/>
                <a:gd name="connsiteX7" fmla="*/ 1684792 w 2657475"/>
                <a:gd name="connsiteY7" fmla="*/ 2267631 h 2302782"/>
                <a:gd name="connsiteX8" fmla="*/ 1432379 w 2657475"/>
                <a:gd name="connsiteY8" fmla="*/ 2196874 h 2302782"/>
                <a:gd name="connsiteX9" fmla="*/ 577624 w 2657475"/>
                <a:gd name="connsiteY9" fmla="*/ 2105479 h 2302782"/>
                <a:gd name="connsiteX10" fmla="*/ 261711 w 2657475"/>
                <a:gd name="connsiteY10" fmla="*/ 1881868 h 2302782"/>
                <a:gd name="connsiteX11" fmla="*/ 0 w 2657475"/>
                <a:gd name="connsiteY11" fmla="*/ 801914 h 2302782"/>
                <a:gd name="connsiteX12" fmla="*/ 243342 w 2657475"/>
                <a:gd name="connsiteY12" fmla="*/ 559481 h 2302782"/>
                <a:gd name="connsiteX13" fmla="*/ 446315 w 2657475"/>
                <a:gd name="connsiteY13" fmla="*/ 530905 h 2302782"/>
                <a:gd name="connsiteX14" fmla="*/ 465818 w 2657475"/>
                <a:gd name="connsiteY14" fmla="*/ 357868 h 2302782"/>
                <a:gd name="connsiteX15" fmla="*/ 567418 w 2657475"/>
                <a:gd name="connsiteY15" fmla="*/ 314325 h 2302782"/>
                <a:gd name="connsiteX16" fmla="*/ 625475 w 2657475"/>
                <a:gd name="connsiteY16" fmla="*/ 227239 h 2302782"/>
                <a:gd name="connsiteX17" fmla="*/ 625475 w 2657475"/>
                <a:gd name="connsiteY17" fmla="*/ 140154 h 2302782"/>
                <a:gd name="connsiteX18" fmla="*/ 1011918 w 2657475"/>
                <a:gd name="connsiteY18" fmla="*/ 0 h 2302782"/>
                <a:gd name="connsiteX19" fmla="*/ 1177018 w 2657475"/>
                <a:gd name="connsiteY19" fmla="*/ 38554 h 2302782"/>
                <a:gd name="connsiteX20" fmla="*/ 1467304 w 2657475"/>
                <a:gd name="connsiteY20" fmla="*/ 212725 h 2302782"/>
                <a:gd name="connsiteX21" fmla="*/ 1757590 w 2657475"/>
                <a:gd name="connsiteY21" fmla="*/ 183697 h 2302782"/>
                <a:gd name="connsiteX22" fmla="*/ 2352675 w 2657475"/>
                <a:gd name="connsiteY22" fmla="*/ 415925 h 2302782"/>
                <a:gd name="connsiteX23" fmla="*/ 2657475 w 2657475"/>
                <a:gd name="connsiteY23" fmla="*/ 430439 h 2302782"/>
                <a:gd name="connsiteX0" fmla="*/ 2663808 w 2663808"/>
                <a:gd name="connsiteY0" fmla="*/ 485860 h 2302782"/>
                <a:gd name="connsiteX1" fmla="*/ 2591800 w 2663808"/>
                <a:gd name="connsiteY1" fmla="*/ 1133932 h 2302782"/>
                <a:gd name="connsiteX2" fmla="*/ 2541361 w 2663808"/>
                <a:gd name="connsiteY2" fmla="*/ 2244725 h 2302782"/>
                <a:gd name="connsiteX3" fmla="*/ 2512333 w 2663808"/>
                <a:gd name="connsiteY3" fmla="*/ 2302782 h 2302782"/>
                <a:gd name="connsiteX4" fmla="*/ 1909820 w 2663808"/>
                <a:gd name="connsiteY4" fmla="*/ 2286060 h 2302782"/>
                <a:gd name="connsiteX5" fmla="*/ 1895533 w 2663808"/>
                <a:gd name="connsiteY5" fmla="*/ 2170620 h 2302782"/>
                <a:gd name="connsiteX6" fmla="*/ 1689033 w 2663808"/>
                <a:gd name="connsiteY6" fmla="*/ 2184906 h 2302782"/>
                <a:gd name="connsiteX7" fmla="*/ 1684792 w 2663808"/>
                <a:gd name="connsiteY7" fmla="*/ 2267631 h 2302782"/>
                <a:gd name="connsiteX8" fmla="*/ 1432379 w 2663808"/>
                <a:gd name="connsiteY8" fmla="*/ 2196874 h 2302782"/>
                <a:gd name="connsiteX9" fmla="*/ 577624 w 2663808"/>
                <a:gd name="connsiteY9" fmla="*/ 2105479 h 2302782"/>
                <a:gd name="connsiteX10" fmla="*/ 261711 w 2663808"/>
                <a:gd name="connsiteY10" fmla="*/ 1881868 h 2302782"/>
                <a:gd name="connsiteX11" fmla="*/ 0 w 2663808"/>
                <a:gd name="connsiteY11" fmla="*/ 801914 h 2302782"/>
                <a:gd name="connsiteX12" fmla="*/ 243342 w 2663808"/>
                <a:gd name="connsiteY12" fmla="*/ 559481 h 2302782"/>
                <a:gd name="connsiteX13" fmla="*/ 446315 w 2663808"/>
                <a:gd name="connsiteY13" fmla="*/ 530905 h 2302782"/>
                <a:gd name="connsiteX14" fmla="*/ 465818 w 2663808"/>
                <a:gd name="connsiteY14" fmla="*/ 357868 h 2302782"/>
                <a:gd name="connsiteX15" fmla="*/ 567418 w 2663808"/>
                <a:gd name="connsiteY15" fmla="*/ 314325 h 2302782"/>
                <a:gd name="connsiteX16" fmla="*/ 625475 w 2663808"/>
                <a:gd name="connsiteY16" fmla="*/ 227239 h 2302782"/>
                <a:gd name="connsiteX17" fmla="*/ 625475 w 2663808"/>
                <a:gd name="connsiteY17" fmla="*/ 140154 h 2302782"/>
                <a:gd name="connsiteX18" fmla="*/ 1011918 w 2663808"/>
                <a:gd name="connsiteY18" fmla="*/ 0 h 2302782"/>
                <a:gd name="connsiteX19" fmla="*/ 1177018 w 2663808"/>
                <a:gd name="connsiteY19" fmla="*/ 38554 h 2302782"/>
                <a:gd name="connsiteX20" fmla="*/ 1467304 w 2663808"/>
                <a:gd name="connsiteY20" fmla="*/ 212725 h 2302782"/>
                <a:gd name="connsiteX21" fmla="*/ 1757590 w 2663808"/>
                <a:gd name="connsiteY21" fmla="*/ 183697 h 2302782"/>
                <a:gd name="connsiteX22" fmla="*/ 2352675 w 2663808"/>
                <a:gd name="connsiteY22" fmla="*/ 415925 h 2302782"/>
                <a:gd name="connsiteX23" fmla="*/ 2663808 w 2663808"/>
                <a:gd name="connsiteY23" fmla="*/ 485860 h 2302782"/>
                <a:gd name="connsiteX0" fmla="*/ 2663807 w 2663807"/>
                <a:gd name="connsiteY0" fmla="*/ 485860 h 2302782"/>
                <a:gd name="connsiteX1" fmla="*/ 2591800 w 2663807"/>
                <a:gd name="connsiteY1" fmla="*/ 1133932 h 2302782"/>
                <a:gd name="connsiteX2" fmla="*/ 2541361 w 2663807"/>
                <a:gd name="connsiteY2" fmla="*/ 2244725 h 2302782"/>
                <a:gd name="connsiteX3" fmla="*/ 2512333 w 2663807"/>
                <a:gd name="connsiteY3" fmla="*/ 2302782 h 2302782"/>
                <a:gd name="connsiteX4" fmla="*/ 1909820 w 2663807"/>
                <a:gd name="connsiteY4" fmla="*/ 2286060 h 2302782"/>
                <a:gd name="connsiteX5" fmla="*/ 1895533 w 2663807"/>
                <a:gd name="connsiteY5" fmla="*/ 2170620 h 2302782"/>
                <a:gd name="connsiteX6" fmla="*/ 1689033 w 2663807"/>
                <a:gd name="connsiteY6" fmla="*/ 2184906 h 2302782"/>
                <a:gd name="connsiteX7" fmla="*/ 1684792 w 2663807"/>
                <a:gd name="connsiteY7" fmla="*/ 2267631 h 2302782"/>
                <a:gd name="connsiteX8" fmla="*/ 1432379 w 2663807"/>
                <a:gd name="connsiteY8" fmla="*/ 2196874 h 2302782"/>
                <a:gd name="connsiteX9" fmla="*/ 577624 w 2663807"/>
                <a:gd name="connsiteY9" fmla="*/ 2105479 h 2302782"/>
                <a:gd name="connsiteX10" fmla="*/ 261711 w 2663807"/>
                <a:gd name="connsiteY10" fmla="*/ 1881868 h 2302782"/>
                <a:gd name="connsiteX11" fmla="*/ 0 w 2663807"/>
                <a:gd name="connsiteY11" fmla="*/ 801914 h 2302782"/>
                <a:gd name="connsiteX12" fmla="*/ 243342 w 2663807"/>
                <a:gd name="connsiteY12" fmla="*/ 559481 h 2302782"/>
                <a:gd name="connsiteX13" fmla="*/ 446315 w 2663807"/>
                <a:gd name="connsiteY13" fmla="*/ 530905 h 2302782"/>
                <a:gd name="connsiteX14" fmla="*/ 465818 w 2663807"/>
                <a:gd name="connsiteY14" fmla="*/ 357868 h 2302782"/>
                <a:gd name="connsiteX15" fmla="*/ 567418 w 2663807"/>
                <a:gd name="connsiteY15" fmla="*/ 314325 h 2302782"/>
                <a:gd name="connsiteX16" fmla="*/ 625475 w 2663807"/>
                <a:gd name="connsiteY16" fmla="*/ 227239 h 2302782"/>
                <a:gd name="connsiteX17" fmla="*/ 625475 w 2663807"/>
                <a:gd name="connsiteY17" fmla="*/ 140154 h 2302782"/>
                <a:gd name="connsiteX18" fmla="*/ 1011918 w 2663807"/>
                <a:gd name="connsiteY18" fmla="*/ 0 h 2302782"/>
                <a:gd name="connsiteX19" fmla="*/ 1177018 w 2663807"/>
                <a:gd name="connsiteY19" fmla="*/ 38554 h 2302782"/>
                <a:gd name="connsiteX20" fmla="*/ 1467304 w 2663807"/>
                <a:gd name="connsiteY20" fmla="*/ 212725 h 2302782"/>
                <a:gd name="connsiteX21" fmla="*/ 1757590 w 2663807"/>
                <a:gd name="connsiteY21" fmla="*/ 183697 h 2302782"/>
                <a:gd name="connsiteX22" fmla="*/ 2352675 w 2663807"/>
                <a:gd name="connsiteY22" fmla="*/ 415925 h 2302782"/>
                <a:gd name="connsiteX23" fmla="*/ 2663807 w 2663807"/>
                <a:gd name="connsiteY23" fmla="*/ 485860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689033 w 2680153"/>
                <a:gd name="connsiteY6" fmla="*/ 2184906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4792 w 2680153"/>
                <a:gd name="connsiteY7" fmla="*/ 2267631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94329 w 2680153"/>
                <a:gd name="connsiteY6" fmla="*/ 2157522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 name="connsiteX0" fmla="*/ 2680153 w 2680153"/>
                <a:gd name="connsiteY0" fmla="*/ 457881 h 2302782"/>
                <a:gd name="connsiteX1" fmla="*/ 2591800 w 2680153"/>
                <a:gd name="connsiteY1" fmla="*/ 1133932 h 2302782"/>
                <a:gd name="connsiteX2" fmla="*/ 2541361 w 2680153"/>
                <a:gd name="connsiteY2" fmla="*/ 2244725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445419 w 2680153"/>
                <a:gd name="connsiteY2" fmla="*/ 2144017 h 2302782"/>
                <a:gd name="connsiteX3" fmla="*/ 2512333 w 2680153"/>
                <a:gd name="connsiteY3" fmla="*/ 2302782 h 2302782"/>
                <a:gd name="connsiteX4" fmla="*/ 1909820 w 2680153"/>
                <a:gd name="connsiteY4" fmla="*/ 2286060 h 2302782"/>
                <a:gd name="connsiteX5" fmla="*/ 1895533 w 2680153"/>
                <a:gd name="connsiteY5" fmla="*/ 2170620 h 2302782"/>
                <a:gd name="connsiteX6" fmla="*/ 1780041 w 2680153"/>
                <a:gd name="connsiteY6" fmla="*/ 2167047 h 2302782"/>
                <a:gd name="connsiteX7" fmla="*/ 1760942 w 2680153"/>
                <a:gd name="connsiteY7" fmla="*/ 2283110 h 2302782"/>
                <a:gd name="connsiteX8" fmla="*/ 1680030 w 2680153"/>
                <a:gd name="connsiteY8" fmla="*/ 2272393 h 2302782"/>
                <a:gd name="connsiteX9" fmla="*/ 1432379 w 2680153"/>
                <a:gd name="connsiteY9" fmla="*/ 2196874 h 2302782"/>
                <a:gd name="connsiteX10" fmla="*/ 577624 w 2680153"/>
                <a:gd name="connsiteY10" fmla="*/ 2105479 h 2302782"/>
                <a:gd name="connsiteX11" fmla="*/ 261711 w 2680153"/>
                <a:gd name="connsiteY11" fmla="*/ 1881868 h 2302782"/>
                <a:gd name="connsiteX12" fmla="*/ 0 w 2680153"/>
                <a:gd name="connsiteY12" fmla="*/ 801914 h 2302782"/>
                <a:gd name="connsiteX13" fmla="*/ 243342 w 2680153"/>
                <a:gd name="connsiteY13" fmla="*/ 559481 h 2302782"/>
                <a:gd name="connsiteX14" fmla="*/ 446315 w 2680153"/>
                <a:gd name="connsiteY14" fmla="*/ 530905 h 2302782"/>
                <a:gd name="connsiteX15" fmla="*/ 465818 w 2680153"/>
                <a:gd name="connsiteY15" fmla="*/ 357868 h 2302782"/>
                <a:gd name="connsiteX16" fmla="*/ 567418 w 2680153"/>
                <a:gd name="connsiteY16" fmla="*/ 314325 h 2302782"/>
                <a:gd name="connsiteX17" fmla="*/ 625475 w 2680153"/>
                <a:gd name="connsiteY17" fmla="*/ 227239 h 2302782"/>
                <a:gd name="connsiteX18" fmla="*/ 625475 w 2680153"/>
                <a:gd name="connsiteY18" fmla="*/ 140154 h 2302782"/>
                <a:gd name="connsiteX19" fmla="*/ 1011918 w 2680153"/>
                <a:gd name="connsiteY19" fmla="*/ 0 h 2302782"/>
                <a:gd name="connsiteX20" fmla="*/ 1177018 w 2680153"/>
                <a:gd name="connsiteY20" fmla="*/ 38554 h 2302782"/>
                <a:gd name="connsiteX21" fmla="*/ 1467304 w 2680153"/>
                <a:gd name="connsiteY21" fmla="*/ 212725 h 2302782"/>
                <a:gd name="connsiteX22" fmla="*/ 1757590 w 2680153"/>
                <a:gd name="connsiteY22" fmla="*/ 183697 h 2302782"/>
                <a:gd name="connsiteX23" fmla="*/ 2352675 w 2680153"/>
                <a:gd name="connsiteY23" fmla="*/ 415925 h 2302782"/>
                <a:gd name="connsiteX24" fmla="*/ 2680153 w 2680153"/>
                <a:gd name="connsiteY24" fmla="*/ 457881 h 2302782"/>
                <a:gd name="connsiteX0" fmla="*/ 2680153 w 2680153"/>
                <a:gd name="connsiteY0" fmla="*/ 457881 h 2302782"/>
                <a:gd name="connsiteX1" fmla="*/ 2591800 w 2680153"/>
                <a:gd name="connsiteY1" fmla="*/ 1133932 h 2302782"/>
                <a:gd name="connsiteX2" fmla="*/ 2512333 w 2680153"/>
                <a:gd name="connsiteY2" fmla="*/ 2302782 h 2302782"/>
                <a:gd name="connsiteX3" fmla="*/ 1909820 w 2680153"/>
                <a:gd name="connsiteY3" fmla="*/ 2286060 h 2302782"/>
                <a:gd name="connsiteX4" fmla="*/ 1895533 w 2680153"/>
                <a:gd name="connsiteY4" fmla="*/ 2170620 h 2302782"/>
                <a:gd name="connsiteX5" fmla="*/ 1780041 w 2680153"/>
                <a:gd name="connsiteY5" fmla="*/ 2167047 h 2302782"/>
                <a:gd name="connsiteX6" fmla="*/ 1760942 w 2680153"/>
                <a:gd name="connsiteY6" fmla="*/ 2283110 h 2302782"/>
                <a:gd name="connsiteX7" fmla="*/ 1680030 w 2680153"/>
                <a:gd name="connsiteY7" fmla="*/ 2272393 h 2302782"/>
                <a:gd name="connsiteX8" fmla="*/ 1432379 w 2680153"/>
                <a:gd name="connsiteY8" fmla="*/ 2196874 h 2302782"/>
                <a:gd name="connsiteX9" fmla="*/ 577624 w 2680153"/>
                <a:gd name="connsiteY9" fmla="*/ 2105479 h 2302782"/>
                <a:gd name="connsiteX10" fmla="*/ 261711 w 2680153"/>
                <a:gd name="connsiteY10" fmla="*/ 1881868 h 2302782"/>
                <a:gd name="connsiteX11" fmla="*/ 0 w 2680153"/>
                <a:gd name="connsiteY11" fmla="*/ 801914 h 2302782"/>
                <a:gd name="connsiteX12" fmla="*/ 243342 w 2680153"/>
                <a:gd name="connsiteY12" fmla="*/ 559481 h 2302782"/>
                <a:gd name="connsiteX13" fmla="*/ 446315 w 2680153"/>
                <a:gd name="connsiteY13" fmla="*/ 530905 h 2302782"/>
                <a:gd name="connsiteX14" fmla="*/ 465818 w 2680153"/>
                <a:gd name="connsiteY14" fmla="*/ 357868 h 2302782"/>
                <a:gd name="connsiteX15" fmla="*/ 567418 w 2680153"/>
                <a:gd name="connsiteY15" fmla="*/ 314325 h 2302782"/>
                <a:gd name="connsiteX16" fmla="*/ 625475 w 2680153"/>
                <a:gd name="connsiteY16" fmla="*/ 227239 h 2302782"/>
                <a:gd name="connsiteX17" fmla="*/ 625475 w 2680153"/>
                <a:gd name="connsiteY17" fmla="*/ 140154 h 2302782"/>
                <a:gd name="connsiteX18" fmla="*/ 1011918 w 2680153"/>
                <a:gd name="connsiteY18" fmla="*/ 0 h 2302782"/>
                <a:gd name="connsiteX19" fmla="*/ 1177018 w 2680153"/>
                <a:gd name="connsiteY19" fmla="*/ 38554 h 2302782"/>
                <a:gd name="connsiteX20" fmla="*/ 1467304 w 2680153"/>
                <a:gd name="connsiteY20" fmla="*/ 212725 h 2302782"/>
                <a:gd name="connsiteX21" fmla="*/ 1757590 w 2680153"/>
                <a:gd name="connsiteY21" fmla="*/ 183697 h 2302782"/>
                <a:gd name="connsiteX22" fmla="*/ 2352675 w 2680153"/>
                <a:gd name="connsiteY22" fmla="*/ 415925 h 2302782"/>
                <a:gd name="connsiteX23" fmla="*/ 2680153 w 2680153"/>
                <a:gd name="connsiteY23" fmla="*/ 457881 h 2302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680153" h="2302782">
                  <a:moveTo>
                    <a:pt x="2680153" y="457881"/>
                  </a:moveTo>
                  <a:lnTo>
                    <a:pt x="2591800" y="1133932"/>
                  </a:lnTo>
                  <a:lnTo>
                    <a:pt x="2512333" y="2302782"/>
                  </a:lnTo>
                  <a:lnTo>
                    <a:pt x="1909820" y="2286060"/>
                  </a:lnTo>
                  <a:lnTo>
                    <a:pt x="1895533" y="2170620"/>
                  </a:lnTo>
                  <a:lnTo>
                    <a:pt x="1780041" y="2167047"/>
                  </a:lnTo>
                  <a:cubicBezTo>
                    <a:pt x="1755236" y="2178453"/>
                    <a:pt x="1777610" y="2265552"/>
                    <a:pt x="1760942" y="2283110"/>
                  </a:cubicBezTo>
                  <a:cubicBezTo>
                    <a:pt x="1744274" y="2300668"/>
                    <a:pt x="1732417" y="2279423"/>
                    <a:pt x="1680030" y="2272393"/>
                  </a:cubicBezTo>
                  <a:lnTo>
                    <a:pt x="1432379" y="2196874"/>
                  </a:lnTo>
                  <a:lnTo>
                    <a:pt x="577624" y="2105479"/>
                  </a:lnTo>
                  <a:lnTo>
                    <a:pt x="261711" y="1881868"/>
                  </a:lnTo>
                  <a:lnTo>
                    <a:pt x="0" y="801914"/>
                  </a:lnTo>
                  <a:lnTo>
                    <a:pt x="243342" y="559481"/>
                  </a:lnTo>
                  <a:lnTo>
                    <a:pt x="446315" y="530905"/>
                  </a:lnTo>
                  <a:lnTo>
                    <a:pt x="465818" y="357868"/>
                  </a:lnTo>
                  <a:lnTo>
                    <a:pt x="567418" y="314325"/>
                  </a:lnTo>
                  <a:lnTo>
                    <a:pt x="625475" y="227239"/>
                  </a:lnTo>
                  <a:lnTo>
                    <a:pt x="625475" y="140154"/>
                  </a:lnTo>
                  <a:lnTo>
                    <a:pt x="1011918" y="0"/>
                  </a:lnTo>
                  <a:lnTo>
                    <a:pt x="1177018" y="38554"/>
                  </a:lnTo>
                  <a:lnTo>
                    <a:pt x="1467304" y="212725"/>
                  </a:lnTo>
                  <a:lnTo>
                    <a:pt x="1757590" y="183697"/>
                  </a:lnTo>
                  <a:lnTo>
                    <a:pt x="2352675" y="415925"/>
                  </a:lnTo>
                  <a:lnTo>
                    <a:pt x="2680153" y="457881"/>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kumimoji="1" lang="ja-JP" altLang="en-US" dirty="0"/>
            </a:p>
          </p:txBody>
        </p:sp>
        <p:sp>
          <p:nvSpPr>
            <p:cNvPr id="82" name="Freeform 3"/>
            <p:cNvSpPr>
              <a:spLocks/>
            </p:cNvSpPr>
            <p:nvPr/>
          </p:nvSpPr>
          <p:spPr bwMode="auto">
            <a:xfrm>
              <a:off x="8055009" y="3143075"/>
              <a:ext cx="1650558" cy="3042787"/>
            </a:xfrm>
            <a:custGeom>
              <a:avLst/>
              <a:gdLst>
                <a:gd name="T0" fmla="*/ 417590 w 3420"/>
                <a:gd name="T1" fmla="*/ 0 h 6542"/>
                <a:gd name="T2" fmla="*/ 0 w 3420"/>
                <a:gd name="T3" fmla="*/ 3947368 h 6542"/>
                <a:gd name="T4" fmla="*/ 234630 w 3420"/>
                <a:gd name="T5" fmla="*/ 3947368 h 6542"/>
                <a:gd name="T6" fmla="*/ 237171 w 3420"/>
                <a:gd name="T7" fmla="*/ 4017989 h 6542"/>
                <a:gd name="T8" fmla="*/ 470106 w 3420"/>
                <a:gd name="T9" fmla="*/ 4033591 h 6542"/>
                <a:gd name="T10" fmla="*/ 447236 w 3420"/>
                <a:gd name="T11" fmla="*/ 4505765 h 6542"/>
                <a:gd name="T12" fmla="*/ 470106 w 3420"/>
                <a:gd name="T13" fmla="*/ 4775109 h 6542"/>
                <a:gd name="T14" fmla="*/ 514999 w 3420"/>
                <a:gd name="T15" fmla="*/ 5124928 h 6542"/>
                <a:gd name="T16" fmla="*/ 635279 w 3420"/>
                <a:gd name="T17" fmla="*/ 5372100 h 6542"/>
                <a:gd name="T18" fmla="*/ 940212 w 3420"/>
                <a:gd name="T19" fmla="*/ 5369636 h 6542"/>
                <a:gd name="T20" fmla="*/ 952918 w 3420"/>
                <a:gd name="T21" fmla="*/ 4957409 h 6542"/>
                <a:gd name="T22" fmla="*/ 1200253 w 3420"/>
                <a:gd name="T23" fmla="*/ 5006679 h 6542"/>
                <a:gd name="T24" fmla="*/ 1372202 w 3420"/>
                <a:gd name="T25" fmla="*/ 3990069 h 6542"/>
                <a:gd name="T26" fmla="*/ 1498410 w 3420"/>
                <a:gd name="T27" fmla="*/ 3989248 h 6542"/>
                <a:gd name="T28" fmla="*/ 1677135 w 3420"/>
                <a:gd name="T29" fmla="*/ 3448097 h 6542"/>
                <a:gd name="T30" fmla="*/ 1677135 w 3420"/>
                <a:gd name="T31" fmla="*/ 2721360 h 6542"/>
                <a:gd name="T32" fmla="*/ 2350530 w 3420"/>
                <a:gd name="T33" fmla="*/ 2733678 h 6542"/>
                <a:gd name="T34" fmla="*/ 2388647 w 3420"/>
                <a:gd name="T35" fmla="*/ 2358403 h 6542"/>
                <a:gd name="T36" fmla="*/ 2775744 w 3420"/>
                <a:gd name="T37" fmla="*/ 1804112 h 6542"/>
                <a:gd name="T38" fmla="*/ 2788449 w 3420"/>
                <a:gd name="T39" fmla="*/ 1637415 h 6542"/>
                <a:gd name="T40" fmla="*/ 2795225 w 3420"/>
                <a:gd name="T41" fmla="*/ 1459221 h 6542"/>
                <a:gd name="T42" fmla="*/ 2807931 w 3420"/>
                <a:gd name="T43" fmla="*/ 1341793 h 6542"/>
                <a:gd name="T44" fmla="*/ 2851977 w 3420"/>
                <a:gd name="T45" fmla="*/ 1193982 h 6542"/>
                <a:gd name="T46" fmla="*/ 2839271 w 3420"/>
                <a:gd name="T47" fmla="*/ 1065059 h 6542"/>
                <a:gd name="T48" fmla="*/ 2795225 w 3420"/>
                <a:gd name="T49" fmla="*/ 898361 h 6542"/>
                <a:gd name="T50" fmla="*/ 2769814 w 3420"/>
                <a:gd name="T51" fmla="*/ 787503 h 6542"/>
                <a:gd name="T52" fmla="*/ 2763038 w 3420"/>
                <a:gd name="T53" fmla="*/ 707849 h 6542"/>
                <a:gd name="T54" fmla="*/ 2757109 w 3420"/>
                <a:gd name="T55" fmla="*/ 652010 h 6542"/>
                <a:gd name="T56" fmla="*/ 2782520 w 3420"/>
                <a:gd name="T57" fmla="*/ 590422 h 6542"/>
                <a:gd name="T58" fmla="*/ 2833342 w 3420"/>
                <a:gd name="T59" fmla="*/ 486133 h 6542"/>
                <a:gd name="T60" fmla="*/ 2896870 w 3420"/>
                <a:gd name="T61" fmla="*/ 313687 h 6542"/>
                <a:gd name="T62" fmla="*/ 2763038 w 3420"/>
                <a:gd name="T63" fmla="*/ 239782 h 6542"/>
                <a:gd name="T64" fmla="*/ 2635982 w 3420"/>
                <a:gd name="T65" fmla="*/ 202829 h 6542"/>
                <a:gd name="T66" fmla="*/ 2464881 w 3420"/>
                <a:gd name="T67" fmla="*/ 183942 h 6542"/>
                <a:gd name="T68" fmla="*/ 2140465 w 3420"/>
                <a:gd name="T69" fmla="*/ 141241 h 6542"/>
                <a:gd name="T70" fmla="*/ 1677135 w 3420"/>
                <a:gd name="T71" fmla="*/ 85402 h 6542"/>
                <a:gd name="T72" fmla="*/ 889390 w 3420"/>
                <a:gd name="T73" fmla="*/ 30383 h 6542"/>
                <a:gd name="T74" fmla="*/ 417590 w 3420"/>
                <a:gd name="T75" fmla="*/ 0 h 6542"/>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173 w 10000"/>
                <a:gd name="connsiteY13" fmla="*/ 7426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89 w 10000"/>
                <a:gd name="connsiteY10" fmla="*/ 9228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706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246 w 10000"/>
                <a:gd name="connsiteY9" fmla="*/ 9995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48 h 10000"/>
                <a:gd name="connsiteX2" fmla="*/ 810 w 10000"/>
                <a:gd name="connsiteY2" fmla="*/ 7348 h 10000"/>
                <a:gd name="connsiteX3" fmla="*/ 819 w 10000"/>
                <a:gd name="connsiteY3" fmla="*/ 7479 h 10000"/>
                <a:gd name="connsiteX4" fmla="*/ 1623 w 10000"/>
                <a:gd name="connsiteY4" fmla="*/ 7508 h 10000"/>
                <a:gd name="connsiteX5" fmla="*/ 1544 w 10000"/>
                <a:gd name="connsiteY5" fmla="*/ 8387 h 10000"/>
                <a:gd name="connsiteX6" fmla="*/ 1623 w 10000"/>
                <a:gd name="connsiteY6" fmla="*/ 8889 h 10000"/>
                <a:gd name="connsiteX7" fmla="*/ 1778 w 10000"/>
                <a:gd name="connsiteY7" fmla="*/ 9540 h 10000"/>
                <a:gd name="connsiteX8" fmla="*/ 2193 w 10000"/>
                <a:gd name="connsiteY8" fmla="*/ 10000 h 10000"/>
                <a:gd name="connsiteX9" fmla="*/ 3066 w 10000"/>
                <a:gd name="connsiteY9" fmla="*/ 9917 h 10000"/>
                <a:gd name="connsiteX10" fmla="*/ 3272 w 10000"/>
                <a:gd name="connsiteY10" fmla="*/ 9412 h 10000"/>
                <a:gd name="connsiteX11" fmla="*/ 4143 w 10000"/>
                <a:gd name="connsiteY11" fmla="*/ 9320 h 10000"/>
                <a:gd name="connsiteX12" fmla="*/ 4362 w 10000"/>
                <a:gd name="connsiteY12" fmla="*/ 7560 h 10000"/>
                <a:gd name="connsiteX13" fmla="*/ 5245 w 10000"/>
                <a:gd name="connsiteY13" fmla="*/ 7543 h 10000"/>
                <a:gd name="connsiteX14" fmla="*/ 5789 w 10000"/>
                <a:gd name="connsiteY14" fmla="*/ 6419 h 10000"/>
                <a:gd name="connsiteX15" fmla="*/ 5789 w 10000"/>
                <a:gd name="connsiteY15" fmla="*/ 5066 h 10000"/>
                <a:gd name="connsiteX16" fmla="*/ 8114 w 10000"/>
                <a:gd name="connsiteY16" fmla="*/ 5089 h 10000"/>
                <a:gd name="connsiteX17" fmla="*/ 8246 w 10000"/>
                <a:gd name="connsiteY17" fmla="*/ 4390 h 10000"/>
                <a:gd name="connsiteX18" fmla="*/ 9582 w 10000"/>
                <a:gd name="connsiteY18" fmla="*/ 3358 h 10000"/>
                <a:gd name="connsiteX19" fmla="*/ 9626 w 10000"/>
                <a:gd name="connsiteY19" fmla="*/ 3048 h 10000"/>
                <a:gd name="connsiteX20" fmla="*/ 9649 w 10000"/>
                <a:gd name="connsiteY20" fmla="*/ 2716 h 10000"/>
                <a:gd name="connsiteX21" fmla="*/ 9693 w 10000"/>
                <a:gd name="connsiteY21" fmla="*/ 2498 h 10000"/>
                <a:gd name="connsiteX22" fmla="*/ 9845 w 10000"/>
                <a:gd name="connsiteY22" fmla="*/ 2223 h 10000"/>
                <a:gd name="connsiteX23" fmla="*/ 9801 w 10000"/>
                <a:gd name="connsiteY23" fmla="*/ 1983 h 10000"/>
                <a:gd name="connsiteX24" fmla="*/ 9649 w 10000"/>
                <a:gd name="connsiteY24" fmla="*/ 1672 h 10000"/>
                <a:gd name="connsiteX25" fmla="*/ 9561 w 10000"/>
                <a:gd name="connsiteY25" fmla="*/ 1466 h 10000"/>
                <a:gd name="connsiteX26" fmla="*/ 9538 w 10000"/>
                <a:gd name="connsiteY26" fmla="*/ 1318 h 10000"/>
                <a:gd name="connsiteX27" fmla="*/ 9518 w 10000"/>
                <a:gd name="connsiteY27" fmla="*/ 1214 h 10000"/>
                <a:gd name="connsiteX28" fmla="*/ 9605 w 10000"/>
                <a:gd name="connsiteY28" fmla="*/ 1099 h 10000"/>
                <a:gd name="connsiteX29" fmla="*/ 9781 w 10000"/>
                <a:gd name="connsiteY29" fmla="*/ 905 h 10000"/>
                <a:gd name="connsiteX30" fmla="*/ 10000 w 10000"/>
                <a:gd name="connsiteY30" fmla="*/ 584 h 10000"/>
                <a:gd name="connsiteX31" fmla="*/ 9538 w 10000"/>
                <a:gd name="connsiteY31" fmla="*/ 446 h 10000"/>
                <a:gd name="connsiteX32" fmla="*/ 9099 w 10000"/>
                <a:gd name="connsiteY32" fmla="*/ 378 h 10000"/>
                <a:gd name="connsiteX33" fmla="*/ 8509 w 10000"/>
                <a:gd name="connsiteY33" fmla="*/ 342 h 10000"/>
                <a:gd name="connsiteX34" fmla="*/ 7389 w 10000"/>
                <a:gd name="connsiteY34" fmla="*/ 263 h 10000"/>
                <a:gd name="connsiteX35" fmla="*/ 5789 w 10000"/>
                <a:gd name="connsiteY35" fmla="*/ 159 h 10000"/>
                <a:gd name="connsiteX36" fmla="*/ 3070 w 10000"/>
                <a:gd name="connsiteY36" fmla="*/ 57 h 10000"/>
                <a:gd name="connsiteX37" fmla="*/ 1442 w 10000"/>
                <a:gd name="connsiteY37" fmla="*/ 0 h 10000"/>
                <a:gd name="connsiteX0" fmla="*/ 1442 w 10000"/>
                <a:gd name="connsiteY0" fmla="*/ 0 h 9942"/>
                <a:gd name="connsiteX1" fmla="*/ 0 w 10000"/>
                <a:gd name="connsiteY1" fmla="*/ 7348 h 9942"/>
                <a:gd name="connsiteX2" fmla="*/ 810 w 10000"/>
                <a:gd name="connsiteY2" fmla="*/ 7348 h 9942"/>
                <a:gd name="connsiteX3" fmla="*/ 819 w 10000"/>
                <a:gd name="connsiteY3" fmla="*/ 7479 h 9942"/>
                <a:gd name="connsiteX4" fmla="*/ 1623 w 10000"/>
                <a:gd name="connsiteY4" fmla="*/ 7508 h 9942"/>
                <a:gd name="connsiteX5" fmla="*/ 1544 w 10000"/>
                <a:gd name="connsiteY5" fmla="*/ 8387 h 9942"/>
                <a:gd name="connsiteX6" fmla="*/ 1623 w 10000"/>
                <a:gd name="connsiteY6" fmla="*/ 8889 h 9942"/>
                <a:gd name="connsiteX7" fmla="*/ 1778 w 10000"/>
                <a:gd name="connsiteY7" fmla="*/ 9540 h 9942"/>
                <a:gd name="connsiteX8" fmla="*/ 2013 w 10000"/>
                <a:gd name="connsiteY8" fmla="*/ 9942 h 9942"/>
                <a:gd name="connsiteX9" fmla="*/ 3066 w 10000"/>
                <a:gd name="connsiteY9" fmla="*/ 9917 h 9942"/>
                <a:gd name="connsiteX10" fmla="*/ 3272 w 10000"/>
                <a:gd name="connsiteY10" fmla="*/ 9412 h 9942"/>
                <a:gd name="connsiteX11" fmla="*/ 4143 w 10000"/>
                <a:gd name="connsiteY11" fmla="*/ 9320 h 9942"/>
                <a:gd name="connsiteX12" fmla="*/ 4362 w 10000"/>
                <a:gd name="connsiteY12" fmla="*/ 7560 h 9942"/>
                <a:gd name="connsiteX13" fmla="*/ 5245 w 10000"/>
                <a:gd name="connsiteY13" fmla="*/ 7543 h 9942"/>
                <a:gd name="connsiteX14" fmla="*/ 5789 w 10000"/>
                <a:gd name="connsiteY14" fmla="*/ 6419 h 9942"/>
                <a:gd name="connsiteX15" fmla="*/ 5789 w 10000"/>
                <a:gd name="connsiteY15" fmla="*/ 5066 h 9942"/>
                <a:gd name="connsiteX16" fmla="*/ 8114 w 10000"/>
                <a:gd name="connsiteY16" fmla="*/ 5089 h 9942"/>
                <a:gd name="connsiteX17" fmla="*/ 8246 w 10000"/>
                <a:gd name="connsiteY17" fmla="*/ 4390 h 9942"/>
                <a:gd name="connsiteX18" fmla="*/ 9582 w 10000"/>
                <a:gd name="connsiteY18" fmla="*/ 3358 h 9942"/>
                <a:gd name="connsiteX19" fmla="*/ 9626 w 10000"/>
                <a:gd name="connsiteY19" fmla="*/ 3048 h 9942"/>
                <a:gd name="connsiteX20" fmla="*/ 9649 w 10000"/>
                <a:gd name="connsiteY20" fmla="*/ 2716 h 9942"/>
                <a:gd name="connsiteX21" fmla="*/ 9693 w 10000"/>
                <a:gd name="connsiteY21" fmla="*/ 2498 h 9942"/>
                <a:gd name="connsiteX22" fmla="*/ 9845 w 10000"/>
                <a:gd name="connsiteY22" fmla="*/ 2223 h 9942"/>
                <a:gd name="connsiteX23" fmla="*/ 9801 w 10000"/>
                <a:gd name="connsiteY23" fmla="*/ 1983 h 9942"/>
                <a:gd name="connsiteX24" fmla="*/ 9649 w 10000"/>
                <a:gd name="connsiteY24" fmla="*/ 1672 h 9942"/>
                <a:gd name="connsiteX25" fmla="*/ 9561 w 10000"/>
                <a:gd name="connsiteY25" fmla="*/ 1466 h 9942"/>
                <a:gd name="connsiteX26" fmla="*/ 9538 w 10000"/>
                <a:gd name="connsiteY26" fmla="*/ 1318 h 9942"/>
                <a:gd name="connsiteX27" fmla="*/ 9518 w 10000"/>
                <a:gd name="connsiteY27" fmla="*/ 1214 h 9942"/>
                <a:gd name="connsiteX28" fmla="*/ 9605 w 10000"/>
                <a:gd name="connsiteY28" fmla="*/ 1099 h 9942"/>
                <a:gd name="connsiteX29" fmla="*/ 9781 w 10000"/>
                <a:gd name="connsiteY29" fmla="*/ 905 h 9942"/>
                <a:gd name="connsiteX30" fmla="*/ 10000 w 10000"/>
                <a:gd name="connsiteY30" fmla="*/ 584 h 9942"/>
                <a:gd name="connsiteX31" fmla="*/ 9538 w 10000"/>
                <a:gd name="connsiteY31" fmla="*/ 446 h 9942"/>
                <a:gd name="connsiteX32" fmla="*/ 9099 w 10000"/>
                <a:gd name="connsiteY32" fmla="*/ 378 h 9942"/>
                <a:gd name="connsiteX33" fmla="*/ 8509 w 10000"/>
                <a:gd name="connsiteY33" fmla="*/ 342 h 9942"/>
                <a:gd name="connsiteX34" fmla="*/ 7389 w 10000"/>
                <a:gd name="connsiteY34" fmla="*/ 263 h 9942"/>
                <a:gd name="connsiteX35" fmla="*/ 5789 w 10000"/>
                <a:gd name="connsiteY35" fmla="*/ 159 h 9942"/>
                <a:gd name="connsiteX36" fmla="*/ 3070 w 10000"/>
                <a:gd name="connsiteY36" fmla="*/ 57 h 9942"/>
                <a:gd name="connsiteX37" fmla="*/ 1442 w 10000"/>
                <a:gd name="connsiteY37" fmla="*/ 0 h 9942"/>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272 w 10000"/>
                <a:gd name="connsiteY10" fmla="*/ 9467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416 w 10000"/>
                <a:gd name="connsiteY10" fmla="*/ 9310 h 10000"/>
                <a:gd name="connsiteX11" fmla="*/ 4097 w 10000"/>
                <a:gd name="connsiteY11" fmla="*/ 9355 h 10000"/>
                <a:gd name="connsiteX12" fmla="*/ 4362 w 10000"/>
                <a:gd name="connsiteY12" fmla="*/ 7604 h 10000"/>
                <a:gd name="connsiteX13" fmla="*/ 5245 w 10000"/>
                <a:gd name="connsiteY13" fmla="*/ 7587 h 10000"/>
                <a:gd name="connsiteX14" fmla="*/ 5789 w 10000"/>
                <a:gd name="connsiteY14" fmla="*/ 6456 h 10000"/>
                <a:gd name="connsiteX15" fmla="*/ 5789 w 10000"/>
                <a:gd name="connsiteY15" fmla="*/ 5096 h 10000"/>
                <a:gd name="connsiteX16" fmla="*/ 8114 w 10000"/>
                <a:gd name="connsiteY16" fmla="*/ 5119 h 10000"/>
                <a:gd name="connsiteX17" fmla="*/ 8246 w 10000"/>
                <a:gd name="connsiteY17" fmla="*/ 4416 h 10000"/>
                <a:gd name="connsiteX18" fmla="*/ 9582 w 10000"/>
                <a:gd name="connsiteY18" fmla="*/ 3378 h 10000"/>
                <a:gd name="connsiteX19" fmla="*/ 9626 w 10000"/>
                <a:gd name="connsiteY19" fmla="*/ 3066 h 10000"/>
                <a:gd name="connsiteX20" fmla="*/ 9649 w 10000"/>
                <a:gd name="connsiteY20" fmla="*/ 2732 h 10000"/>
                <a:gd name="connsiteX21" fmla="*/ 9693 w 10000"/>
                <a:gd name="connsiteY21" fmla="*/ 2513 h 10000"/>
                <a:gd name="connsiteX22" fmla="*/ 9845 w 10000"/>
                <a:gd name="connsiteY22" fmla="*/ 2236 h 10000"/>
                <a:gd name="connsiteX23" fmla="*/ 9801 w 10000"/>
                <a:gd name="connsiteY23" fmla="*/ 1995 h 10000"/>
                <a:gd name="connsiteX24" fmla="*/ 9649 w 10000"/>
                <a:gd name="connsiteY24" fmla="*/ 1682 h 10000"/>
                <a:gd name="connsiteX25" fmla="*/ 9561 w 10000"/>
                <a:gd name="connsiteY25" fmla="*/ 1475 h 10000"/>
                <a:gd name="connsiteX26" fmla="*/ 9538 w 10000"/>
                <a:gd name="connsiteY26" fmla="*/ 1326 h 10000"/>
                <a:gd name="connsiteX27" fmla="*/ 9518 w 10000"/>
                <a:gd name="connsiteY27" fmla="*/ 1221 h 10000"/>
                <a:gd name="connsiteX28" fmla="*/ 9605 w 10000"/>
                <a:gd name="connsiteY28" fmla="*/ 1105 h 10000"/>
                <a:gd name="connsiteX29" fmla="*/ 9781 w 10000"/>
                <a:gd name="connsiteY29" fmla="*/ 910 h 10000"/>
                <a:gd name="connsiteX30" fmla="*/ 10000 w 10000"/>
                <a:gd name="connsiteY30" fmla="*/ 587 h 10000"/>
                <a:gd name="connsiteX31" fmla="*/ 9538 w 10000"/>
                <a:gd name="connsiteY31" fmla="*/ 449 h 10000"/>
                <a:gd name="connsiteX32" fmla="*/ 9099 w 10000"/>
                <a:gd name="connsiteY32" fmla="*/ 380 h 10000"/>
                <a:gd name="connsiteX33" fmla="*/ 8509 w 10000"/>
                <a:gd name="connsiteY33" fmla="*/ 344 h 10000"/>
                <a:gd name="connsiteX34" fmla="*/ 7389 w 10000"/>
                <a:gd name="connsiteY34" fmla="*/ 265 h 10000"/>
                <a:gd name="connsiteX35" fmla="*/ 5789 w 10000"/>
                <a:gd name="connsiteY35" fmla="*/ 160 h 10000"/>
                <a:gd name="connsiteX36" fmla="*/ 3070 w 10000"/>
                <a:gd name="connsiteY36" fmla="*/ 57 h 10000"/>
                <a:gd name="connsiteX37" fmla="*/ 1442 w 10000"/>
                <a:gd name="connsiteY37"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632 w 10000"/>
                <a:gd name="connsiteY10" fmla="*/ 9545 h 10000"/>
                <a:gd name="connsiteX11" fmla="*/ 3416 w 10000"/>
                <a:gd name="connsiteY11" fmla="*/ 9310 h 10000"/>
                <a:gd name="connsiteX12" fmla="*/ 4097 w 10000"/>
                <a:gd name="connsiteY12" fmla="*/ 9355 h 10000"/>
                <a:gd name="connsiteX13" fmla="*/ 4362 w 10000"/>
                <a:gd name="connsiteY13" fmla="*/ 7604 h 10000"/>
                <a:gd name="connsiteX14" fmla="*/ 5245 w 10000"/>
                <a:gd name="connsiteY14" fmla="*/ 7587 h 10000"/>
                <a:gd name="connsiteX15" fmla="*/ 5789 w 10000"/>
                <a:gd name="connsiteY15" fmla="*/ 6456 h 10000"/>
                <a:gd name="connsiteX16" fmla="*/ 5789 w 10000"/>
                <a:gd name="connsiteY16" fmla="*/ 5096 h 10000"/>
                <a:gd name="connsiteX17" fmla="*/ 8114 w 10000"/>
                <a:gd name="connsiteY17" fmla="*/ 5119 h 10000"/>
                <a:gd name="connsiteX18" fmla="*/ 8246 w 10000"/>
                <a:gd name="connsiteY18" fmla="*/ 4416 h 10000"/>
                <a:gd name="connsiteX19" fmla="*/ 9582 w 10000"/>
                <a:gd name="connsiteY19" fmla="*/ 3378 h 10000"/>
                <a:gd name="connsiteX20" fmla="*/ 9626 w 10000"/>
                <a:gd name="connsiteY20" fmla="*/ 3066 h 10000"/>
                <a:gd name="connsiteX21" fmla="*/ 9649 w 10000"/>
                <a:gd name="connsiteY21" fmla="*/ 2732 h 10000"/>
                <a:gd name="connsiteX22" fmla="*/ 9693 w 10000"/>
                <a:gd name="connsiteY22" fmla="*/ 2513 h 10000"/>
                <a:gd name="connsiteX23" fmla="*/ 9845 w 10000"/>
                <a:gd name="connsiteY23" fmla="*/ 2236 h 10000"/>
                <a:gd name="connsiteX24" fmla="*/ 9801 w 10000"/>
                <a:gd name="connsiteY24" fmla="*/ 1995 h 10000"/>
                <a:gd name="connsiteX25" fmla="*/ 9649 w 10000"/>
                <a:gd name="connsiteY25" fmla="*/ 1682 h 10000"/>
                <a:gd name="connsiteX26" fmla="*/ 9561 w 10000"/>
                <a:gd name="connsiteY26" fmla="*/ 1475 h 10000"/>
                <a:gd name="connsiteX27" fmla="*/ 9538 w 10000"/>
                <a:gd name="connsiteY27" fmla="*/ 1326 h 10000"/>
                <a:gd name="connsiteX28" fmla="*/ 9518 w 10000"/>
                <a:gd name="connsiteY28" fmla="*/ 1221 h 10000"/>
                <a:gd name="connsiteX29" fmla="*/ 9605 w 10000"/>
                <a:gd name="connsiteY29" fmla="*/ 1105 h 10000"/>
                <a:gd name="connsiteX30" fmla="*/ 9781 w 10000"/>
                <a:gd name="connsiteY30" fmla="*/ 910 h 10000"/>
                <a:gd name="connsiteX31" fmla="*/ 10000 w 10000"/>
                <a:gd name="connsiteY31" fmla="*/ 587 h 10000"/>
                <a:gd name="connsiteX32" fmla="*/ 9538 w 10000"/>
                <a:gd name="connsiteY32" fmla="*/ 449 h 10000"/>
                <a:gd name="connsiteX33" fmla="*/ 9099 w 10000"/>
                <a:gd name="connsiteY33" fmla="*/ 380 h 10000"/>
                <a:gd name="connsiteX34" fmla="*/ 8509 w 10000"/>
                <a:gd name="connsiteY34" fmla="*/ 344 h 10000"/>
                <a:gd name="connsiteX35" fmla="*/ 7389 w 10000"/>
                <a:gd name="connsiteY35" fmla="*/ 265 h 10000"/>
                <a:gd name="connsiteX36" fmla="*/ 5789 w 10000"/>
                <a:gd name="connsiteY36" fmla="*/ 160 h 10000"/>
                <a:gd name="connsiteX37" fmla="*/ 3070 w 10000"/>
                <a:gd name="connsiteY37" fmla="*/ 57 h 10000"/>
                <a:gd name="connsiteX38" fmla="*/ 1442 w 10000"/>
                <a:gd name="connsiteY38"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3066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632 w 10000"/>
                <a:gd name="connsiteY11" fmla="*/ 9545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013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 name="connsiteX0" fmla="*/ 1442 w 10000"/>
                <a:gd name="connsiteY0" fmla="*/ 0 h 10000"/>
                <a:gd name="connsiteX1" fmla="*/ 0 w 10000"/>
                <a:gd name="connsiteY1" fmla="*/ 7391 h 10000"/>
                <a:gd name="connsiteX2" fmla="*/ 810 w 10000"/>
                <a:gd name="connsiteY2" fmla="*/ 7391 h 10000"/>
                <a:gd name="connsiteX3" fmla="*/ 819 w 10000"/>
                <a:gd name="connsiteY3" fmla="*/ 7523 h 10000"/>
                <a:gd name="connsiteX4" fmla="*/ 1623 w 10000"/>
                <a:gd name="connsiteY4" fmla="*/ 7552 h 10000"/>
                <a:gd name="connsiteX5" fmla="*/ 1544 w 10000"/>
                <a:gd name="connsiteY5" fmla="*/ 8436 h 10000"/>
                <a:gd name="connsiteX6" fmla="*/ 1623 w 10000"/>
                <a:gd name="connsiteY6" fmla="*/ 8941 h 10000"/>
                <a:gd name="connsiteX7" fmla="*/ 1778 w 10000"/>
                <a:gd name="connsiteY7" fmla="*/ 9596 h 10000"/>
                <a:gd name="connsiteX8" fmla="*/ 2157 w 10000"/>
                <a:gd name="connsiteY8" fmla="*/ 10000 h 10000"/>
                <a:gd name="connsiteX9" fmla="*/ 2850 w 10000"/>
                <a:gd name="connsiteY9" fmla="*/ 9975 h 10000"/>
                <a:gd name="connsiteX10" fmla="*/ 3163 w 10000"/>
                <a:gd name="connsiteY10" fmla="*/ 9467 h 10000"/>
                <a:gd name="connsiteX11" fmla="*/ 3416 w 10000"/>
                <a:gd name="connsiteY11" fmla="*/ 9408 h 10000"/>
                <a:gd name="connsiteX12" fmla="*/ 3416 w 10000"/>
                <a:gd name="connsiteY12" fmla="*/ 9310 h 10000"/>
                <a:gd name="connsiteX13" fmla="*/ 4097 w 10000"/>
                <a:gd name="connsiteY13" fmla="*/ 9355 h 10000"/>
                <a:gd name="connsiteX14" fmla="*/ 4362 w 10000"/>
                <a:gd name="connsiteY14" fmla="*/ 7604 h 10000"/>
                <a:gd name="connsiteX15" fmla="*/ 5245 w 10000"/>
                <a:gd name="connsiteY15" fmla="*/ 7587 h 10000"/>
                <a:gd name="connsiteX16" fmla="*/ 5789 w 10000"/>
                <a:gd name="connsiteY16" fmla="*/ 6456 h 10000"/>
                <a:gd name="connsiteX17" fmla="*/ 5789 w 10000"/>
                <a:gd name="connsiteY17" fmla="*/ 5096 h 10000"/>
                <a:gd name="connsiteX18" fmla="*/ 8114 w 10000"/>
                <a:gd name="connsiteY18" fmla="*/ 5119 h 10000"/>
                <a:gd name="connsiteX19" fmla="*/ 8246 w 10000"/>
                <a:gd name="connsiteY19" fmla="*/ 4416 h 10000"/>
                <a:gd name="connsiteX20" fmla="*/ 9582 w 10000"/>
                <a:gd name="connsiteY20" fmla="*/ 3378 h 10000"/>
                <a:gd name="connsiteX21" fmla="*/ 9626 w 10000"/>
                <a:gd name="connsiteY21" fmla="*/ 3066 h 10000"/>
                <a:gd name="connsiteX22" fmla="*/ 9649 w 10000"/>
                <a:gd name="connsiteY22" fmla="*/ 2732 h 10000"/>
                <a:gd name="connsiteX23" fmla="*/ 9693 w 10000"/>
                <a:gd name="connsiteY23" fmla="*/ 2513 h 10000"/>
                <a:gd name="connsiteX24" fmla="*/ 9845 w 10000"/>
                <a:gd name="connsiteY24" fmla="*/ 2236 h 10000"/>
                <a:gd name="connsiteX25" fmla="*/ 9801 w 10000"/>
                <a:gd name="connsiteY25" fmla="*/ 1995 h 10000"/>
                <a:gd name="connsiteX26" fmla="*/ 9649 w 10000"/>
                <a:gd name="connsiteY26" fmla="*/ 1682 h 10000"/>
                <a:gd name="connsiteX27" fmla="*/ 9561 w 10000"/>
                <a:gd name="connsiteY27" fmla="*/ 1475 h 10000"/>
                <a:gd name="connsiteX28" fmla="*/ 9538 w 10000"/>
                <a:gd name="connsiteY28" fmla="*/ 1326 h 10000"/>
                <a:gd name="connsiteX29" fmla="*/ 9518 w 10000"/>
                <a:gd name="connsiteY29" fmla="*/ 1221 h 10000"/>
                <a:gd name="connsiteX30" fmla="*/ 9605 w 10000"/>
                <a:gd name="connsiteY30" fmla="*/ 1105 h 10000"/>
                <a:gd name="connsiteX31" fmla="*/ 9781 w 10000"/>
                <a:gd name="connsiteY31" fmla="*/ 910 h 10000"/>
                <a:gd name="connsiteX32" fmla="*/ 10000 w 10000"/>
                <a:gd name="connsiteY32" fmla="*/ 587 h 10000"/>
                <a:gd name="connsiteX33" fmla="*/ 9538 w 10000"/>
                <a:gd name="connsiteY33" fmla="*/ 449 h 10000"/>
                <a:gd name="connsiteX34" fmla="*/ 9099 w 10000"/>
                <a:gd name="connsiteY34" fmla="*/ 380 h 10000"/>
                <a:gd name="connsiteX35" fmla="*/ 8509 w 10000"/>
                <a:gd name="connsiteY35" fmla="*/ 344 h 10000"/>
                <a:gd name="connsiteX36" fmla="*/ 7389 w 10000"/>
                <a:gd name="connsiteY36" fmla="*/ 265 h 10000"/>
                <a:gd name="connsiteX37" fmla="*/ 5789 w 10000"/>
                <a:gd name="connsiteY37" fmla="*/ 160 h 10000"/>
                <a:gd name="connsiteX38" fmla="*/ 3070 w 10000"/>
                <a:gd name="connsiteY38" fmla="*/ 57 h 10000"/>
                <a:gd name="connsiteX39" fmla="*/ 1442 w 10000"/>
                <a:gd name="connsiteY39"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0000" h="10000">
                  <a:moveTo>
                    <a:pt x="1442" y="0"/>
                  </a:moveTo>
                  <a:lnTo>
                    <a:pt x="0" y="7391"/>
                  </a:lnTo>
                  <a:lnTo>
                    <a:pt x="810" y="7391"/>
                  </a:lnTo>
                  <a:cubicBezTo>
                    <a:pt x="813" y="7435"/>
                    <a:pt x="816" y="7478"/>
                    <a:pt x="819" y="7523"/>
                  </a:cubicBezTo>
                  <a:lnTo>
                    <a:pt x="1623" y="7552"/>
                  </a:lnTo>
                  <a:cubicBezTo>
                    <a:pt x="1597" y="7847"/>
                    <a:pt x="1570" y="8141"/>
                    <a:pt x="1544" y="8436"/>
                  </a:cubicBezTo>
                  <a:cubicBezTo>
                    <a:pt x="1570" y="8604"/>
                    <a:pt x="1597" y="8773"/>
                    <a:pt x="1623" y="8941"/>
                  </a:cubicBezTo>
                  <a:cubicBezTo>
                    <a:pt x="1675" y="9159"/>
                    <a:pt x="1726" y="9377"/>
                    <a:pt x="1778" y="9596"/>
                  </a:cubicBezTo>
                  <a:cubicBezTo>
                    <a:pt x="1856" y="9731"/>
                    <a:pt x="2079" y="9865"/>
                    <a:pt x="2157" y="10000"/>
                  </a:cubicBezTo>
                  <a:lnTo>
                    <a:pt x="2850" y="9975"/>
                  </a:lnTo>
                  <a:cubicBezTo>
                    <a:pt x="3072" y="9942"/>
                    <a:pt x="3069" y="9562"/>
                    <a:pt x="3163" y="9467"/>
                  </a:cubicBezTo>
                  <a:cubicBezTo>
                    <a:pt x="3257" y="9373"/>
                    <a:pt x="3374" y="9434"/>
                    <a:pt x="3416" y="9408"/>
                  </a:cubicBezTo>
                  <a:cubicBezTo>
                    <a:pt x="3458" y="9382"/>
                    <a:pt x="3278" y="9365"/>
                    <a:pt x="3416" y="9310"/>
                  </a:cubicBezTo>
                  <a:lnTo>
                    <a:pt x="4097" y="9355"/>
                  </a:lnTo>
                  <a:cubicBezTo>
                    <a:pt x="4185" y="8771"/>
                    <a:pt x="4274" y="8188"/>
                    <a:pt x="4362" y="7604"/>
                  </a:cubicBezTo>
                  <a:lnTo>
                    <a:pt x="5245" y="7587"/>
                  </a:lnTo>
                  <a:lnTo>
                    <a:pt x="5789" y="6456"/>
                  </a:lnTo>
                  <a:lnTo>
                    <a:pt x="5789" y="5096"/>
                  </a:lnTo>
                  <a:lnTo>
                    <a:pt x="8114" y="5119"/>
                  </a:lnTo>
                  <a:lnTo>
                    <a:pt x="8246" y="4416"/>
                  </a:lnTo>
                  <a:lnTo>
                    <a:pt x="9582" y="3378"/>
                  </a:lnTo>
                  <a:cubicBezTo>
                    <a:pt x="9597" y="3274"/>
                    <a:pt x="9611" y="3169"/>
                    <a:pt x="9626" y="3066"/>
                  </a:cubicBezTo>
                  <a:cubicBezTo>
                    <a:pt x="9634" y="2954"/>
                    <a:pt x="9641" y="2843"/>
                    <a:pt x="9649" y="2732"/>
                  </a:cubicBezTo>
                  <a:cubicBezTo>
                    <a:pt x="9664" y="2658"/>
                    <a:pt x="9678" y="2586"/>
                    <a:pt x="9693" y="2513"/>
                  </a:cubicBezTo>
                  <a:cubicBezTo>
                    <a:pt x="9744" y="2421"/>
                    <a:pt x="9794" y="2328"/>
                    <a:pt x="9845" y="2236"/>
                  </a:cubicBezTo>
                  <a:cubicBezTo>
                    <a:pt x="9830" y="2156"/>
                    <a:pt x="9816" y="2075"/>
                    <a:pt x="9801" y="1995"/>
                  </a:cubicBezTo>
                  <a:cubicBezTo>
                    <a:pt x="9750" y="1891"/>
                    <a:pt x="9700" y="1786"/>
                    <a:pt x="9649" y="1682"/>
                  </a:cubicBezTo>
                  <a:cubicBezTo>
                    <a:pt x="9620" y="1612"/>
                    <a:pt x="9590" y="1544"/>
                    <a:pt x="9561" y="1475"/>
                  </a:cubicBezTo>
                  <a:cubicBezTo>
                    <a:pt x="9553" y="1425"/>
                    <a:pt x="9546" y="1375"/>
                    <a:pt x="9538" y="1326"/>
                  </a:cubicBezTo>
                  <a:cubicBezTo>
                    <a:pt x="9531" y="1290"/>
                    <a:pt x="9525" y="1256"/>
                    <a:pt x="9518" y="1221"/>
                  </a:cubicBezTo>
                  <a:cubicBezTo>
                    <a:pt x="9547" y="1183"/>
                    <a:pt x="9576" y="1144"/>
                    <a:pt x="9605" y="1105"/>
                  </a:cubicBezTo>
                  <a:lnTo>
                    <a:pt x="9781" y="910"/>
                  </a:lnTo>
                  <a:lnTo>
                    <a:pt x="10000" y="587"/>
                  </a:lnTo>
                  <a:lnTo>
                    <a:pt x="9538" y="449"/>
                  </a:lnTo>
                  <a:lnTo>
                    <a:pt x="9099" y="380"/>
                  </a:lnTo>
                  <a:lnTo>
                    <a:pt x="8509" y="344"/>
                  </a:lnTo>
                  <a:lnTo>
                    <a:pt x="7389" y="265"/>
                  </a:lnTo>
                  <a:lnTo>
                    <a:pt x="5789" y="160"/>
                  </a:lnTo>
                  <a:lnTo>
                    <a:pt x="3070" y="57"/>
                  </a:lnTo>
                  <a:lnTo>
                    <a:pt x="1442" y="0"/>
                  </a:lnTo>
                  <a:close/>
                </a:path>
              </a:pathLst>
            </a:custGeom>
            <a:grpFill/>
            <a:ln w="19050">
              <a:solidFill>
                <a:srgbClr val="FF0000"/>
              </a:solidFill>
              <a:round/>
              <a:headEnd/>
              <a:tailEnd/>
            </a:ln>
          </p:spPr>
          <p:txBody>
            <a:bodyPr vert="horz" wrap="square" lIns="91406" tIns="45703" rIns="91406" bIns="45703" numCol="1" anchor="t" anchorCtr="0" compatLnSpc="1">
              <a:prstTxWarp prst="textNoShape">
                <a:avLst/>
              </a:prstTxWarp>
            </a:bodyPr>
            <a:lstStyle/>
            <a:p>
              <a:endParaRPr lang="ja-JP" altLang="en-US" dirty="0"/>
            </a:p>
          </p:txBody>
        </p:sp>
        <p:sp>
          <p:nvSpPr>
            <p:cNvPr id="83" name="フリーフォーム 82"/>
            <p:cNvSpPr/>
            <p:nvPr/>
          </p:nvSpPr>
          <p:spPr>
            <a:xfrm>
              <a:off x="6697878" y="981560"/>
              <a:ext cx="1504507" cy="963406"/>
            </a:xfrm>
            <a:custGeom>
              <a:avLst/>
              <a:gdLst>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47775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397793"/>
                <a:gd name="connsiteY0" fmla="*/ 819150 h 921544"/>
                <a:gd name="connsiteX1" fmla="*/ 0 w 1397793"/>
                <a:gd name="connsiteY1" fmla="*/ 819150 h 921544"/>
                <a:gd name="connsiteX2" fmla="*/ 145256 w 1397793"/>
                <a:gd name="connsiteY2" fmla="*/ 921544 h 921544"/>
                <a:gd name="connsiteX3" fmla="*/ 1397793 w 1397793"/>
                <a:gd name="connsiteY3" fmla="*/ 407194 h 921544"/>
                <a:gd name="connsiteX4" fmla="*/ 1292780 w 1397793"/>
                <a:gd name="connsiteY4" fmla="*/ 0 h 921544"/>
                <a:gd name="connsiteX5" fmla="*/ 1040606 w 1397793"/>
                <a:gd name="connsiteY5" fmla="*/ 85725 h 921544"/>
                <a:gd name="connsiteX6" fmla="*/ 914400 w 1397793"/>
                <a:gd name="connsiteY6" fmla="*/ 104775 h 921544"/>
                <a:gd name="connsiteX7" fmla="*/ 504825 w 1397793"/>
                <a:gd name="connsiteY7" fmla="*/ 500063 h 921544"/>
                <a:gd name="connsiteX8" fmla="*/ 280987 w 1397793"/>
                <a:gd name="connsiteY8" fmla="*/ 666750 h 921544"/>
                <a:gd name="connsiteX9" fmla="*/ 59531 w 1397793"/>
                <a:gd name="connsiteY9" fmla="*/ 757238 h 921544"/>
                <a:gd name="connsiteX10" fmla="*/ 0 w 1397793"/>
                <a:gd name="connsiteY10" fmla="*/ 819150 h 921544"/>
                <a:gd name="connsiteX0" fmla="*/ 0 w 1433169"/>
                <a:gd name="connsiteY0" fmla="*/ 819150 h 921544"/>
                <a:gd name="connsiteX1" fmla="*/ 0 w 1433169"/>
                <a:gd name="connsiteY1" fmla="*/ 819150 h 921544"/>
                <a:gd name="connsiteX2" fmla="*/ 145256 w 1433169"/>
                <a:gd name="connsiteY2" fmla="*/ 921544 h 921544"/>
                <a:gd name="connsiteX3" fmla="*/ 1433169 w 1433169"/>
                <a:gd name="connsiteY3" fmla="*/ 379859 h 921544"/>
                <a:gd name="connsiteX4" fmla="*/ 1292780 w 1433169"/>
                <a:gd name="connsiteY4" fmla="*/ 0 h 921544"/>
                <a:gd name="connsiteX5" fmla="*/ 1040606 w 1433169"/>
                <a:gd name="connsiteY5" fmla="*/ 85725 h 921544"/>
                <a:gd name="connsiteX6" fmla="*/ 914400 w 1433169"/>
                <a:gd name="connsiteY6" fmla="*/ 104775 h 921544"/>
                <a:gd name="connsiteX7" fmla="*/ 504825 w 1433169"/>
                <a:gd name="connsiteY7" fmla="*/ 500063 h 921544"/>
                <a:gd name="connsiteX8" fmla="*/ 280987 w 1433169"/>
                <a:gd name="connsiteY8" fmla="*/ 666750 h 921544"/>
                <a:gd name="connsiteX9" fmla="*/ 59531 w 1433169"/>
                <a:gd name="connsiteY9" fmla="*/ 757238 h 921544"/>
                <a:gd name="connsiteX10" fmla="*/ 0 w 1433169"/>
                <a:gd name="connsiteY10" fmla="*/ 819150 h 92154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40606 w 1433169"/>
                <a:gd name="connsiteY5" fmla="*/ 819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14400 w 1433169"/>
                <a:gd name="connsiteY6" fmla="*/ 100955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504825 w 1433169"/>
                <a:gd name="connsiteY7" fmla="*/ 496243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280987 w 1433169"/>
                <a:gd name="connsiteY8" fmla="*/ 662930 h 917724"/>
                <a:gd name="connsiteX9" fmla="*/ 59531 w 1433169"/>
                <a:gd name="connsiteY9" fmla="*/ 753418 h 917724"/>
                <a:gd name="connsiteX10" fmla="*/ 0 w 1433169"/>
                <a:gd name="connsiteY10" fmla="*/ 815330 h 917724"/>
                <a:gd name="connsiteX0" fmla="*/ 0 w 1433169"/>
                <a:gd name="connsiteY0" fmla="*/ 815330 h 917724"/>
                <a:gd name="connsiteX1" fmla="*/ 0 w 1433169"/>
                <a:gd name="connsiteY1" fmla="*/ 815330 h 917724"/>
                <a:gd name="connsiteX2" fmla="*/ 145256 w 1433169"/>
                <a:gd name="connsiteY2" fmla="*/ 917724 h 917724"/>
                <a:gd name="connsiteX3" fmla="*/ 1433169 w 1433169"/>
                <a:gd name="connsiteY3" fmla="*/ 376039 h 917724"/>
                <a:gd name="connsiteX4" fmla="*/ 1306169 w 1433169"/>
                <a:gd name="connsiteY4" fmla="*/ 0 h 917724"/>
                <a:gd name="connsiteX5" fmla="*/ 1054062 w 1433169"/>
                <a:gd name="connsiteY5" fmla="*/ 78805 h 917724"/>
                <a:gd name="connsiteX6" fmla="*/ 902478 w 1433169"/>
                <a:gd name="connsiteY6" fmla="*/ 75630 h 917724"/>
                <a:gd name="connsiteX7" fmla="*/ 493019 w 1433169"/>
                <a:gd name="connsiteY7" fmla="*/ 472971 h 917724"/>
                <a:gd name="connsiteX8" fmla="*/ 300997 w 1433169"/>
                <a:gd name="connsiteY8" fmla="*/ 646013 h 917724"/>
                <a:gd name="connsiteX9" fmla="*/ 59531 w 1433169"/>
                <a:gd name="connsiteY9" fmla="*/ 753418 h 917724"/>
                <a:gd name="connsiteX10" fmla="*/ 0 w 1433169"/>
                <a:gd name="connsiteY10" fmla="*/ 815330 h 91772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1433169" h="917724">
                  <a:moveTo>
                    <a:pt x="0" y="815330"/>
                  </a:moveTo>
                  <a:lnTo>
                    <a:pt x="0" y="815330"/>
                  </a:lnTo>
                  <a:lnTo>
                    <a:pt x="145256" y="917724"/>
                  </a:lnTo>
                  <a:lnTo>
                    <a:pt x="1433169" y="376039"/>
                  </a:lnTo>
                  <a:lnTo>
                    <a:pt x="1306169" y="0"/>
                  </a:lnTo>
                  <a:lnTo>
                    <a:pt x="1054062" y="78805"/>
                  </a:lnTo>
                  <a:lnTo>
                    <a:pt x="902478" y="75630"/>
                  </a:lnTo>
                  <a:lnTo>
                    <a:pt x="493019" y="472971"/>
                  </a:lnTo>
                  <a:lnTo>
                    <a:pt x="300997" y="646013"/>
                  </a:lnTo>
                  <a:lnTo>
                    <a:pt x="59531" y="753418"/>
                  </a:lnTo>
                  <a:lnTo>
                    <a:pt x="0" y="815330"/>
                  </a:lnTo>
                  <a:close/>
                </a:path>
              </a:pathLst>
            </a:custGeom>
            <a:grpFill/>
            <a:ln w="19050">
              <a:solidFill>
                <a:srgbClr val="FF0000"/>
              </a:solidFill>
              <a:prstDash val="solid"/>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dirty="0"/>
            </a:p>
          </p:txBody>
        </p:sp>
        <p:sp>
          <p:nvSpPr>
            <p:cNvPr id="84" name="フリーフォーム 83"/>
            <p:cNvSpPr/>
            <p:nvPr/>
          </p:nvSpPr>
          <p:spPr>
            <a:xfrm>
              <a:off x="6319870" y="1537217"/>
              <a:ext cx="2119450" cy="1433378"/>
            </a:xfrm>
            <a:custGeom>
              <a:avLst/>
              <a:gdLst>
                <a:gd name="connsiteX0" fmla="*/ 1553029 w 1756229"/>
                <a:gd name="connsiteY0" fmla="*/ 0 h 1146628"/>
                <a:gd name="connsiteX1" fmla="*/ 957943 w 1756229"/>
                <a:gd name="connsiteY1" fmla="*/ 174171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53029 w 1756229"/>
                <a:gd name="connsiteY0" fmla="*/ 0 h 1146628"/>
                <a:gd name="connsiteX1" fmla="*/ 982734 w 1756229"/>
                <a:gd name="connsiteY1" fmla="*/ 223529 h 1146628"/>
                <a:gd name="connsiteX2" fmla="*/ 0 w 1756229"/>
                <a:gd name="connsiteY2" fmla="*/ 711200 h 1146628"/>
                <a:gd name="connsiteX3" fmla="*/ 333829 w 1756229"/>
                <a:gd name="connsiteY3" fmla="*/ 885371 h 1146628"/>
                <a:gd name="connsiteX4" fmla="*/ 609600 w 1756229"/>
                <a:gd name="connsiteY4" fmla="*/ 870857 h 1146628"/>
                <a:gd name="connsiteX5" fmla="*/ 1132115 w 1756229"/>
                <a:gd name="connsiteY5" fmla="*/ 1103086 h 1146628"/>
                <a:gd name="connsiteX6" fmla="*/ 1654629 w 1756229"/>
                <a:gd name="connsiteY6" fmla="*/ 1146628 h 1146628"/>
                <a:gd name="connsiteX7" fmla="*/ 1756229 w 1756229"/>
                <a:gd name="connsiteY7" fmla="*/ 478971 h 1146628"/>
                <a:gd name="connsiteX8" fmla="*/ 1553029 w 1756229"/>
                <a:gd name="connsiteY8" fmla="*/ 0 h 1146628"/>
                <a:gd name="connsiteX0" fmla="*/ 1506399 w 1709599"/>
                <a:gd name="connsiteY0" fmla="*/ 0 h 1146628"/>
                <a:gd name="connsiteX1" fmla="*/ 936104 w 1709599"/>
                <a:gd name="connsiteY1" fmla="*/ 223529 h 1146628"/>
                <a:gd name="connsiteX2" fmla="*/ 0 w 1709599"/>
                <a:gd name="connsiteY2" fmla="*/ 727585 h 1146628"/>
                <a:gd name="connsiteX3" fmla="*/ 287199 w 1709599"/>
                <a:gd name="connsiteY3" fmla="*/ 885371 h 1146628"/>
                <a:gd name="connsiteX4" fmla="*/ 562970 w 1709599"/>
                <a:gd name="connsiteY4" fmla="*/ 870857 h 1146628"/>
                <a:gd name="connsiteX5" fmla="*/ 1085485 w 1709599"/>
                <a:gd name="connsiteY5" fmla="*/ 1103086 h 1146628"/>
                <a:gd name="connsiteX6" fmla="*/ 1607999 w 1709599"/>
                <a:gd name="connsiteY6" fmla="*/ 1146628 h 1146628"/>
                <a:gd name="connsiteX7" fmla="*/ 1709599 w 1709599"/>
                <a:gd name="connsiteY7" fmla="*/ 478971 h 1146628"/>
                <a:gd name="connsiteX8" fmla="*/ 1506399 w 1709599"/>
                <a:gd name="connsiteY8" fmla="*/ 0 h 1146628"/>
                <a:gd name="connsiteX0" fmla="*/ 1526268 w 1729468"/>
                <a:gd name="connsiteY0" fmla="*/ 0 h 1146628"/>
                <a:gd name="connsiteX1" fmla="*/ 955973 w 1729468"/>
                <a:gd name="connsiteY1" fmla="*/ 223529 h 1146628"/>
                <a:gd name="connsiteX2" fmla="*/ 0 w 1729468"/>
                <a:gd name="connsiteY2" fmla="*/ 751795 h 1146628"/>
                <a:gd name="connsiteX3" fmla="*/ 307068 w 1729468"/>
                <a:gd name="connsiteY3" fmla="*/ 885371 h 1146628"/>
                <a:gd name="connsiteX4" fmla="*/ 582839 w 1729468"/>
                <a:gd name="connsiteY4" fmla="*/ 870857 h 1146628"/>
                <a:gd name="connsiteX5" fmla="*/ 1105354 w 1729468"/>
                <a:gd name="connsiteY5" fmla="*/ 1103086 h 1146628"/>
                <a:gd name="connsiteX6" fmla="*/ 1627868 w 1729468"/>
                <a:gd name="connsiteY6" fmla="*/ 1146628 h 1146628"/>
                <a:gd name="connsiteX7" fmla="*/ 1729468 w 1729468"/>
                <a:gd name="connsiteY7" fmla="*/ 478971 h 1146628"/>
                <a:gd name="connsiteX8" fmla="*/ 1526268 w 1729468"/>
                <a:gd name="connsiteY8" fmla="*/ 0 h 1146628"/>
                <a:gd name="connsiteX0" fmla="*/ 1526268 w 1729468"/>
                <a:gd name="connsiteY0" fmla="*/ 0 h 1165678"/>
                <a:gd name="connsiteX1" fmla="*/ 955973 w 1729468"/>
                <a:gd name="connsiteY1" fmla="*/ 223529 h 1165678"/>
                <a:gd name="connsiteX2" fmla="*/ 0 w 1729468"/>
                <a:gd name="connsiteY2" fmla="*/ 751795 h 1165678"/>
                <a:gd name="connsiteX3" fmla="*/ 307068 w 1729468"/>
                <a:gd name="connsiteY3" fmla="*/ 885371 h 1165678"/>
                <a:gd name="connsiteX4" fmla="*/ 582839 w 1729468"/>
                <a:gd name="connsiteY4" fmla="*/ 870857 h 1165678"/>
                <a:gd name="connsiteX5" fmla="*/ 1105354 w 1729468"/>
                <a:gd name="connsiteY5" fmla="*/ 1103086 h 1165678"/>
                <a:gd name="connsiteX6" fmla="*/ 1585006 w 1729468"/>
                <a:gd name="connsiteY6" fmla="*/ 1165678 h 1165678"/>
                <a:gd name="connsiteX7" fmla="*/ 1729468 w 1729468"/>
                <a:gd name="connsiteY7" fmla="*/ 478971 h 1165678"/>
                <a:gd name="connsiteX8" fmla="*/ 1526268 w 1729468"/>
                <a:gd name="connsiteY8" fmla="*/ 0 h 1165678"/>
                <a:gd name="connsiteX0" fmla="*/ 1526268 w 1672318"/>
                <a:gd name="connsiteY0" fmla="*/ 0 h 1165678"/>
                <a:gd name="connsiteX1" fmla="*/ 955973 w 1672318"/>
                <a:gd name="connsiteY1" fmla="*/ 223529 h 1165678"/>
                <a:gd name="connsiteX2" fmla="*/ 0 w 1672318"/>
                <a:gd name="connsiteY2" fmla="*/ 751795 h 1165678"/>
                <a:gd name="connsiteX3" fmla="*/ 307068 w 1672318"/>
                <a:gd name="connsiteY3" fmla="*/ 885371 h 1165678"/>
                <a:gd name="connsiteX4" fmla="*/ 582839 w 1672318"/>
                <a:gd name="connsiteY4" fmla="*/ 870857 h 1165678"/>
                <a:gd name="connsiteX5" fmla="*/ 1105354 w 1672318"/>
                <a:gd name="connsiteY5" fmla="*/ 1103086 h 1165678"/>
                <a:gd name="connsiteX6" fmla="*/ 1585006 w 1672318"/>
                <a:gd name="connsiteY6" fmla="*/ 1165678 h 1165678"/>
                <a:gd name="connsiteX7" fmla="*/ 1672318 w 1672318"/>
                <a:gd name="connsiteY7" fmla="*/ 388483 h 1165678"/>
                <a:gd name="connsiteX8" fmla="*/ 1526268 w 1672318"/>
                <a:gd name="connsiteY8" fmla="*/ 0 h 1165678"/>
                <a:gd name="connsiteX0" fmla="*/ 1526268 w 1695450"/>
                <a:gd name="connsiteY0" fmla="*/ 0 h 1165678"/>
                <a:gd name="connsiteX1" fmla="*/ 955973 w 1695450"/>
                <a:gd name="connsiteY1" fmla="*/ 223529 h 1165678"/>
                <a:gd name="connsiteX2" fmla="*/ 0 w 1695450"/>
                <a:gd name="connsiteY2" fmla="*/ 751795 h 1165678"/>
                <a:gd name="connsiteX3" fmla="*/ 307068 w 1695450"/>
                <a:gd name="connsiteY3" fmla="*/ 885371 h 1165678"/>
                <a:gd name="connsiteX4" fmla="*/ 582839 w 1695450"/>
                <a:gd name="connsiteY4" fmla="*/ 870857 h 1165678"/>
                <a:gd name="connsiteX5" fmla="*/ 1105354 w 1695450"/>
                <a:gd name="connsiteY5" fmla="*/ 1103086 h 1165678"/>
                <a:gd name="connsiteX6" fmla="*/ 1585006 w 1695450"/>
                <a:gd name="connsiteY6" fmla="*/ 1165678 h 1165678"/>
                <a:gd name="connsiteX7" fmla="*/ 1695450 w 1695450"/>
                <a:gd name="connsiteY7" fmla="*/ 551770 h 1165678"/>
                <a:gd name="connsiteX8" fmla="*/ 1672318 w 1695450"/>
                <a:gd name="connsiteY8" fmla="*/ 388483 h 1165678"/>
                <a:gd name="connsiteX9" fmla="*/ 1526268 w 1695450"/>
                <a:gd name="connsiteY9" fmla="*/ 0 h 1165678"/>
                <a:gd name="connsiteX0" fmla="*/ 1550080 w 1695450"/>
                <a:gd name="connsiteY0" fmla="*/ 0 h 1146628"/>
                <a:gd name="connsiteX1" fmla="*/ 955973 w 1695450"/>
                <a:gd name="connsiteY1" fmla="*/ 204479 h 1146628"/>
                <a:gd name="connsiteX2" fmla="*/ 0 w 1695450"/>
                <a:gd name="connsiteY2" fmla="*/ 732745 h 1146628"/>
                <a:gd name="connsiteX3" fmla="*/ 307068 w 1695450"/>
                <a:gd name="connsiteY3" fmla="*/ 866321 h 1146628"/>
                <a:gd name="connsiteX4" fmla="*/ 582839 w 1695450"/>
                <a:gd name="connsiteY4" fmla="*/ 851807 h 1146628"/>
                <a:gd name="connsiteX5" fmla="*/ 1105354 w 1695450"/>
                <a:gd name="connsiteY5" fmla="*/ 1084036 h 1146628"/>
                <a:gd name="connsiteX6" fmla="*/ 1585006 w 1695450"/>
                <a:gd name="connsiteY6" fmla="*/ 1146628 h 1146628"/>
                <a:gd name="connsiteX7" fmla="*/ 1695450 w 1695450"/>
                <a:gd name="connsiteY7" fmla="*/ 532720 h 1146628"/>
                <a:gd name="connsiteX8" fmla="*/ 1672318 w 1695450"/>
                <a:gd name="connsiteY8" fmla="*/ 369433 h 1146628"/>
                <a:gd name="connsiteX9" fmla="*/ 1550080 w 1695450"/>
                <a:gd name="connsiteY9" fmla="*/ 0 h 114662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695450" h="1146628">
                  <a:moveTo>
                    <a:pt x="1550080" y="0"/>
                  </a:moveTo>
                  <a:lnTo>
                    <a:pt x="955973" y="204479"/>
                  </a:lnTo>
                  <a:lnTo>
                    <a:pt x="0" y="732745"/>
                  </a:lnTo>
                  <a:lnTo>
                    <a:pt x="307068" y="866321"/>
                  </a:lnTo>
                  <a:lnTo>
                    <a:pt x="582839" y="851807"/>
                  </a:lnTo>
                  <a:lnTo>
                    <a:pt x="1105354" y="1084036"/>
                  </a:lnTo>
                  <a:lnTo>
                    <a:pt x="1585006" y="1146628"/>
                  </a:lnTo>
                  <a:lnTo>
                    <a:pt x="1695450" y="532720"/>
                  </a:lnTo>
                  <a:lnTo>
                    <a:pt x="1672318" y="369433"/>
                  </a:lnTo>
                  <a:lnTo>
                    <a:pt x="1550080" y="0"/>
                  </a:lnTo>
                  <a:close/>
                </a:path>
              </a:pathLst>
            </a:custGeom>
            <a:grpFill/>
            <a:ln w="19050">
              <a:solidFill>
                <a:srgbClr val="FF0000"/>
              </a:solidFill>
            </a:ln>
          </p:spPr>
          <p:style>
            <a:lnRef idx="2">
              <a:schemeClr val="accent6"/>
            </a:lnRef>
            <a:fillRef idx="1">
              <a:schemeClr val="lt1"/>
            </a:fillRef>
            <a:effectRef idx="0">
              <a:schemeClr val="accent6"/>
            </a:effectRef>
            <a:fontRef idx="minor">
              <a:schemeClr val="dk1"/>
            </a:fontRef>
          </p:style>
          <p:txBody>
            <a:bodyPr lIns="91406" tIns="45703" rIns="91406" bIns="45703" rtlCol="0" anchor="ctr"/>
            <a:lstStyle/>
            <a:p>
              <a:pPr algn="ctr"/>
              <a:endParaRPr kumimoji="1" lang="ja-JP" altLang="en-US" dirty="0"/>
            </a:p>
          </p:txBody>
        </p:sp>
      </p:grpSp>
      <p:sp>
        <p:nvSpPr>
          <p:cNvPr id="72" name="角丸四角形 71"/>
          <p:cNvSpPr/>
          <p:nvPr/>
        </p:nvSpPr>
        <p:spPr>
          <a:xfrm>
            <a:off x="350489" y="3132346"/>
            <a:ext cx="1546885" cy="1364956"/>
          </a:xfrm>
          <a:prstGeom prst="roundRect">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3" name="線吹き出し 1 72"/>
          <p:cNvSpPr/>
          <p:nvPr/>
        </p:nvSpPr>
        <p:spPr>
          <a:xfrm>
            <a:off x="1052567" y="1844825"/>
            <a:ext cx="1404156" cy="356163"/>
          </a:xfrm>
          <a:prstGeom prst="callout1">
            <a:avLst>
              <a:gd name="adj1" fmla="val 38399"/>
              <a:gd name="adj2" fmla="val 98967"/>
              <a:gd name="adj3" fmla="val 182151"/>
              <a:gd name="adj4" fmla="val 114168"/>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r>
              <a:rPr kumimoji="1" lang="ja-JP" altLang="en-US" sz="1400" dirty="0" smtClean="0"/>
              <a:t>１．大阪駅周辺</a:t>
            </a:r>
            <a:endParaRPr kumimoji="1" lang="en-US" altLang="ja-JP" sz="1400" dirty="0" smtClean="0"/>
          </a:p>
          <a:p>
            <a:r>
              <a:rPr lang="ja-JP" altLang="en-US" sz="1400" dirty="0" smtClean="0"/>
              <a:t>　　</a:t>
            </a:r>
            <a:r>
              <a:rPr kumimoji="1" lang="ja-JP" altLang="en-US" sz="1400" dirty="0" smtClean="0"/>
              <a:t>（</a:t>
            </a:r>
            <a:r>
              <a:rPr kumimoji="1" lang="en-US" altLang="ja-JP" sz="1400" dirty="0" smtClean="0"/>
              <a:t>P.6</a:t>
            </a:r>
            <a:r>
              <a:rPr kumimoji="1" lang="ja-JP" altLang="en-US" sz="1400" dirty="0" smtClean="0"/>
              <a:t>）</a:t>
            </a:r>
            <a:endParaRPr kumimoji="1" lang="ja-JP" altLang="en-US" sz="1400" dirty="0"/>
          </a:p>
        </p:txBody>
      </p:sp>
      <p:sp>
        <p:nvSpPr>
          <p:cNvPr id="74" name="線吹き出し 1 73"/>
          <p:cNvSpPr/>
          <p:nvPr/>
        </p:nvSpPr>
        <p:spPr>
          <a:xfrm>
            <a:off x="1130575" y="2276872"/>
            <a:ext cx="1014113" cy="360040"/>
          </a:xfrm>
          <a:prstGeom prst="callout1">
            <a:avLst>
              <a:gd name="adj1" fmla="val 25571"/>
              <a:gd name="adj2" fmla="val 92765"/>
              <a:gd name="adj3" fmla="val 141422"/>
              <a:gd name="adj4" fmla="val 126741"/>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r>
              <a:rPr lang="ja-JP" altLang="en-US" sz="1400" dirty="0"/>
              <a:t>２</a:t>
            </a:r>
            <a:r>
              <a:rPr kumimoji="1" lang="ja-JP" altLang="en-US" sz="1400" dirty="0" smtClean="0"/>
              <a:t>．中之島</a:t>
            </a:r>
            <a:endParaRPr kumimoji="1" lang="en-US" altLang="ja-JP" sz="1400" dirty="0" smtClean="0"/>
          </a:p>
          <a:p>
            <a:r>
              <a:rPr lang="ja-JP" altLang="en-US" sz="1400" dirty="0" smtClean="0"/>
              <a:t>　</a:t>
            </a:r>
            <a:r>
              <a:rPr kumimoji="1" lang="ja-JP" altLang="en-US" sz="1400" dirty="0" smtClean="0"/>
              <a:t>（</a:t>
            </a:r>
            <a:r>
              <a:rPr kumimoji="1" lang="en-US" altLang="ja-JP" sz="1400" dirty="0" smtClean="0"/>
              <a:t>P</a:t>
            </a:r>
            <a:r>
              <a:rPr lang="en-US" altLang="ja-JP" sz="1400" dirty="0" smtClean="0"/>
              <a:t>.10</a:t>
            </a:r>
            <a:r>
              <a:rPr kumimoji="1" lang="ja-JP" altLang="en-US" sz="1400" dirty="0" smtClean="0"/>
              <a:t>）</a:t>
            </a:r>
            <a:endParaRPr kumimoji="1" lang="ja-JP" altLang="en-US" sz="1400" dirty="0"/>
          </a:p>
        </p:txBody>
      </p:sp>
      <p:sp>
        <p:nvSpPr>
          <p:cNvPr id="75" name="線吹き出し 1 74"/>
          <p:cNvSpPr/>
          <p:nvPr/>
        </p:nvSpPr>
        <p:spPr>
          <a:xfrm>
            <a:off x="974558" y="2708920"/>
            <a:ext cx="1014113" cy="360040"/>
          </a:xfrm>
          <a:prstGeom prst="callout1">
            <a:avLst>
              <a:gd name="adj1" fmla="val 32562"/>
              <a:gd name="adj2" fmla="val 102765"/>
              <a:gd name="adj3" fmla="val 141258"/>
              <a:gd name="adj4" fmla="val 168503"/>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r>
              <a:rPr lang="ja-JP" altLang="en-US" sz="1400" dirty="0" smtClean="0"/>
              <a:t>３</a:t>
            </a:r>
            <a:r>
              <a:rPr kumimoji="1" lang="ja-JP" altLang="en-US" sz="1400" dirty="0" smtClean="0"/>
              <a:t>．御堂筋</a:t>
            </a:r>
            <a:endParaRPr kumimoji="1" lang="en-US" altLang="ja-JP" sz="1400" dirty="0" smtClean="0"/>
          </a:p>
          <a:p>
            <a:r>
              <a:rPr lang="ja-JP" altLang="en-US" sz="1400" dirty="0" smtClean="0"/>
              <a:t>　（</a:t>
            </a:r>
            <a:r>
              <a:rPr lang="en-US" altLang="ja-JP" sz="1400" dirty="0" smtClean="0"/>
              <a:t>P.14</a:t>
            </a:r>
            <a:r>
              <a:rPr lang="ja-JP" altLang="en-US" sz="1200" dirty="0" smtClean="0"/>
              <a:t>）</a:t>
            </a:r>
            <a:endParaRPr lang="ja-JP" altLang="en-US" sz="1200" dirty="0"/>
          </a:p>
        </p:txBody>
      </p:sp>
      <p:sp>
        <p:nvSpPr>
          <p:cNvPr id="76" name="線吹き出し 1 75"/>
          <p:cNvSpPr/>
          <p:nvPr/>
        </p:nvSpPr>
        <p:spPr>
          <a:xfrm>
            <a:off x="3158801" y="3284984"/>
            <a:ext cx="1253276" cy="374598"/>
          </a:xfrm>
          <a:prstGeom prst="callout1">
            <a:avLst>
              <a:gd name="adj1" fmla="val 9542"/>
              <a:gd name="adj2" fmla="val -2726"/>
              <a:gd name="adj3" fmla="val -4800"/>
              <a:gd name="adj4" fmla="val -22529"/>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r>
              <a:rPr lang="ja-JP" altLang="en-US" sz="1400" dirty="0"/>
              <a:t>４</a:t>
            </a:r>
            <a:r>
              <a:rPr lang="ja-JP" altLang="en-US" sz="1400" dirty="0" smtClean="0"/>
              <a:t>．難波周辺</a:t>
            </a:r>
            <a:endParaRPr lang="en-US" altLang="ja-JP" sz="1400" dirty="0" smtClean="0"/>
          </a:p>
          <a:p>
            <a:r>
              <a:rPr lang="ja-JP" altLang="en-US" sz="1400" dirty="0" smtClean="0"/>
              <a:t>　　（</a:t>
            </a:r>
            <a:r>
              <a:rPr lang="en-US" altLang="ja-JP" sz="1400" dirty="0" smtClean="0"/>
              <a:t>P.18</a:t>
            </a:r>
            <a:r>
              <a:rPr lang="ja-JP" altLang="en-US" sz="1400" dirty="0" smtClean="0"/>
              <a:t>）</a:t>
            </a:r>
            <a:endParaRPr lang="ja-JP" altLang="en-US" sz="1400" dirty="0"/>
          </a:p>
        </p:txBody>
      </p:sp>
      <p:sp>
        <p:nvSpPr>
          <p:cNvPr id="77" name="線吹き出し 1 76"/>
          <p:cNvSpPr/>
          <p:nvPr/>
        </p:nvSpPr>
        <p:spPr>
          <a:xfrm>
            <a:off x="3157369" y="1628800"/>
            <a:ext cx="2575718" cy="614650"/>
          </a:xfrm>
          <a:prstGeom prst="callout1">
            <a:avLst>
              <a:gd name="adj1" fmla="val 108691"/>
              <a:gd name="adj2" fmla="val 9324"/>
              <a:gd name="adj3" fmla="val 198156"/>
              <a:gd name="adj4" fmla="val 9790"/>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pPr marL="266700" indent="-266700"/>
            <a:r>
              <a:rPr lang="ja-JP" altLang="en-US" sz="1400" dirty="0" smtClean="0"/>
              <a:t>５．大阪城公園、森之宮、</a:t>
            </a:r>
            <a:r>
              <a:rPr lang="en-US" altLang="ja-JP" sz="1400" dirty="0" smtClean="0"/>
              <a:t/>
            </a:r>
            <a:br>
              <a:rPr lang="en-US" altLang="ja-JP" sz="1400" dirty="0" smtClean="0"/>
            </a:br>
            <a:r>
              <a:rPr lang="ja-JP" altLang="en-US" sz="1400" dirty="0" smtClean="0">
                <a:latin typeface="+mn-ea"/>
              </a:rPr>
              <a:t>京橋・大阪ビジネスパーク</a:t>
            </a:r>
            <a:r>
              <a:rPr lang="en-US" altLang="ja-JP" sz="1400" b="1" dirty="0" smtClean="0">
                <a:latin typeface="+mn-ea"/>
              </a:rPr>
              <a:t/>
            </a:r>
            <a:br>
              <a:rPr lang="en-US" altLang="ja-JP" sz="1400" b="1" dirty="0" smtClean="0">
                <a:latin typeface="+mn-ea"/>
              </a:rPr>
            </a:br>
            <a:r>
              <a:rPr lang="ja-JP" altLang="en-US" sz="1400" dirty="0" smtClean="0">
                <a:latin typeface="+mn-ea"/>
              </a:rPr>
              <a:t>（</a:t>
            </a:r>
            <a:r>
              <a:rPr lang="en-US" altLang="ja-JP" sz="1400" dirty="0" smtClean="0"/>
              <a:t>P.21</a:t>
            </a:r>
            <a:r>
              <a:rPr lang="ja-JP" altLang="en-US" sz="1400" dirty="0" smtClean="0">
                <a:latin typeface="+mn-ea"/>
              </a:rPr>
              <a:t>）</a:t>
            </a:r>
            <a:endParaRPr lang="en-US" altLang="ja-JP" sz="1400" dirty="0" smtClean="0">
              <a:latin typeface="+mn-ea"/>
            </a:endParaRPr>
          </a:p>
        </p:txBody>
      </p:sp>
      <p:sp>
        <p:nvSpPr>
          <p:cNvPr id="78" name="線吹き出し 1 77"/>
          <p:cNvSpPr/>
          <p:nvPr/>
        </p:nvSpPr>
        <p:spPr>
          <a:xfrm>
            <a:off x="714347" y="4704978"/>
            <a:ext cx="1219550" cy="452214"/>
          </a:xfrm>
          <a:prstGeom prst="callout1">
            <a:avLst>
              <a:gd name="adj1" fmla="val -1510"/>
              <a:gd name="adj2" fmla="val 12934"/>
              <a:gd name="adj3" fmla="val -47517"/>
              <a:gd name="adj4" fmla="val 1943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r>
              <a:rPr lang="ja-JP" altLang="en-US" sz="1400" dirty="0"/>
              <a:t>６</a:t>
            </a:r>
            <a:r>
              <a:rPr kumimoji="1" lang="ja-JP" altLang="en-US" sz="1400" dirty="0" smtClean="0"/>
              <a:t>．湾岸部</a:t>
            </a:r>
            <a:endParaRPr kumimoji="1" lang="en-US" altLang="ja-JP" sz="1400" dirty="0" smtClean="0"/>
          </a:p>
          <a:p>
            <a:r>
              <a:rPr kumimoji="1" lang="ja-JP" altLang="en-US" sz="1400" dirty="0" smtClean="0"/>
              <a:t>　　</a:t>
            </a:r>
            <a:r>
              <a:rPr lang="ja-JP" altLang="en-US" sz="1400" dirty="0" smtClean="0"/>
              <a:t>（</a:t>
            </a:r>
            <a:r>
              <a:rPr lang="en-US" altLang="ja-JP" sz="1400" dirty="0" smtClean="0"/>
              <a:t>P.25</a:t>
            </a:r>
            <a:r>
              <a:rPr lang="ja-JP" altLang="en-US" sz="1200" dirty="0" smtClean="0"/>
              <a:t>）</a:t>
            </a:r>
            <a:endParaRPr lang="ja-JP" altLang="en-US" sz="1200" dirty="0"/>
          </a:p>
        </p:txBody>
      </p:sp>
      <p:sp>
        <p:nvSpPr>
          <p:cNvPr id="79" name="線吹き出し 1 78"/>
          <p:cNvSpPr/>
          <p:nvPr/>
        </p:nvSpPr>
        <p:spPr>
          <a:xfrm>
            <a:off x="2846766" y="4077072"/>
            <a:ext cx="1473418" cy="432048"/>
          </a:xfrm>
          <a:prstGeom prst="callout1">
            <a:avLst>
              <a:gd name="adj1" fmla="val -18783"/>
              <a:gd name="adj2" fmla="val 8198"/>
              <a:gd name="adj3" fmla="val -89676"/>
              <a:gd name="adj4" fmla="val 6832"/>
            </a:avLst>
          </a:prstGeom>
          <a:solidFill>
            <a:schemeClr val="bg1">
              <a:alpha val="8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r>
              <a:rPr kumimoji="1" lang="ja-JP" altLang="en-US" sz="1400" dirty="0" smtClean="0"/>
              <a:t>７．天王寺公園</a:t>
            </a:r>
            <a:r>
              <a:rPr lang="ja-JP" altLang="en-US" sz="1400" dirty="0"/>
              <a:t>（</a:t>
            </a:r>
            <a:r>
              <a:rPr lang="en-US" altLang="ja-JP" sz="1400" dirty="0" smtClean="0"/>
              <a:t>P.30</a:t>
            </a:r>
            <a:r>
              <a:rPr lang="ja-JP" altLang="en-US" sz="1400" dirty="0" smtClean="0"/>
              <a:t>）</a:t>
            </a:r>
            <a:endParaRPr lang="ja-JP" altLang="en-US" sz="1400" dirty="0"/>
          </a:p>
        </p:txBody>
      </p:sp>
      <p:sp>
        <p:nvSpPr>
          <p:cNvPr id="80" name="フリーフォーム 79"/>
          <p:cNvSpPr/>
          <p:nvPr/>
        </p:nvSpPr>
        <p:spPr bwMode="auto">
          <a:xfrm>
            <a:off x="2913067" y="3521052"/>
            <a:ext cx="200088" cy="195588"/>
          </a:xfrm>
          <a:custGeom>
            <a:avLst/>
            <a:gdLst>
              <a:gd name="connsiteX0" fmla="*/ 747423 w 3236181"/>
              <a:gd name="connsiteY0" fmla="*/ 0 h 3427013"/>
              <a:gd name="connsiteX1" fmla="*/ 715618 w 3236181"/>
              <a:gd name="connsiteY1" fmla="*/ 222637 h 3427013"/>
              <a:gd name="connsiteX2" fmla="*/ 588397 w 3236181"/>
              <a:gd name="connsiteY2" fmla="*/ 779228 h 3427013"/>
              <a:gd name="connsiteX3" fmla="*/ 214686 w 3236181"/>
              <a:gd name="connsiteY3" fmla="*/ 2051437 h 3427013"/>
              <a:gd name="connsiteX4" fmla="*/ 0 w 3236181"/>
              <a:gd name="connsiteY4" fmla="*/ 2759103 h 3427013"/>
              <a:gd name="connsiteX5" fmla="*/ 270345 w 3236181"/>
              <a:gd name="connsiteY5" fmla="*/ 2830665 h 3427013"/>
              <a:gd name="connsiteX6" fmla="*/ 492981 w 3236181"/>
              <a:gd name="connsiteY6" fmla="*/ 2854519 h 3427013"/>
              <a:gd name="connsiteX7" fmla="*/ 2608028 w 3236181"/>
              <a:gd name="connsiteY7" fmla="*/ 3427013 h 3427013"/>
              <a:gd name="connsiteX8" fmla="*/ 2894275 w 3236181"/>
              <a:gd name="connsiteY8" fmla="*/ 3379305 h 3427013"/>
              <a:gd name="connsiteX9" fmla="*/ 2997642 w 3236181"/>
              <a:gd name="connsiteY9" fmla="*/ 3307743 h 3427013"/>
              <a:gd name="connsiteX10" fmla="*/ 3045350 w 3236181"/>
              <a:gd name="connsiteY10" fmla="*/ 2997642 h 3427013"/>
              <a:gd name="connsiteX11" fmla="*/ 2528515 w 3236181"/>
              <a:gd name="connsiteY11" fmla="*/ 2854519 h 3427013"/>
              <a:gd name="connsiteX12" fmla="*/ 2703444 w 3236181"/>
              <a:gd name="connsiteY12" fmla="*/ 2115047 h 3427013"/>
              <a:gd name="connsiteX13" fmla="*/ 2282025 w 3236181"/>
              <a:gd name="connsiteY13" fmla="*/ 2027583 h 3427013"/>
              <a:gd name="connsiteX14" fmla="*/ 2385392 w 3236181"/>
              <a:gd name="connsiteY14" fmla="*/ 1701580 h 3427013"/>
              <a:gd name="connsiteX15" fmla="*/ 2456953 w 3236181"/>
              <a:gd name="connsiteY15" fmla="*/ 1685677 h 3427013"/>
              <a:gd name="connsiteX16" fmla="*/ 2576223 w 3236181"/>
              <a:gd name="connsiteY16" fmla="*/ 1693628 h 3427013"/>
              <a:gd name="connsiteX17" fmla="*/ 2663687 w 3236181"/>
              <a:gd name="connsiteY17" fmla="*/ 1733385 h 3427013"/>
              <a:gd name="connsiteX18" fmla="*/ 2671639 w 3236181"/>
              <a:gd name="connsiteY18" fmla="*/ 1741336 h 3427013"/>
              <a:gd name="connsiteX19" fmla="*/ 2822713 w 3236181"/>
              <a:gd name="connsiteY19" fmla="*/ 1773141 h 3427013"/>
              <a:gd name="connsiteX20" fmla="*/ 2926080 w 3236181"/>
              <a:gd name="connsiteY20" fmla="*/ 1733385 h 3427013"/>
              <a:gd name="connsiteX21" fmla="*/ 2941983 w 3236181"/>
              <a:gd name="connsiteY21" fmla="*/ 1518700 h 3427013"/>
              <a:gd name="connsiteX22" fmla="*/ 2830665 w 3236181"/>
              <a:gd name="connsiteY22" fmla="*/ 1494846 h 3427013"/>
              <a:gd name="connsiteX23" fmla="*/ 2886324 w 3236181"/>
              <a:gd name="connsiteY23" fmla="*/ 1184745 h 3427013"/>
              <a:gd name="connsiteX24" fmla="*/ 3236181 w 3236181"/>
              <a:gd name="connsiteY24" fmla="*/ 1216550 h 3427013"/>
              <a:gd name="connsiteX25" fmla="*/ 3204376 w 3236181"/>
              <a:gd name="connsiteY25" fmla="*/ 1009816 h 3427013"/>
              <a:gd name="connsiteX26" fmla="*/ 2926080 w 3236181"/>
              <a:gd name="connsiteY26" fmla="*/ 993913 h 3427013"/>
              <a:gd name="connsiteX27" fmla="*/ 2767054 w 3236181"/>
              <a:gd name="connsiteY27" fmla="*/ 914400 h 3427013"/>
              <a:gd name="connsiteX28" fmla="*/ 2162755 w 3236181"/>
              <a:gd name="connsiteY28" fmla="*/ 858741 h 3427013"/>
              <a:gd name="connsiteX29" fmla="*/ 2146853 w 3236181"/>
              <a:gd name="connsiteY29" fmla="*/ 826936 h 3427013"/>
              <a:gd name="connsiteX30" fmla="*/ 2059388 w 3236181"/>
              <a:gd name="connsiteY30" fmla="*/ 850790 h 3427013"/>
              <a:gd name="connsiteX31" fmla="*/ 1995778 w 3236181"/>
              <a:gd name="connsiteY31" fmla="*/ 1033670 h 3427013"/>
              <a:gd name="connsiteX32" fmla="*/ 1987826 w 3236181"/>
              <a:gd name="connsiteY32" fmla="*/ 1065475 h 3427013"/>
              <a:gd name="connsiteX33" fmla="*/ 1948070 w 3236181"/>
              <a:gd name="connsiteY33" fmla="*/ 1089329 h 3427013"/>
              <a:gd name="connsiteX34" fmla="*/ 1804946 w 3236181"/>
              <a:gd name="connsiteY34" fmla="*/ 1113183 h 3427013"/>
              <a:gd name="connsiteX35" fmla="*/ 1598213 w 3236181"/>
              <a:gd name="connsiteY35" fmla="*/ 1240404 h 3427013"/>
              <a:gd name="connsiteX36" fmla="*/ 1518700 w 3236181"/>
              <a:gd name="connsiteY36" fmla="*/ 1248355 h 3427013"/>
              <a:gd name="connsiteX37" fmla="*/ 1447138 w 3236181"/>
              <a:gd name="connsiteY37" fmla="*/ 1160891 h 3427013"/>
              <a:gd name="connsiteX38" fmla="*/ 1423284 w 3236181"/>
              <a:gd name="connsiteY38" fmla="*/ 1129086 h 3427013"/>
              <a:gd name="connsiteX39" fmla="*/ 1407381 w 3236181"/>
              <a:gd name="connsiteY39" fmla="*/ 1121134 h 3427013"/>
              <a:gd name="connsiteX40" fmla="*/ 1407381 w 3236181"/>
              <a:gd name="connsiteY40" fmla="*/ 818985 h 3427013"/>
              <a:gd name="connsiteX41" fmla="*/ 1375576 w 3236181"/>
              <a:gd name="connsiteY41" fmla="*/ 667910 h 3427013"/>
              <a:gd name="connsiteX42" fmla="*/ 1327868 w 3236181"/>
              <a:gd name="connsiteY42" fmla="*/ 667910 h 3427013"/>
              <a:gd name="connsiteX43" fmla="*/ 1463040 w 3236181"/>
              <a:gd name="connsiteY43" fmla="*/ 166978 h 3427013"/>
              <a:gd name="connsiteX44" fmla="*/ 1423284 w 3236181"/>
              <a:gd name="connsiteY44" fmla="*/ 166978 h 3427013"/>
              <a:gd name="connsiteX45" fmla="*/ 1463040 w 3236181"/>
              <a:gd name="connsiteY45" fmla="*/ 87465 h 3427013"/>
              <a:gd name="connsiteX46" fmla="*/ 747423 w 3236181"/>
              <a:gd name="connsiteY46" fmla="*/ 0 h 34270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Lst>
            <a:rect l="l" t="t" r="r" b="b"/>
            <a:pathLst>
              <a:path w="3236181" h="3427013">
                <a:moveTo>
                  <a:pt x="747423" y="0"/>
                </a:moveTo>
                <a:lnTo>
                  <a:pt x="715618" y="222637"/>
                </a:lnTo>
                <a:lnTo>
                  <a:pt x="588397" y="779228"/>
                </a:lnTo>
                <a:lnTo>
                  <a:pt x="214686" y="2051437"/>
                </a:lnTo>
                <a:lnTo>
                  <a:pt x="0" y="2759103"/>
                </a:lnTo>
                <a:lnTo>
                  <a:pt x="270345" y="2830665"/>
                </a:lnTo>
                <a:lnTo>
                  <a:pt x="492981" y="2854519"/>
                </a:lnTo>
                <a:lnTo>
                  <a:pt x="2608028" y="3427013"/>
                </a:lnTo>
                <a:lnTo>
                  <a:pt x="2894275" y="3379305"/>
                </a:lnTo>
                <a:lnTo>
                  <a:pt x="2997642" y="3307743"/>
                </a:lnTo>
                <a:lnTo>
                  <a:pt x="3045350" y="2997642"/>
                </a:lnTo>
                <a:lnTo>
                  <a:pt x="2528515" y="2854519"/>
                </a:lnTo>
                <a:lnTo>
                  <a:pt x="2703444" y="2115047"/>
                </a:lnTo>
                <a:lnTo>
                  <a:pt x="2282025" y="2027583"/>
                </a:lnTo>
                <a:lnTo>
                  <a:pt x="2385392" y="1701580"/>
                </a:lnTo>
                <a:lnTo>
                  <a:pt x="2456953" y="1685677"/>
                </a:lnTo>
                <a:lnTo>
                  <a:pt x="2576223" y="1693628"/>
                </a:lnTo>
                <a:lnTo>
                  <a:pt x="2663687" y="1733385"/>
                </a:lnTo>
                <a:lnTo>
                  <a:pt x="2671639" y="1741336"/>
                </a:lnTo>
                <a:lnTo>
                  <a:pt x="2822713" y="1773141"/>
                </a:lnTo>
                <a:lnTo>
                  <a:pt x="2926080" y="1733385"/>
                </a:lnTo>
                <a:lnTo>
                  <a:pt x="2941983" y="1518700"/>
                </a:lnTo>
                <a:lnTo>
                  <a:pt x="2830665" y="1494846"/>
                </a:lnTo>
                <a:lnTo>
                  <a:pt x="2886324" y="1184745"/>
                </a:lnTo>
                <a:lnTo>
                  <a:pt x="3236181" y="1216550"/>
                </a:lnTo>
                <a:lnTo>
                  <a:pt x="3204376" y="1009816"/>
                </a:lnTo>
                <a:lnTo>
                  <a:pt x="2926080" y="993913"/>
                </a:lnTo>
                <a:lnTo>
                  <a:pt x="2767054" y="914400"/>
                </a:lnTo>
                <a:lnTo>
                  <a:pt x="2162755" y="858741"/>
                </a:lnTo>
                <a:lnTo>
                  <a:pt x="2146853" y="826936"/>
                </a:lnTo>
                <a:lnTo>
                  <a:pt x="2059388" y="850790"/>
                </a:lnTo>
                <a:lnTo>
                  <a:pt x="1995778" y="1033670"/>
                </a:lnTo>
                <a:lnTo>
                  <a:pt x="1987826" y="1065475"/>
                </a:lnTo>
                <a:lnTo>
                  <a:pt x="1948070" y="1089329"/>
                </a:lnTo>
                <a:lnTo>
                  <a:pt x="1804946" y="1113183"/>
                </a:lnTo>
                <a:lnTo>
                  <a:pt x="1598213" y="1240404"/>
                </a:lnTo>
                <a:lnTo>
                  <a:pt x="1518700" y="1248355"/>
                </a:lnTo>
                <a:lnTo>
                  <a:pt x="1447138" y="1160891"/>
                </a:lnTo>
                <a:lnTo>
                  <a:pt x="1423284" y="1129086"/>
                </a:lnTo>
                <a:lnTo>
                  <a:pt x="1407381" y="1121134"/>
                </a:lnTo>
                <a:lnTo>
                  <a:pt x="1407381" y="818985"/>
                </a:lnTo>
                <a:lnTo>
                  <a:pt x="1375576" y="667910"/>
                </a:lnTo>
                <a:lnTo>
                  <a:pt x="1327868" y="667910"/>
                </a:lnTo>
                <a:lnTo>
                  <a:pt x="1463040" y="166978"/>
                </a:lnTo>
                <a:lnTo>
                  <a:pt x="1423284" y="166978"/>
                </a:lnTo>
                <a:lnTo>
                  <a:pt x="1463040" y="87465"/>
                </a:lnTo>
                <a:lnTo>
                  <a:pt x="747423" y="0"/>
                </a:lnTo>
                <a:close/>
              </a:path>
            </a:pathLst>
          </a:custGeom>
          <a:noFill/>
          <a:ln w="19050" cap="flat" cmpd="sng" algn="ctr">
            <a:solidFill>
              <a:srgbClr val="FF0000"/>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ctr" defTabSz="914400" rtl="0" eaLnBrk="1" fontAlgn="base" latinLnBrk="0" hangingPunct="1">
              <a:lnSpc>
                <a:spcPct val="100000"/>
              </a:lnSpc>
              <a:spcBef>
                <a:spcPct val="0"/>
              </a:spcBef>
              <a:spcAft>
                <a:spcPct val="0"/>
              </a:spcAft>
              <a:buClrTx/>
              <a:buSzTx/>
              <a:buFontTx/>
              <a:buNone/>
              <a:tabLst/>
            </a:pPr>
            <a:endParaRPr kumimoji="1" lang="ja-JP" altLang="en-US" sz="1800" b="0" i="0" u="none" strike="noStrike" cap="none" normalizeH="0" baseline="0" dirty="0" smtClean="0">
              <a:ln>
                <a:noFill/>
              </a:ln>
              <a:solidFill>
                <a:schemeClr val="tx1"/>
              </a:solidFill>
              <a:effectLst/>
              <a:latin typeface="Arial" charset="0"/>
              <a:ea typeface="ＭＳ ゴシック" pitchFamily="49" charset="-128"/>
            </a:endParaRPr>
          </a:p>
        </p:txBody>
      </p:sp>
      <p:sp>
        <p:nvSpPr>
          <p:cNvPr id="4" name="テキスト ボックス 3"/>
          <p:cNvSpPr txBox="1"/>
          <p:nvPr/>
        </p:nvSpPr>
        <p:spPr>
          <a:xfrm rot="20839413">
            <a:off x="9249641" y="2103758"/>
            <a:ext cx="338554" cy="490213"/>
          </a:xfrm>
          <a:prstGeom prst="rect">
            <a:avLst/>
          </a:prstGeom>
          <a:noFill/>
        </p:spPr>
        <p:txBody>
          <a:bodyPr vert="eaVert" wrap="square" rtlCol="0">
            <a:spAutoFit/>
          </a:bodyPr>
          <a:lstStyle/>
          <a:p>
            <a:r>
              <a:rPr lang="ja-JP" altLang="en-US" sz="1000" dirty="0">
                <a:solidFill>
                  <a:schemeClr val="accent6">
                    <a:lumMod val="75000"/>
                  </a:schemeClr>
                </a:solidFill>
              </a:rPr>
              <a:t>国土軸</a:t>
            </a:r>
            <a:endParaRPr kumimoji="1" lang="ja-JP" altLang="en-US" sz="1000" dirty="0">
              <a:solidFill>
                <a:schemeClr val="accent6">
                  <a:lumMod val="75000"/>
                </a:schemeClr>
              </a:solidFill>
            </a:endParaRPr>
          </a:p>
        </p:txBody>
      </p:sp>
      <p:sp>
        <p:nvSpPr>
          <p:cNvPr id="102" name="線吹き出し 1 101"/>
          <p:cNvSpPr/>
          <p:nvPr/>
        </p:nvSpPr>
        <p:spPr>
          <a:xfrm>
            <a:off x="8052831" y="2727629"/>
            <a:ext cx="2020478" cy="650302"/>
          </a:xfrm>
          <a:prstGeom prst="callout1">
            <a:avLst>
              <a:gd name="adj1" fmla="val 49842"/>
              <a:gd name="adj2" fmla="val 7078"/>
              <a:gd name="adj3" fmla="val 7132"/>
              <a:gd name="adj4" fmla="val -16124"/>
            </a:avLst>
          </a:prstGeom>
          <a:solidFill>
            <a:schemeClr val="bg1">
              <a:alpha val="4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pPr marL="266700" indent="-266700"/>
            <a:r>
              <a:rPr lang="en-US" altLang="ja-JP" sz="1400" dirty="0" smtClean="0">
                <a:latin typeface="ＭＳ Ｐゴシック" panose="020B0600070205080204" pitchFamily="50" charset="-128"/>
                <a:ea typeface="ＭＳ Ｐゴシック" panose="020B0600070205080204" pitchFamily="50" charset="-128"/>
              </a:rPr>
              <a:t>10</a:t>
            </a:r>
            <a:r>
              <a:rPr kumimoji="1" lang="ja-JP" altLang="en-US" sz="1400" dirty="0" err="1" smtClean="0">
                <a:latin typeface="ＭＳ Ｐゴシック" panose="020B0600070205080204" pitchFamily="50" charset="-128"/>
                <a:ea typeface="ＭＳ Ｐゴシック" panose="020B0600070205080204" pitchFamily="50" charset="-128"/>
              </a:rPr>
              <a:t>．</a:t>
            </a:r>
            <a:r>
              <a:rPr kumimoji="1" lang="ja-JP" altLang="en-US" sz="1400" dirty="0" smtClean="0">
                <a:latin typeface="ＭＳ Ｐゴシック" panose="020B0600070205080204" pitchFamily="50" charset="-128"/>
                <a:ea typeface="ＭＳ Ｐゴシック" panose="020B0600070205080204" pitchFamily="50" charset="-128"/>
              </a:rPr>
              <a:t>万博</a:t>
            </a:r>
            <a:r>
              <a:rPr lang="ja-JP" altLang="en-US" sz="1400" dirty="0" smtClean="0">
                <a:latin typeface="ＭＳ Ｐゴシック" panose="020B0600070205080204" pitchFamily="50" charset="-128"/>
                <a:ea typeface="ＭＳ Ｐゴシック" panose="020B0600070205080204" pitchFamily="50" charset="-128"/>
              </a:rPr>
              <a:t>記念公園周辺</a:t>
            </a:r>
            <a:r>
              <a:rPr kumimoji="1" lang="ja-JP" altLang="en-US" sz="1400" dirty="0" smtClean="0">
                <a:latin typeface="ＭＳ Ｐゴシック" panose="020B0600070205080204" pitchFamily="50" charset="-128"/>
                <a:ea typeface="ＭＳ Ｐゴシック" panose="020B0600070205080204" pitchFamily="50" charset="-128"/>
              </a:rPr>
              <a:t>・</a:t>
            </a:r>
            <a:r>
              <a:rPr kumimoji="1" lang="en-US" altLang="ja-JP" sz="1400" dirty="0" smtClean="0">
                <a:latin typeface="ＭＳ Ｐゴシック" panose="020B0600070205080204" pitchFamily="50" charset="-128"/>
                <a:ea typeface="ＭＳ Ｐゴシック" panose="020B0600070205080204" pitchFamily="50" charset="-128"/>
              </a:rPr>
              <a:t/>
            </a:r>
            <a:br>
              <a:rPr kumimoji="1" lang="en-US" altLang="ja-JP" sz="1400" dirty="0" smtClean="0">
                <a:latin typeface="ＭＳ Ｐゴシック" panose="020B0600070205080204" pitchFamily="50" charset="-128"/>
                <a:ea typeface="ＭＳ Ｐゴシック" panose="020B0600070205080204" pitchFamily="50" charset="-128"/>
              </a:rPr>
            </a:br>
            <a:r>
              <a:rPr kumimoji="1" lang="ja-JP" altLang="en-US" sz="1400" dirty="0" smtClean="0">
                <a:latin typeface="ＭＳ Ｐゴシック" panose="020B0600070205080204" pitchFamily="50" charset="-128"/>
                <a:ea typeface="ＭＳ Ｐゴシック" panose="020B0600070205080204" pitchFamily="50" charset="-128"/>
              </a:rPr>
              <a:t>吹田操車場跡地</a:t>
            </a:r>
            <a:r>
              <a:rPr kumimoji="1" lang="en-US" altLang="ja-JP" sz="1400" dirty="0" smtClean="0">
                <a:latin typeface="ＭＳ Ｐゴシック" panose="020B0600070205080204" pitchFamily="50" charset="-128"/>
                <a:ea typeface="ＭＳ Ｐゴシック" panose="020B0600070205080204" pitchFamily="50" charset="-128"/>
              </a:rPr>
              <a:t/>
            </a:r>
            <a:br>
              <a:rPr kumimoji="1" lang="en-US" altLang="ja-JP" sz="1400" dirty="0" smtClean="0">
                <a:latin typeface="ＭＳ Ｐゴシック" panose="020B0600070205080204" pitchFamily="50" charset="-128"/>
                <a:ea typeface="ＭＳ Ｐゴシック" panose="020B0600070205080204" pitchFamily="50" charset="-128"/>
              </a:rPr>
            </a:br>
            <a:r>
              <a:rPr lang="ja-JP" altLang="en-US" sz="1200" dirty="0" smtClean="0">
                <a:latin typeface="+mn-ea"/>
              </a:rPr>
              <a:t> （</a:t>
            </a:r>
            <a:r>
              <a:rPr lang="en-US" altLang="ja-JP" sz="1200" dirty="0" smtClean="0"/>
              <a:t>P.44</a:t>
            </a:r>
            <a:r>
              <a:rPr lang="ja-JP" altLang="en-US" sz="1200" dirty="0" smtClean="0">
                <a:latin typeface="+mn-ea"/>
              </a:rPr>
              <a:t>）</a:t>
            </a:r>
            <a:endParaRPr kumimoji="1" lang="ja-JP" altLang="en-US" sz="1200" dirty="0">
              <a:latin typeface="ＭＳ Ｐゴシック" panose="020B0600070205080204" pitchFamily="50" charset="-128"/>
              <a:ea typeface="ＭＳ Ｐゴシック" panose="020B0600070205080204" pitchFamily="50" charset="-128"/>
            </a:endParaRPr>
          </a:p>
        </p:txBody>
      </p:sp>
      <p:sp>
        <p:nvSpPr>
          <p:cNvPr id="108" name="線吹き出し 1 107"/>
          <p:cNvSpPr/>
          <p:nvPr/>
        </p:nvSpPr>
        <p:spPr>
          <a:xfrm>
            <a:off x="5645385" y="2468186"/>
            <a:ext cx="1367300" cy="357434"/>
          </a:xfrm>
          <a:prstGeom prst="callout1">
            <a:avLst>
              <a:gd name="adj1" fmla="val 33516"/>
              <a:gd name="adj2" fmla="val 90312"/>
              <a:gd name="adj3" fmla="val 14317"/>
              <a:gd name="adj4" fmla="val 110445"/>
            </a:avLst>
          </a:prstGeom>
          <a:solidFill>
            <a:schemeClr val="bg1">
              <a:alpha val="40000"/>
            </a:schemeClr>
          </a:solidFill>
          <a:ln w="15875">
            <a:solidFill>
              <a:srgbClr val="002060"/>
            </a:solidFill>
            <a:tailEnd type="stealth"/>
          </a:ln>
        </p:spPr>
        <p:style>
          <a:lnRef idx="2">
            <a:schemeClr val="accent2"/>
          </a:lnRef>
          <a:fillRef idx="1">
            <a:schemeClr val="lt1"/>
          </a:fillRef>
          <a:effectRef idx="0">
            <a:schemeClr val="accent2"/>
          </a:effectRef>
          <a:fontRef idx="minor">
            <a:schemeClr val="dk1"/>
          </a:fontRef>
        </p:style>
        <p:txBody>
          <a:bodyPr lIns="36000" rIns="36000" rtlCol="0" anchor="ctr"/>
          <a:lstStyle/>
          <a:p>
            <a:pPr marL="266700" indent="-266700"/>
            <a:r>
              <a:rPr lang="ja-JP" altLang="en-US" sz="1000" dirty="0" smtClean="0"/>
              <a:t>９．千里ニュータウン</a:t>
            </a:r>
            <a:r>
              <a:rPr lang="en-US" altLang="ja-JP" sz="1000" dirty="0" smtClean="0"/>
              <a:t/>
            </a:r>
            <a:br>
              <a:rPr lang="en-US" altLang="ja-JP" sz="1000" dirty="0" smtClean="0"/>
            </a:br>
            <a:r>
              <a:rPr lang="ja-JP" altLang="en-US" sz="1000" dirty="0" smtClean="0"/>
              <a:t>（参考）</a:t>
            </a:r>
            <a:endParaRPr kumimoji="1" lang="ja-JP" altLang="en-US" sz="1000" dirty="0"/>
          </a:p>
        </p:txBody>
      </p:sp>
      <p:sp>
        <p:nvSpPr>
          <p:cNvPr id="118" name="ストライプ矢印 117"/>
          <p:cNvSpPr/>
          <p:nvPr/>
        </p:nvSpPr>
        <p:spPr>
          <a:xfrm rot="10800000">
            <a:off x="4339355" y="3140968"/>
            <a:ext cx="1351622" cy="720080"/>
          </a:xfrm>
          <a:prstGeom prst="stripedRightArrow">
            <a:avLst/>
          </a:prstGeom>
          <a:solidFill>
            <a:srgbClr val="FF0000">
              <a:alpha val="3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スライド番号プレースホルダ 70"/>
          <p:cNvSpPr>
            <a:spLocks noGrp="1"/>
          </p:cNvSpPr>
          <p:nvPr>
            <p:ph type="sldNum" sz="quarter" idx="12"/>
          </p:nvPr>
        </p:nvSpPr>
        <p:spPr/>
        <p:txBody>
          <a:bodyPr/>
          <a:lstStyle/>
          <a:p>
            <a:fld id="{37EF5067-3AB7-4642-9103-42CBD40CC6D9}" type="slidenum">
              <a:rPr kumimoji="1" lang="ja-JP" altLang="en-US" smtClean="0"/>
              <a:pPr/>
              <a:t>5</a:t>
            </a:fld>
            <a:endParaRPr kumimoji="1" lang="ja-JP" altLang="en-US" dirty="0"/>
          </a:p>
        </p:txBody>
      </p:sp>
    </p:spTree>
    <p:extLst>
      <p:ext uri="{BB962C8B-B14F-4D97-AF65-F5344CB8AC3E}">
        <p14:creationId xmlns:p14="http://schemas.microsoft.com/office/powerpoint/2010/main" val="3962103559"/>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6"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２．女性の活躍促進</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7" name="テキスト ボックス 6"/>
          <p:cNvSpPr txBox="1"/>
          <p:nvPr/>
        </p:nvSpPr>
        <p:spPr>
          <a:xfrm>
            <a:off x="159653" y="627986"/>
            <a:ext cx="9535889" cy="5955476"/>
          </a:xfrm>
          <a:prstGeom prst="rect">
            <a:avLst/>
          </a:prstGeom>
          <a:noFill/>
        </p:spPr>
        <p:txBody>
          <a:bodyPr wrap="square" rtlCol="0">
            <a:spAutoFit/>
          </a:bodyPr>
          <a:lstStyle/>
          <a:p>
            <a:pPr marL="180975" indent="-180975"/>
            <a:r>
              <a:rPr lang="ja-JP" altLang="en-US" sz="1600" dirty="0" smtClean="0">
                <a:latin typeface="ＭＳ Ｐ明朝" panose="02020600040205080304" pitchFamily="18" charset="-128"/>
                <a:ea typeface="ＭＳ Ｐ明朝" panose="02020600040205080304" pitchFamily="18" charset="-128"/>
              </a:rPr>
              <a:t>○近年、女性の消費行動がマーケティング戦略で重視されたり、女性が活躍する企業の業績上昇が注目されており、いわゆるウーマノミクスが国の成長戦略に位置付けられている。経営への多様な価値観導入や、家庭の消費力拡大につながることからも、社会全体の活力向上策として、女性の活躍促進が重要な位置を占めている。さらに、大阪は大都市圏でいち早く人口減少、超高齢社会に突入。生産年齢人口の減少が著しく、労働力の確保が大きな課題ともなっている。</a:t>
            </a:r>
            <a:endParaRPr lang="en-US" altLang="ja-JP" sz="500" dirty="0" smtClean="0">
              <a:latin typeface="ＭＳ Ｐ明朝" panose="02020600040205080304" pitchFamily="18" charset="-128"/>
              <a:ea typeface="ＭＳ Ｐ明朝" panose="02020600040205080304" pitchFamily="18" charset="-128"/>
            </a:endParaRPr>
          </a:p>
          <a:p>
            <a:pPr marL="180975" indent="-180975"/>
            <a:endParaRPr kumimoji="1" lang="en-US" altLang="ja-JP" sz="500" dirty="0" smtClean="0">
              <a:latin typeface="ＭＳ Ｐ明朝" panose="02020600040205080304" pitchFamily="18" charset="-128"/>
              <a:ea typeface="ＭＳ Ｐ明朝" panose="02020600040205080304" pitchFamily="18" charset="-128"/>
            </a:endParaRPr>
          </a:p>
          <a:p>
            <a:pPr marL="180975" indent="-180975"/>
            <a:r>
              <a:rPr kumimoji="1" lang="ja-JP" altLang="en-US" sz="1600" dirty="0" smtClean="0">
                <a:latin typeface="ＭＳ Ｐ明朝" panose="02020600040205080304" pitchFamily="18" charset="-128"/>
                <a:ea typeface="ＭＳ Ｐ明朝" panose="02020600040205080304" pitchFamily="18" charset="-128"/>
              </a:rPr>
              <a:t>○</a:t>
            </a:r>
            <a:r>
              <a:rPr lang="ja-JP" altLang="en-US" sz="1600" dirty="0">
                <a:latin typeface="ＭＳ Ｐ明朝" panose="02020600040205080304" pitchFamily="18" charset="-128"/>
                <a:ea typeface="ＭＳ Ｐ明朝" panose="02020600040205080304" pitchFamily="18" charset="-128"/>
              </a:rPr>
              <a:t>大阪の女性</a:t>
            </a:r>
            <a:r>
              <a:rPr lang="ja-JP" altLang="en-US" sz="1600" dirty="0" smtClean="0">
                <a:latin typeface="ＭＳ Ｐ明朝" panose="02020600040205080304" pitchFamily="18" charset="-128"/>
                <a:ea typeface="ＭＳ Ｐ明朝" panose="02020600040205080304" pitchFamily="18" charset="-128"/>
              </a:rPr>
              <a:t>の就業率は、全国４５位</a:t>
            </a:r>
            <a:r>
              <a:rPr lang="zh-TW" altLang="en-US" sz="1600" dirty="0">
                <a:latin typeface="ＭＳ Ｐ明朝" panose="02020600040205080304" pitchFamily="18" charset="-128"/>
                <a:ea typeface="ＭＳ Ｐ明朝" panose="02020600040205080304" pitchFamily="18" charset="-128"/>
              </a:rPr>
              <a:t>（Ｈ</a:t>
            </a:r>
            <a:r>
              <a:rPr lang="en-US" altLang="zh-TW" sz="1600" dirty="0">
                <a:latin typeface="ＭＳ Ｐ明朝" panose="02020600040205080304" pitchFamily="18" charset="-128"/>
                <a:ea typeface="ＭＳ Ｐ明朝" panose="02020600040205080304" pitchFamily="18" charset="-128"/>
              </a:rPr>
              <a:t>24</a:t>
            </a:r>
            <a:r>
              <a:rPr lang="zh-TW" altLang="en-US" sz="1600" dirty="0">
                <a:latin typeface="ＭＳ Ｐ明朝" panose="02020600040205080304" pitchFamily="18" charset="-128"/>
                <a:ea typeface="ＭＳ Ｐ明朝" panose="02020600040205080304" pitchFamily="18" charset="-128"/>
              </a:rPr>
              <a:t>年就業構造基本調査）</a:t>
            </a:r>
            <a:r>
              <a:rPr lang="ja-JP" altLang="en-US" sz="1600" dirty="0" smtClean="0">
                <a:latin typeface="ＭＳ Ｐ明朝" panose="02020600040205080304" pitchFamily="18" charset="-128"/>
                <a:ea typeface="ＭＳ Ｐ明朝" panose="02020600040205080304" pitchFamily="18" charset="-128"/>
              </a:rPr>
              <a:t>と</a:t>
            </a:r>
            <a:r>
              <a:rPr lang="ja-JP" altLang="en-US" sz="1600" dirty="0">
                <a:latin typeface="ＭＳ Ｐ明朝" panose="02020600040205080304" pitchFamily="18" charset="-128"/>
                <a:ea typeface="ＭＳ Ｐ明朝" panose="02020600040205080304" pitchFamily="18" charset="-128"/>
              </a:rPr>
              <a:t>最低水準。</a:t>
            </a:r>
            <a:r>
              <a:rPr lang="en-US" altLang="ja-JP" sz="1600" dirty="0">
                <a:latin typeface="ＭＳ Ｐ明朝" panose="02020600040205080304" pitchFamily="18" charset="-128"/>
                <a:ea typeface="ＭＳ Ｐ明朝" panose="02020600040205080304" pitchFamily="18" charset="-128"/>
              </a:rPr>
              <a:t/>
            </a:r>
            <a:br>
              <a:rPr lang="en-US" altLang="ja-JP" sz="1600" dirty="0">
                <a:latin typeface="ＭＳ Ｐ明朝" panose="02020600040205080304" pitchFamily="18" charset="-128"/>
                <a:ea typeface="ＭＳ Ｐ明朝" panose="02020600040205080304" pitchFamily="18" charset="-128"/>
              </a:rPr>
            </a:br>
            <a:r>
              <a:rPr lang="ja-JP" altLang="en-US" sz="1600" dirty="0">
                <a:latin typeface="ＭＳ Ｐ明朝" panose="02020600040205080304" pitchFamily="18" charset="-128"/>
                <a:ea typeface="ＭＳ Ｐ明朝" panose="02020600040205080304" pitchFamily="18" charset="-128"/>
              </a:rPr>
              <a:t>男性の就業率に比べ、結婚・</a:t>
            </a:r>
            <a:r>
              <a:rPr lang="ja-JP" altLang="en-US" sz="1600" dirty="0" smtClean="0">
                <a:latin typeface="ＭＳ Ｐ明朝" panose="02020600040205080304" pitchFamily="18" charset="-128"/>
                <a:ea typeface="ＭＳ Ｐ明朝" panose="02020600040205080304" pitchFamily="18" charset="-128"/>
              </a:rPr>
              <a:t>出産・子育て期</a:t>
            </a:r>
            <a:r>
              <a:rPr lang="ja-JP" altLang="en-US" sz="1600" dirty="0">
                <a:latin typeface="ＭＳ Ｐ明朝" panose="02020600040205080304" pitchFamily="18" charset="-128"/>
                <a:ea typeface="ＭＳ Ｐ明朝" panose="02020600040205080304" pitchFamily="18" charset="-128"/>
              </a:rPr>
              <a:t>にあたる年代の女性の就業率が下がる、いわゆる「</a:t>
            </a:r>
            <a:r>
              <a:rPr lang="en-US" altLang="ja-JP" sz="1600" dirty="0">
                <a:latin typeface="ＭＳ Ｐ明朝" panose="02020600040205080304" pitchFamily="18" charset="-128"/>
                <a:ea typeface="ＭＳ Ｐ明朝" panose="02020600040205080304" pitchFamily="18" charset="-128"/>
              </a:rPr>
              <a:t>M</a:t>
            </a:r>
            <a:r>
              <a:rPr lang="ja-JP" altLang="en-US" sz="1600" dirty="0">
                <a:latin typeface="ＭＳ Ｐ明朝" panose="02020600040205080304" pitchFamily="18" charset="-128"/>
                <a:ea typeface="ＭＳ Ｐ明朝" panose="02020600040205080304" pitchFamily="18" charset="-128"/>
              </a:rPr>
              <a:t>字カーブ」の存在が、我が国の女性の就業状況の特徴であるが、大阪では、その</a:t>
            </a:r>
            <a:r>
              <a:rPr lang="en-US" altLang="ja-JP" sz="1600" dirty="0">
                <a:latin typeface="ＭＳ Ｐ明朝" panose="02020600040205080304" pitchFamily="18" charset="-128"/>
                <a:ea typeface="ＭＳ Ｐ明朝" panose="02020600040205080304" pitchFamily="18" charset="-128"/>
              </a:rPr>
              <a:t>M</a:t>
            </a:r>
            <a:r>
              <a:rPr lang="ja-JP" altLang="en-US" sz="1600" dirty="0">
                <a:latin typeface="ＭＳ Ｐ明朝" panose="02020600040205080304" pitchFamily="18" charset="-128"/>
                <a:ea typeface="ＭＳ Ｐ明朝" panose="02020600040205080304" pitchFamily="18" charset="-128"/>
              </a:rPr>
              <a:t>字の谷が深く、その後の回復も</a:t>
            </a:r>
            <a:r>
              <a:rPr lang="ja-JP" altLang="en-US" sz="1600" dirty="0" smtClean="0">
                <a:latin typeface="ＭＳ Ｐ明朝" panose="02020600040205080304" pitchFamily="18" charset="-128"/>
                <a:ea typeface="ＭＳ Ｐ明朝" panose="02020600040205080304" pitchFamily="18" charset="-128"/>
              </a:rPr>
              <a:t>鈍い。</a:t>
            </a:r>
            <a:endParaRPr lang="en-US" altLang="ja-JP" sz="1600" dirty="0" smtClean="0">
              <a:latin typeface="ＭＳ Ｐ明朝" panose="02020600040205080304" pitchFamily="18" charset="-128"/>
              <a:ea typeface="ＭＳ Ｐ明朝" panose="02020600040205080304" pitchFamily="18" charset="-128"/>
            </a:endParaRPr>
          </a:p>
          <a:p>
            <a:pPr marL="180975" indent="-180975"/>
            <a:r>
              <a:rPr lang="ja-JP" altLang="en-US" sz="1600" dirty="0" smtClean="0">
                <a:latin typeface="ＭＳ Ｐ明朝" panose="02020600040205080304" pitchFamily="18" charset="-128"/>
                <a:ea typeface="ＭＳ Ｐ明朝" panose="02020600040205080304" pitchFamily="18" charset="-128"/>
              </a:rPr>
              <a:t>　 第</a:t>
            </a:r>
            <a:r>
              <a:rPr lang="en-US" altLang="ja-JP" sz="1600" dirty="0" smtClean="0">
                <a:latin typeface="ＭＳ Ｐ明朝" panose="02020600040205080304" pitchFamily="18" charset="-128"/>
                <a:ea typeface="ＭＳ Ｐ明朝" panose="02020600040205080304" pitchFamily="18" charset="-128"/>
              </a:rPr>
              <a:t>1</a:t>
            </a:r>
            <a:r>
              <a:rPr lang="ja-JP" altLang="en-US" sz="1600" dirty="0" smtClean="0">
                <a:latin typeface="ＭＳ Ｐ明朝" panose="02020600040205080304" pitchFamily="18" charset="-128"/>
                <a:ea typeface="ＭＳ Ｐ明朝" panose="02020600040205080304" pitchFamily="18" charset="-128"/>
              </a:rPr>
              <a:t>子出産により約</a:t>
            </a:r>
            <a:r>
              <a:rPr lang="en-US" altLang="ja-JP" sz="1600" dirty="0" smtClean="0">
                <a:latin typeface="ＭＳ Ｐ明朝" panose="02020600040205080304" pitchFamily="18" charset="-128"/>
                <a:ea typeface="ＭＳ Ｐ明朝" panose="02020600040205080304" pitchFamily="18" charset="-128"/>
              </a:rPr>
              <a:t>6</a:t>
            </a:r>
            <a:r>
              <a:rPr lang="ja-JP" altLang="en-US" sz="1600" dirty="0" smtClean="0">
                <a:latin typeface="ＭＳ Ｐ明朝" panose="02020600040205080304" pitchFamily="18" charset="-128"/>
                <a:ea typeface="ＭＳ Ｐ明朝" panose="02020600040205080304" pitchFamily="18" charset="-128"/>
              </a:rPr>
              <a:t>割の女性が仕事を辞めており、家事・育児のための離職が最も多くなっている。</a:t>
            </a:r>
            <a:endParaRPr lang="en-US" altLang="ja-JP" sz="1600" dirty="0" smtClean="0">
              <a:latin typeface="ＭＳ Ｐ明朝" panose="02020600040205080304" pitchFamily="18" charset="-128"/>
              <a:ea typeface="ＭＳ Ｐ明朝" panose="02020600040205080304" pitchFamily="18" charset="-128"/>
            </a:endParaRPr>
          </a:p>
          <a:p>
            <a:pPr marL="180975" indent="-180975"/>
            <a:r>
              <a:rPr lang="ja-JP" altLang="en-US" sz="1600" dirty="0" smtClean="0">
                <a:latin typeface="ＭＳ Ｐ明朝" panose="02020600040205080304" pitchFamily="18" charset="-128"/>
                <a:ea typeface="ＭＳ Ｐ明朝" panose="02020600040205080304" pitchFamily="18" charset="-128"/>
              </a:rPr>
              <a:t>　 その背景には、保育所や学童保育などの環境整備が最も重要であるにもかかわらず、待機児童についても待機数は減少しているものの解消には至っていない状況、また、家事・育児の負担が女性に集中しており仕事との両立が困難となっている状況などがある。安心して子育てと仕事を両立できる環境整備が喫緊の課題。</a:t>
            </a:r>
            <a:endParaRPr lang="en-US" altLang="ja-JP" sz="1600" dirty="0" smtClean="0">
              <a:latin typeface="ＭＳ Ｐ明朝" panose="02020600040205080304" pitchFamily="18" charset="-128"/>
              <a:ea typeface="ＭＳ Ｐ明朝" panose="02020600040205080304" pitchFamily="18" charset="-128"/>
            </a:endParaRPr>
          </a:p>
          <a:p>
            <a:pPr marL="180975" indent="-180975">
              <a:spcBef>
                <a:spcPts val="600"/>
              </a:spcBef>
            </a:pPr>
            <a:r>
              <a:rPr lang="ja-JP" altLang="en-US" sz="1600" dirty="0" smtClean="0">
                <a:latin typeface="ＭＳ Ｐ明朝" panose="02020600040205080304" pitchFamily="18" charset="-128"/>
                <a:ea typeface="ＭＳ Ｐ明朝" panose="02020600040205080304" pitchFamily="18" charset="-128"/>
              </a:rPr>
              <a:t>○以上からも、今後の大阪の都市戦略として、女性の就業率の抜本的引き上げと活躍促進は不可欠。</a:t>
            </a:r>
            <a:endParaRPr lang="en-US" altLang="ja-JP" sz="1600" dirty="0">
              <a:latin typeface="ＭＳ Ｐ明朝" panose="02020600040205080304" pitchFamily="18" charset="-128"/>
              <a:ea typeface="ＭＳ Ｐ明朝" panose="02020600040205080304" pitchFamily="18" charset="-128"/>
            </a:endParaRPr>
          </a:p>
          <a:p>
            <a:pPr marL="180975" indent="-180975">
              <a:spcBef>
                <a:spcPts val="600"/>
              </a:spcBef>
            </a:pPr>
            <a:r>
              <a:rPr lang="ja-JP" altLang="en-US" sz="1600" dirty="0" smtClean="0">
                <a:latin typeface="ＭＳ Ｐ明朝" panose="02020600040205080304" pitchFamily="18" charset="-128"/>
                <a:ea typeface="ＭＳ Ｐ明朝" panose="02020600040205080304" pitchFamily="18" charset="-128"/>
              </a:rPr>
              <a:t>○大阪府・市では、女性の活躍促進につながる具体的な支援策として主に次の３つを柱として実施している。</a:t>
            </a:r>
            <a:endParaRPr lang="en-US" altLang="ja-JP" sz="1600" dirty="0" smtClean="0">
              <a:latin typeface="ＭＳ Ｐ明朝" panose="02020600040205080304" pitchFamily="18" charset="-128"/>
              <a:ea typeface="ＭＳ Ｐ明朝" panose="02020600040205080304" pitchFamily="18" charset="-128"/>
            </a:endParaRPr>
          </a:p>
          <a:p>
            <a:pPr marL="180975" indent="-180975"/>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①　子育て支援（本資料では、大阪市の取組み例を紹介）</a:t>
            </a:r>
            <a:endParaRPr lang="en-US" altLang="ja-JP" sz="1400" dirty="0" smtClean="0">
              <a:latin typeface="ＭＳ Ｐ明朝" panose="02020600040205080304" pitchFamily="18" charset="-128"/>
              <a:ea typeface="ＭＳ Ｐ明朝" panose="02020600040205080304" pitchFamily="18" charset="-128"/>
            </a:endParaRPr>
          </a:p>
          <a:p>
            <a:pPr marL="180975" indent="-180975"/>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待機児童解消</a:t>
            </a:r>
            <a:endParaRPr lang="en-US" altLang="ja-JP" sz="1400" dirty="0" smtClean="0">
              <a:latin typeface="ＭＳ Ｐ明朝" panose="02020600040205080304" pitchFamily="18" charset="-128"/>
              <a:ea typeface="ＭＳ Ｐ明朝" panose="02020600040205080304" pitchFamily="18" charset="-128"/>
            </a:endParaRPr>
          </a:p>
          <a:p>
            <a:pPr marL="180975" indent="-180975"/>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a:latin typeface="ＭＳ Ｐ明朝" panose="02020600040205080304" pitchFamily="18" charset="-128"/>
                <a:ea typeface="ＭＳ Ｐ明朝" panose="02020600040205080304" pitchFamily="18" charset="-128"/>
              </a:rPr>
              <a:t>病児・病後児保育の</a:t>
            </a:r>
            <a:r>
              <a:rPr lang="ja-JP" altLang="en-US" sz="1400" dirty="0" smtClean="0">
                <a:latin typeface="ＭＳ Ｐ明朝" panose="02020600040205080304" pitchFamily="18" charset="-128"/>
                <a:ea typeface="ＭＳ Ｐ明朝" panose="02020600040205080304" pitchFamily="18" charset="-128"/>
              </a:rPr>
              <a:t>充実</a:t>
            </a:r>
            <a:endParaRPr lang="en-US" altLang="ja-JP" sz="1400" dirty="0" smtClean="0">
              <a:latin typeface="ＭＳ Ｐ明朝" panose="02020600040205080304" pitchFamily="18" charset="-128"/>
              <a:ea typeface="ＭＳ Ｐ明朝" panose="02020600040205080304" pitchFamily="18" charset="-128"/>
            </a:endParaRPr>
          </a:p>
          <a:p>
            <a:pPr marL="180975" indent="-180975"/>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smtClean="0">
                <a:latin typeface="ＭＳ Ｐ明朝" panose="02020600040205080304" pitchFamily="18" charset="-128"/>
                <a:ea typeface="ＭＳ Ｐ明朝" panose="02020600040205080304" pitchFamily="18" charset="-128"/>
              </a:rPr>
              <a:t>小学校放課後事業の充実</a:t>
            </a:r>
            <a:endParaRPr lang="en-US" altLang="ja-JP" sz="1400" dirty="0" smtClean="0">
              <a:latin typeface="ＭＳ Ｐ明朝" panose="02020600040205080304" pitchFamily="18" charset="-128"/>
              <a:ea typeface="ＭＳ Ｐ明朝" panose="02020600040205080304" pitchFamily="18" charset="-128"/>
            </a:endParaRPr>
          </a:p>
          <a:p>
            <a:pPr marL="180975" indent="-180975"/>
            <a:r>
              <a:rPr kumimoji="1" lang="ja-JP" altLang="en-US" sz="1400" dirty="0" smtClean="0">
                <a:latin typeface="ＭＳ Ｐ明朝" panose="02020600040205080304" pitchFamily="18" charset="-128"/>
                <a:ea typeface="ＭＳ Ｐ明朝" panose="02020600040205080304" pitchFamily="18" charset="-128"/>
              </a:rPr>
              <a:t>　　　②　女性の就労支援</a:t>
            </a:r>
            <a:endParaRPr kumimoji="1" lang="en-US" altLang="ja-JP" sz="1400" dirty="0" smtClean="0">
              <a:latin typeface="ＭＳ Ｐ明朝" panose="02020600040205080304" pitchFamily="18" charset="-128"/>
              <a:ea typeface="ＭＳ Ｐ明朝" panose="02020600040205080304" pitchFamily="18" charset="-128"/>
            </a:endParaRPr>
          </a:p>
          <a:p>
            <a:pPr marL="180975" indent="623888"/>
            <a:r>
              <a:rPr lang="ja-JP" altLang="en-US" sz="1400" dirty="0">
                <a:latin typeface="ＭＳ Ｐ明朝" panose="02020600040205080304" pitchFamily="18" charset="-128"/>
                <a:ea typeface="ＭＳ Ｐ明朝" panose="02020600040205080304" pitchFamily="18" charset="-128"/>
              </a:rPr>
              <a:t>若年女性の就業率を上げるよう支援</a:t>
            </a:r>
            <a:endParaRPr lang="en-US" altLang="ja-JP" sz="1400" dirty="0">
              <a:latin typeface="ＭＳ Ｐ明朝" panose="02020600040205080304" pitchFamily="18" charset="-128"/>
              <a:ea typeface="ＭＳ Ｐ明朝" panose="02020600040205080304" pitchFamily="18" charset="-128"/>
            </a:endParaRPr>
          </a:p>
          <a:p>
            <a:pPr marL="180975" indent="-180975"/>
            <a:r>
              <a:rPr lang="ja-JP" altLang="en-US" sz="1400" dirty="0" smtClean="0">
                <a:latin typeface="ＭＳ Ｐ明朝" panose="02020600040205080304" pitchFamily="18" charset="-128"/>
                <a:ea typeface="ＭＳ Ｐ明朝" panose="02020600040205080304" pitchFamily="18" charset="-128"/>
              </a:rPr>
              <a:t>　　　　　　　再就職を希望する女性がライフスタイルに合った仕事に就けるよう支援　</a:t>
            </a:r>
            <a:endParaRPr kumimoji="1" lang="en-US" altLang="ja-JP" sz="1400" dirty="0" smtClean="0">
              <a:latin typeface="ＭＳ Ｐ明朝" panose="02020600040205080304" pitchFamily="18" charset="-128"/>
              <a:ea typeface="ＭＳ Ｐ明朝" panose="02020600040205080304" pitchFamily="18" charset="-128"/>
            </a:endParaRPr>
          </a:p>
          <a:p>
            <a:pPr marL="180975" indent="-180975"/>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③　女性の活躍促進につなげるための制度構築</a:t>
            </a:r>
            <a:endParaRPr lang="en-US" altLang="ja-JP" sz="1400" dirty="0" smtClean="0">
              <a:latin typeface="ＭＳ Ｐ明朝" panose="02020600040205080304" pitchFamily="18" charset="-128"/>
              <a:ea typeface="ＭＳ Ｐ明朝" panose="02020600040205080304" pitchFamily="18" charset="-128"/>
            </a:endParaRPr>
          </a:p>
          <a:p>
            <a:pPr marL="180975" indent="-180975"/>
            <a:r>
              <a:rPr lang="ja-JP" altLang="en-US" sz="1400" dirty="0" smtClean="0">
                <a:latin typeface="ＭＳ Ｐ明朝" panose="02020600040205080304" pitchFamily="18" charset="-128"/>
                <a:ea typeface="ＭＳ Ｐ明朝" panose="02020600040205080304" pitchFamily="18" charset="-128"/>
              </a:rPr>
              <a:t>　　　　　　　民間企業での女性登用や、雇用条件の改善など促進・支援</a:t>
            </a:r>
            <a:endParaRPr lang="en-US" altLang="ja-JP" sz="1400" dirty="0" smtClean="0">
              <a:latin typeface="ＭＳ Ｐ明朝" panose="02020600040205080304" pitchFamily="18" charset="-128"/>
              <a:ea typeface="ＭＳ Ｐ明朝" panose="02020600040205080304"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50</a:t>
            </a:fld>
            <a:endParaRPr kumimoji="1" lang="ja-JP" altLang="en-US" dirty="0"/>
          </a:p>
        </p:txBody>
      </p:sp>
    </p:spTree>
    <p:extLst>
      <p:ext uri="{BB962C8B-B14F-4D97-AF65-F5344CB8AC3E}">
        <p14:creationId xmlns:p14="http://schemas.microsoft.com/office/powerpoint/2010/main" val="4152408663"/>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0393" y="15221"/>
            <a:ext cx="9673075" cy="384721"/>
          </a:xfrm>
          <a:prstGeom prst="rect">
            <a:avLst/>
          </a:prstGeom>
          <a:noFill/>
        </p:spPr>
        <p:txBody>
          <a:bodyPr wrap="square" rtlCol="0">
            <a:spAutoFit/>
          </a:bodyPr>
          <a:lstStyle/>
          <a:p>
            <a:r>
              <a:rPr kumimoji="1" lang="ja-JP" altLang="en-US" dirty="0" smtClean="0"/>
              <a:t>大阪府の取組み</a:t>
            </a:r>
            <a:endParaRPr kumimoji="1" lang="en-US" altLang="ja-JP" dirty="0" smtClean="0"/>
          </a:p>
        </p:txBody>
      </p:sp>
      <p:sp>
        <p:nvSpPr>
          <p:cNvPr id="5" name="正方形/長方形 4"/>
          <p:cNvSpPr/>
          <p:nvPr/>
        </p:nvSpPr>
        <p:spPr>
          <a:xfrm>
            <a:off x="272480" y="575986"/>
            <a:ext cx="2088233" cy="2781006"/>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marL="92075" indent="-92075"/>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女性</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の就業機会拡大に向けて</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従来</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から、男女共同参画の観点から、啓発やセミナーなどを行ってきたが、</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大きな成果</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は得られて</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いない</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endParaRPr lang="en-US" altLang="ja-JP"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indent="-92075"/>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人口</a:t>
            </a:r>
            <a:r>
              <a:rPr lang="ja-JP" altLang="en-US" sz="12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減少社会に突入する中で、大阪の成長戦略推進のためには、女性の労働力が</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不可欠。働きたい女性が安心して働ける環境を整えるために、部局横断的に施策を検討する必要。</a:t>
            </a:r>
            <a:endPar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6" name="正方形/長方形 5"/>
          <p:cNvSpPr/>
          <p:nvPr/>
        </p:nvSpPr>
        <p:spPr>
          <a:xfrm>
            <a:off x="2792760" y="575986"/>
            <a:ext cx="6918771" cy="2781006"/>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5725" indent="-85725"/>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部局横断的な「女性の就業機会拡大プロジェクトチーム」を立ち上げ、施策の検討を開始（</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3</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9</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月～）</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85725" indent="-85725">
              <a:spcBef>
                <a:spcPts val="600"/>
              </a:spcBef>
            </a:pPr>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プロジェクトチーム構成部局</a:t>
            </a:r>
            <a:endPar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542925" indent="171450"/>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商工労働部（雇用、産業等）</a:t>
            </a:r>
            <a:endPar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542925" indent="171450"/>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政策企画部（施策調整等）</a:t>
            </a:r>
            <a:endPar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542925" indent="171450"/>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府民文化部（男女共同参画等）</a:t>
            </a:r>
            <a:endPar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542925" indent="171450"/>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福祉部（子育て支援等）</a:t>
            </a:r>
            <a:endPar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女性の就業機会拡大に関する調査を実施</a:t>
            </a:r>
          </a:p>
          <a:p>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①</a:t>
            </a:r>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女性を取り巻く</a:t>
            </a:r>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就業環境</a:t>
            </a:r>
            <a:endParaRPr lang="en-US" altLang="ja-JP" sz="1100" strike="sngStrike"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②大阪の働いてない女性、働く女性等の意識と行動</a:t>
            </a:r>
          </a:p>
          <a:p>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③</a:t>
            </a:r>
            <a:r>
              <a:rPr lang="en-US" altLang="ja-JP"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M</a:t>
            </a:r>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字カーブの</a:t>
            </a:r>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要因分析</a:t>
            </a:r>
          </a:p>
          <a:p>
            <a:pPr>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　</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3</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年度</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女性</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PT</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施策プレ事業として、セミナー・イベント等を開催</a:t>
            </a:r>
          </a:p>
          <a:p>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女性のための</a:t>
            </a:r>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ワークフェスタ</a:t>
            </a:r>
          </a:p>
          <a:p>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ハイブリッドママフェスタ</a:t>
            </a:r>
          </a:p>
          <a:p>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　　　　　</a:t>
            </a:r>
            <a:r>
              <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関西コレクション</a:t>
            </a:r>
            <a:r>
              <a:rPr lang="en-US" altLang="ja-JP"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1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とのコラボレーション</a:t>
            </a:r>
            <a:endParaRPr lang="ja-JP" altLang="en-US" sz="1100" dirty="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7" name="Rectangle 2"/>
          <p:cNvSpPr txBox="1">
            <a:spLocks noChangeArrowheads="1"/>
          </p:cNvSpPr>
          <p:nvPr/>
        </p:nvSpPr>
        <p:spPr bwMode="auto">
          <a:xfrm>
            <a:off x="272481" y="351404"/>
            <a:ext cx="2088232" cy="184755"/>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en-US" altLang="ja-JP" sz="1200" dirty="0" smtClean="0">
                <a:solidFill>
                  <a:schemeClr val="bg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bg1"/>
                </a:solidFill>
                <a:latin typeface="ＭＳ Ｐゴシック" panose="020B0600070205080204" pitchFamily="50" charset="-128"/>
                <a:ea typeface="ＭＳ Ｐゴシック" panose="020B0600070205080204" pitchFamily="50" charset="-128"/>
              </a:rPr>
              <a:t>これまでの課題</a:t>
            </a:r>
            <a:endParaRPr lang="en-US" altLang="ja-JP" sz="1200" dirty="0" smtClean="0">
              <a:solidFill>
                <a:schemeClr val="bg1"/>
              </a:solidFill>
              <a:latin typeface="ＭＳ Ｐゴシック" panose="020B0600070205080204" pitchFamily="50" charset="-128"/>
              <a:ea typeface="ＭＳ Ｐゴシック" panose="020B0600070205080204" pitchFamily="50" charset="-128"/>
            </a:endParaRPr>
          </a:p>
        </p:txBody>
      </p:sp>
      <p:sp>
        <p:nvSpPr>
          <p:cNvPr id="8" name="Rectangle 2"/>
          <p:cNvSpPr txBox="1">
            <a:spLocks noChangeArrowheads="1"/>
          </p:cNvSpPr>
          <p:nvPr/>
        </p:nvSpPr>
        <p:spPr bwMode="auto">
          <a:xfrm>
            <a:off x="2792760" y="351403"/>
            <a:ext cx="6918771" cy="184756"/>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ja-JP" altLang="en-US" sz="1200" dirty="0" smtClean="0">
                <a:solidFill>
                  <a:schemeClr val="bg1"/>
                </a:solidFill>
                <a:latin typeface="ＭＳ Ｐゴシック" panose="020B0600070205080204" pitchFamily="50" charset="-128"/>
                <a:ea typeface="ＭＳ Ｐゴシック" panose="020B0600070205080204" pitchFamily="50" charset="-128"/>
              </a:rPr>
              <a:t>課題に対する方向性等</a:t>
            </a:r>
            <a:endParaRPr lang="en-US" altLang="ja-JP" sz="1200" dirty="0" smtClean="0">
              <a:solidFill>
                <a:schemeClr val="bg1"/>
              </a:solidFill>
              <a:latin typeface="ＭＳ Ｐゴシック" panose="020B0600070205080204" pitchFamily="50" charset="-128"/>
              <a:ea typeface="ＭＳ Ｐゴシック" panose="020B0600070205080204" pitchFamily="50" charset="-128"/>
            </a:endParaRPr>
          </a:p>
        </p:txBody>
      </p:sp>
      <p:sp>
        <p:nvSpPr>
          <p:cNvPr id="9" name="右矢印 8"/>
          <p:cNvSpPr/>
          <p:nvPr/>
        </p:nvSpPr>
        <p:spPr>
          <a:xfrm>
            <a:off x="2455960" y="1000519"/>
            <a:ext cx="253528" cy="1152128"/>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kumimoji="1" lang="ja-JP" altLang="en-US"/>
          </a:p>
        </p:txBody>
      </p:sp>
      <p:graphicFrame>
        <p:nvGraphicFramePr>
          <p:cNvPr id="15" name="表 14"/>
          <p:cNvGraphicFramePr>
            <a:graphicFrameLocks noGrp="1"/>
          </p:cNvGraphicFramePr>
          <p:nvPr>
            <p:extLst>
              <p:ext uri="{D42A27DB-BD31-4B8C-83A1-F6EECF244321}">
                <p14:modId xmlns:p14="http://schemas.microsoft.com/office/powerpoint/2010/main" val="947312315"/>
              </p:ext>
            </p:extLst>
          </p:nvPr>
        </p:nvGraphicFramePr>
        <p:xfrm>
          <a:off x="200472" y="3815672"/>
          <a:ext cx="9505056" cy="2756114"/>
        </p:xfrm>
        <a:graphic>
          <a:graphicData uri="http://schemas.openxmlformats.org/drawingml/2006/table">
            <a:tbl>
              <a:tblPr firstRow="1" bandRow="1">
                <a:tableStyleId>{5940675A-B579-460E-94D1-54222C63F5DA}</a:tableStyleId>
              </a:tblPr>
              <a:tblGrid>
                <a:gridCol w="1944216"/>
                <a:gridCol w="7560840"/>
              </a:tblGrid>
              <a:tr h="616187">
                <a:tc>
                  <a:txBody>
                    <a:bodyPr/>
                    <a:lstStyle/>
                    <a:p>
                      <a:r>
                        <a:rPr kumimoji="1"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子育て支援</a:t>
                      </a:r>
                      <a:endParaRPr kumimoji="1"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p>
                      <a:endParaRPr kumimoji="1" lang="en-US" altLang="ja-JP" sz="1400" dirty="0" smtClean="0">
                        <a:solidFill>
                          <a:schemeClr val="tx1"/>
                        </a:solidFill>
                        <a:latin typeface="Meiryo UI" pitchFamily="50" charset="-128"/>
                        <a:ea typeface="Meiryo UI" pitchFamily="50" charset="-128"/>
                        <a:cs typeface="Meiryo UI" pitchFamily="50" charset="-128"/>
                      </a:endParaRPr>
                    </a:p>
                    <a:p>
                      <a:endParaRPr kumimoji="1" lang="en-US" altLang="ja-JP" sz="1400" dirty="0" smtClean="0">
                        <a:solidFill>
                          <a:schemeClr val="tx1"/>
                        </a:solidFill>
                        <a:latin typeface="Meiryo UI" pitchFamily="50" charset="-128"/>
                        <a:ea typeface="Meiryo UI" pitchFamily="50" charset="-128"/>
                        <a:cs typeface="Meiryo UI" pitchFamily="50" charset="-128"/>
                      </a:endParaRPr>
                    </a:p>
                    <a:p>
                      <a:endParaRPr kumimoji="1" lang="en-US" altLang="ja-JP" sz="1400" dirty="0" smtClean="0">
                        <a:solidFill>
                          <a:schemeClr val="tx1"/>
                        </a:solidFill>
                        <a:latin typeface="Meiryo UI" pitchFamily="50" charset="-128"/>
                        <a:ea typeface="Meiryo UI" pitchFamily="50" charset="-128"/>
                        <a:cs typeface="Meiryo UI" pitchFamily="50" charset="-128"/>
                      </a:endParaRPr>
                    </a:p>
                    <a:p>
                      <a:pPr algn="r"/>
                      <a:endParaRPr kumimoji="1" lang="en-US" altLang="ja-JP" sz="14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txBody>
                  <a:tcPr marL="36000" marR="36000"/>
                </a:tc>
                <a:tc>
                  <a:txBody>
                    <a:bodyPr/>
                    <a:lstStyle/>
                    <a:p>
                      <a:pPr marL="85725" indent="-85725"/>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国の制度に基づき、保育所・放課後事業などを実施する市町村に、運営・施設整備等の財政的支援（補助金や交付金等）を実施（</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予算　</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36</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億</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170</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円）</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92075" marR="0" indent="-92075" algn="l" defTabSz="957816" rtl="0" eaLnBrk="1" fontAlgn="auto" latinLnBrk="0" hangingPunct="1">
                        <a:lnSpc>
                          <a:spcPct val="100000"/>
                        </a:lnSpc>
                        <a:spcBef>
                          <a:spcPts val="0"/>
                        </a:spcBef>
                        <a:spcAft>
                          <a:spcPts val="0"/>
                        </a:spcAft>
                        <a:buClrTx/>
                        <a:buSzTx/>
                        <a:buFontTx/>
                        <a:buNone/>
                        <a:tabLst/>
                        <a:defRPr/>
                      </a:pP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安心こども基金」（国の交付金を使い都道府県が造成・運用　府の基金規模：</a:t>
                      </a:r>
                      <a:r>
                        <a:rPr lang="en-US" altLang="ja-JP" sz="1200" dirty="0" smtClean="0">
                          <a:solidFill>
                            <a:schemeClr val="tx1"/>
                          </a:solidFill>
                          <a:latin typeface="ＭＳ Ｐ明朝" panose="02020600040205080304" pitchFamily="18" charset="-128"/>
                          <a:ea typeface="ＭＳ Ｐ明朝" panose="02020600040205080304" pitchFamily="18" charset="-128"/>
                        </a:rPr>
                        <a:t> 502</a:t>
                      </a:r>
                      <a:r>
                        <a:rPr lang="ja-JP" altLang="en-US" sz="1200" dirty="0" smtClean="0">
                          <a:solidFill>
                            <a:schemeClr val="tx1"/>
                          </a:solidFill>
                          <a:latin typeface="ＭＳ Ｐ明朝" panose="02020600040205080304" pitchFamily="18" charset="-128"/>
                          <a:ea typeface="ＭＳ Ｐ明朝" panose="02020600040205080304" pitchFamily="18" charset="-128"/>
                        </a:rPr>
                        <a:t>億</a:t>
                      </a:r>
                      <a:r>
                        <a:rPr lang="en-US" altLang="ja-JP" sz="1200" dirty="0" smtClean="0">
                          <a:solidFill>
                            <a:schemeClr val="tx1"/>
                          </a:solidFill>
                          <a:latin typeface="ＭＳ Ｐ明朝" panose="02020600040205080304" pitchFamily="18" charset="-128"/>
                          <a:ea typeface="ＭＳ Ｐ明朝" panose="02020600040205080304" pitchFamily="18" charset="-128"/>
                        </a:rPr>
                        <a:t>3,724</a:t>
                      </a:r>
                      <a:r>
                        <a:rPr lang="ja-JP" altLang="en-US" sz="1200" dirty="0" smtClean="0">
                          <a:solidFill>
                            <a:schemeClr val="tx1"/>
                          </a:solidFill>
                          <a:latin typeface="ＭＳ Ｐ明朝" panose="02020600040205080304" pitchFamily="18" charset="-128"/>
                          <a:ea typeface="ＭＳ Ｐ明朝" panose="02020600040205080304" pitchFamily="18" charset="-128"/>
                        </a:rPr>
                        <a:t>万</a:t>
                      </a:r>
                      <a:r>
                        <a:rPr lang="en-US" altLang="ja-JP" sz="1200" dirty="0" smtClean="0">
                          <a:solidFill>
                            <a:schemeClr val="tx1"/>
                          </a:solidFill>
                          <a:latin typeface="ＭＳ Ｐ明朝" panose="02020600040205080304" pitchFamily="18" charset="-128"/>
                          <a:ea typeface="ＭＳ Ｐ明朝" panose="02020600040205080304" pitchFamily="18" charset="-128"/>
                        </a:rPr>
                        <a:t>5,000</a:t>
                      </a:r>
                      <a:r>
                        <a:rPr lang="ja-JP" altLang="en-US" sz="1200" dirty="0" smtClean="0">
                          <a:solidFill>
                            <a:schemeClr val="tx1"/>
                          </a:solidFill>
                          <a:latin typeface="ＭＳ Ｐ明朝" panose="02020600040205080304" pitchFamily="18" charset="-128"/>
                          <a:ea typeface="ＭＳ Ｐ明朝" panose="02020600040205080304" pitchFamily="18" charset="-128"/>
                        </a:rPr>
                        <a:t>円</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を活用し、保育サービス充実に取組む市町村への補助等を実施（保育所等整備、 「待機児童解消加速化プラン」の推進、保育士研修、保育教諭確保のための資格取得支援、認定こども園等研修など）（</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予算　</a:t>
                      </a:r>
                      <a:r>
                        <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50</a:t>
                      </a:r>
                      <a:r>
                        <a:rPr kumimoji="1"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億</a:t>
                      </a:r>
                      <a:r>
                        <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6,647</a:t>
                      </a:r>
                      <a:r>
                        <a:rPr kumimoji="1"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円</a:t>
                      </a:r>
                      <a:r>
                        <a:rPr kumimoji="1" lang="ja-JP" altLang="en-US" sz="1200" dirty="0" smtClean="0">
                          <a:solidFill>
                            <a:schemeClr val="tx1"/>
                          </a:solidFill>
                          <a:latin typeface="ＭＳ Ｐ明朝" panose="02020600040205080304" pitchFamily="18" charset="-128"/>
                          <a:ea typeface="ＭＳ Ｐ明朝" panose="02020600040205080304" pitchFamily="18" charset="-128"/>
                        </a:rPr>
                        <a:t>）</a:t>
                      </a:r>
                      <a:endParaRPr kumimoji="1" lang="en-US" altLang="ja-JP" sz="1200" dirty="0" smtClean="0">
                        <a:solidFill>
                          <a:schemeClr val="tx1"/>
                        </a:solidFill>
                        <a:latin typeface="ＭＳ Ｐ明朝" panose="02020600040205080304" pitchFamily="18" charset="-128"/>
                        <a:ea typeface="ＭＳ Ｐ明朝" panose="02020600040205080304" pitchFamily="18" charset="-128"/>
                      </a:endParaRPr>
                    </a:p>
                    <a:p>
                      <a:pPr marL="92075" marR="0" indent="-92075" algn="l" defTabSz="957816"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kumimoji="1"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その他（障がい児の居場所づくり事業）　（</a:t>
                      </a:r>
                      <a:r>
                        <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kumimoji="1"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予算　</a:t>
                      </a:r>
                      <a:r>
                        <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140</a:t>
                      </a:r>
                      <a:r>
                        <a:rPr kumimoji="1"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円）</a:t>
                      </a:r>
                      <a:endParaRPr kumimoji="1"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txBody>
                  <a:tcPr marL="99060" marR="99060"/>
                </a:tc>
              </a:tr>
              <a:tr h="624426">
                <a:tc>
                  <a:txBody>
                    <a:bodyPr/>
                    <a:lstStyle/>
                    <a:p>
                      <a:pPr marL="0" marR="0" indent="0" algn="l" defTabSz="957816"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女性の就労支援</a:t>
                      </a:r>
                      <a:endParaRPr kumimoji="1" lang="en-US" altLang="ja-JP" sz="14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txBody>
                  <a:tcPr marL="36000" marR="36000"/>
                </a:tc>
                <a:tc>
                  <a:txBody>
                    <a:bodyPr/>
                    <a:lstStyle/>
                    <a:p>
                      <a:pPr marL="88900" indent="-88900"/>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OSAKA</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しごとフィールドに、専門カウンセラーや保育士を配置。「働くママ応援ｺｰﾅｰ（ｷｬﾘｱｶｳﾝｾﾘﾝｸﾞ、ﾏﾏﾅﾋﾞ（保育情報の提供、保育所探しの助言などの保育ｶｳﾝｾﾘﾝｸﾞ）、保育ﾙｰﾑ（就職活動中の子ども預かりなど））」（</a:t>
                      </a:r>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予算　</a:t>
                      </a:r>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220</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円）</a:t>
                      </a:r>
                      <a:endPar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p>
                      <a:pPr marL="0" indent="0"/>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若年女性を就業に誘導するための方法の研究、就業誘導　（</a:t>
                      </a:r>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予算　</a:t>
                      </a:r>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億</a:t>
                      </a:r>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066</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円）</a:t>
                      </a:r>
                    </a:p>
                    <a:p>
                      <a:pPr marL="0" indent="0"/>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若年女性を中心とした就業意識調査（</a:t>
                      </a:r>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予算　</a:t>
                      </a:r>
                      <a:r>
                        <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4</a:t>
                      </a:r>
                      <a:r>
                        <a:rPr lang="ja-JP" altLang="en-US"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円）</a:t>
                      </a:r>
                      <a:endParaRPr lang="en-US" altLang="ja-JP" sz="1200" b="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endParaRPr>
                    </a:p>
                  </a:txBody>
                  <a:tcPr marL="99060" marR="99060"/>
                </a:tc>
              </a:tr>
              <a:tr h="561554">
                <a:tc>
                  <a:txBody>
                    <a:bodyPr/>
                    <a:lstStyle/>
                    <a:p>
                      <a:r>
                        <a:rPr kumimoji="1" lang="ja-JP" altLang="en-US" sz="14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女性の活躍促進につなげるための制度構築</a:t>
                      </a:r>
                      <a:endParaRPr kumimoji="1" lang="ja-JP" altLang="en-US" sz="1100" dirty="0">
                        <a:solidFill>
                          <a:schemeClr val="tx1"/>
                        </a:solidFill>
                        <a:latin typeface="ＭＳ Ｐゴシック" panose="020B0600070205080204" pitchFamily="50" charset="-128"/>
                        <a:ea typeface="ＭＳ Ｐゴシック" panose="020B0600070205080204" pitchFamily="50" charset="-128"/>
                        <a:cs typeface="Meiryo UI" pitchFamily="50" charset="-128"/>
                      </a:endParaRPr>
                    </a:p>
                  </a:txBody>
                  <a:tcPr marL="36000" marR="36000"/>
                </a:tc>
                <a:tc>
                  <a:txBody>
                    <a:bodyPr/>
                    <a:lstStyle/>
                    <a:p>
                      <a:pPr marL="0" indent="0"/>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ワーキングウーマン応援事業（働く女性のためのﾙｰﾙﾌﾞｯｸ作成、ｾﾐﾅｰ、特別相談会）　（</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2014</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予算　</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165</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anose="020B0604030504040204" pitchFamily="50" charset="-128"/>
                        </a:rPr>
                        <a:t>万円）</a:t>
                      </a:r>
                    </a:p>
                  </a:txBody>
                  <a:tcPr marL="99060" marR="99060"/>
                </a:tc>
              </a:tr>
            </a:tbl>
          </a:graphicData>
        </a:graphic>
      </p:graphicFrame>
      <p:sp>
        <p:nvSpPr>
          <p:cNvPr id="17" name="角丸四角形 16"/>
          <p:cNvSpPr/>
          <p:nvPr/>
        </p:nvSpPr>
        <p:spPr>
          <a:xfrm>
            <a:off x="187929" y="3454144"/>
            <a:ext cx="8077439" cy="288032"/>
          </a:xfrm>
          <a:prstGeom prst="roundRect">
            <a:avLst/>
          </a:prstGeom>
          <a:solidFill>
            <a:srgbClr val="00B0F0"/>
          </a:solidFill>
          <a:scene3d>
            <a:camera prst="orthographicFront"/>
            <a:lightRig rig="threePt" dir="t"/>
          </a:scene3d>
          <a:sp3d>
            <a:bevelT prst="slope"/>
          </a:sp3d>
        </p:spPr>
        <p:style>
          <a:lnRef idx="2">
            <a:schemeClr val="accent6"/>
          </a:lnRef>
          <a:fillRef idx="1">
            <a:schemeClr val="lt1"/>
          </a:fillRef>
          <a:effectRef idx="0">
            <a:schemeClr val="accent6"/>
          </a:effectRef>
          <a:fontRef idx="minor">
            <a:schemeClr val="dk1"/>
          </a:fontRef>
        </p:style>
        <p:txBody>
          <a:bodyPr lIns="94640" tIns="47320" rIns="94640" bIns="47320" rtlCol="0" anchor="ctr"/>
          <a:lstStyle/>
          <a:p>
            <a:r>
              <a:rPr lang="ja-JP" altLang="en-US" sz="14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rPr>
              <a:t>女性の活躍促進に向けた主な取組み</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大阪府）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2014</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年度　知事重点事業として予算を重点配分</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11" name="スライド番号プレースホルダ 10"/>
          <p:cNvSpPr>
            <a:spLocks noGrp="1"/>
          </p:cNvSpPr>
          <p:nvPr>
            <p:ph type="sldNum" sz="quarter" idx="12"/>
          </p:nvPr>
        </p:nvSpPr>
        <p:spPr/>
        <p:txBody>
          <a:bodyPr/>
          <a:lstStyle/>
          <a:p>
            <a:fld id="{37EF5067-3AB7-4642-9103-42CBD40CC6D9}" type="slidenum">
              <a:rPr kumimoji="1" lang="ja-JP" altLang="en-US" smtClean="0"/>
              <a:pPr/>
              <a:t>51</a:t>
            </a:fld>
            <a:endParaRPr kumimoji="1" lang="ja-JP" altLang="en-US" dirty="0"/>
          </a:p>
        </p:txBody>
      </p:sp>
    </p:spTree>
    <p:extLst>
      <p:ext uri="{BB962C8B-B14F-4D97-AF65-F5344CB8AC3E}">
        <p14:creationId xmlns:p14="http://schemas.microsoft.com/office/powerpoint/2010/main" val="110637479"/>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0393" y="-21355"/>
            <a:ext cx="9673075" cy="384721"/>
          </a:xfrm>
          <a:prstGeom prst="rect">
            <a:avLst/>
          </a:prstGeom>
          <a:noFill/>
        </p:spPr>
        <p:txBody>
          <a:bodyPr wrap="square" rtlCol="0">
            <a:spAutoFit/>
          </a:bodyPr>
          <a:lstStyle/>
          <a:p>
            <a:r>
              <a:rPr lang="ja-JP" altLang="en-US" dirty="0" smtClean="0"/>
              <a:t>大阪市</a:t>
            </a:r>
            <a:r>
              <a:rPr kumimoji="1" lang="ja-JP" altLang="en-US" dirty="0" smtClean="0"/>
              <a:t>での取組み</a:t>
            </a:r>
            <a:endParaRPr kumimoji="1" lang="en-US" altLang="ja-JP" dirty="0" smtClean="0"/>
          </a:p>
        </p:txBody>
      </p:sp>
      <p:sp>
        <p:nvSpPr>
          <p:cNvPr id="5" name="正方形/長方形 4"/>
          <p:cNvSpPr/>
          <p:nvPr/>
        </p:nvSpPr>
        <p:spPr>
          <a:xfrm>
            <a:off x="272480" y="548680"/>
            <a:ext cx="1872208" cy="2633432"/>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marL="92075" indent="-92075"/>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女性の活躍促進は、男女共同参画の課題の一つにすぎなかった。</a:t>
            </a:r>
            <a:endParaRPr lang="en-US" altLang="ja-JP" sz="1200" dirty="0" smtClean="0">
              <a:solidFill>
                <a:srgbClr val="FF0000"/>
              </a:solidFill>
              <a:latin typeface="ＭＳ Ｐ明朝" pitchFamily="18" charset="-128"/>
              <a:ea typeface="ＭＳ Ｐ明朝" pitchFamily="18" charset="-128"/>
              <a:cs typeface="Meiryo UI" panose="020B0604030504040204" pitchFamily="50" charset="-128"/>
            </a:endParaRPr>
          </a:p>
          <a:p>
            <a:pPr marL="92075" indent="-92075"/>
            <a:endParaRPr lang="en-US" altLang="ja-JP" sz="1200" dirty="0">
              <a:solidFill>
                <a:schemeClr val="tx1"/>
              </a:solidFill>
              <a:latin typeface="ＭＳ Ｐ明朝" pitchFamily="18" charset="-128"/>
              <a:ea typeface="ＭＳ Ｐ明朝" pitchFamily="18" charset="-128"/>
              <a:cs typeface="Meiryo UI" panose="020B0604030504040204" pitchFamily="50" charset="-128"/>
            </a:endParaRPr>
          </a:p>
          <a:p>
            <a:pPr marL="92075" indent="-92075"/>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これまでも男女共同参画推進本部において各所属横断的に関連施策の取りまとめを行っていたが、強力な推進体制とはなり得ていなかった。</a:t>
            </a:r>
            <a:endParaRPr lang="en-US" altLang="ja-JP" sz="1200" dirty="0" smtClean="0">
              <a:solidFill>
                <a:schemeClr val="tx1"/>
              </a:solidFill>
              <a:latin typeface="ＭＳ Ｐ明朝" pitchFamily="18" charset="-128"/>
              <a:ea typeface="ＭＳ Ｐ明朝" pitchFamily="18" charset="-128"/>
              <a:cs typeface="Meiryo UI" panose="020B0604030504040204" pitchFamily="50" charset="-128"/>
            </a:endParaRPr>
          </a:p>
        </p:txBody>
      </p:sp>
      <p:sp>
        <p:nvSpPr>
          <p:cNvPr id="6" name="正方形/長方形 5"/>
          <p:cNvSpPr/>
          <p:nvPr/>
        </p:nvSpPr>
        <p:spPr>
          <a:xfrm>
            <a:off x="2466110" y="346511"/>
            <a:ext cx="7309136" cy="2840035"/>
          </a:xfrm>
          <a:prstGeom prst="rect">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85725" indent="-85725"/>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副市長をトップとした「女性の活躍促進プロジェクトチーム</a:t>
            </a:r>
            <a:r>
              <a:rPr lang="ja-JP" altLang="en-US" sz="1200" dirty="0">
                <a:solidFill>
                  <a:schemeClr val="tx1"/>
                </a:solidFill>
                <a:latin typeface="ＭＳ Ｐ明朝" pitchFamily="18" charset="-128"/>
                <a:ea typeface="ＭＳ Ｐ明朝" pitchFamily="18" charset="-128"/>
                <a:cs typeface="Meiryo UI" panose="020B0604030504040204" pitchFamily="50" charset="-128"/>
              </a:rPr>
              <a:t>」を立ち上げ</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庁内体制および関係機関、団体等との連携を推進（</a:t>
            </a:r>
            <a:r>
              <a:rPr lang="en-US" altLang="ja-JP" sz="1200" dirty="0" smtClean="0">
                <a:solidFill>
                  <a:schemeClr val="tx1"/>
                </a:solidFill>
                <a:latin typeface="ＭＳ Ｐ明朝" pitchFamily="18" charset="-128"/>
                <a:ea typeface="ＭＳ Ｐ明朝" pitchFamily="18" charset="-128"/>
                <a:cs typeface="Meiryo UI" panose="020B0604030504040204" pitchFamily="50" charset="-128"/>
              </a:rPr>
              <a:t>2013</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年</a:t>
            </a:r>
            <a:r>
              <a:rPr lang="en-US" altLang="ja-JP" sz="1200" dirty="0" smtClean="0">
                <a:solidFill>
                  <a:schemeClr val="tx1"/>
                </a:solidFill>
                <a:latin typeface="ＭＳ Ｐ明朝" pitchFamily="18" charset="-128"/>
                <a:ea typeface="ＭＳ Ｐ明朝" pitchFamily="18" charset="-128"/>
                <a:cs typeface="Meiryo UI" panose="020B0604030504040204" pitchFamily="50" charset="-128"/>
              </a:rPr>
              <a:t>7</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月</a:t>
            </a:r>
            <a:r>
              <a:rPr lang="ja-JP" altLang="en-US" sz="1200" dirty="0">
                <a:solidFill>
                  <a:schemeClr val="tx1"/>
                </a:solidFill>
                <a:latin typeface="ＭＳ Ｐ明朝" pitchFamily="18" charset="-128"/>
                <a:ea typeface="ＭＳ Ｐ明朝" pitchFamily="18" charset="-128"/>
                <a:cs typeface="Meiryo UI" panose="020B0604030504040204" pitchFamily="50" charset="-128"/>
              </a:rPr>
              <a:t>～</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a:t>
            </a:r>
            <a:endParaRPr lang="en-US" altLang="ja-JP" sz="1200" dirty="0" smtClean="0">
              <a:solidFill>
                <a:schemeClr val="tx1"/>
              </a:solidFill>
              <a:latin typeface="ＭＳ Ｐ明朝" pitchFamily="18" charset="-128"/>
              <a:ea typeface="ＭＳ Ｐ明朝" pitchFamily="18" charset="-128"/>
              <a:cs typeface="Meiryo UI" panose="020B0604030504040204" pitchFamily="50" charset="-128"/>
            </a:endParaRPr>
          </a:p>
          <a:p>
            <a:pPr marL="85725" indent="-85725"/>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経済団体</a:t>
            </a:r>
            <a:r>
              <a:rPr lang="en-US" altLang="ja-JP" sz="1200" dirty="0" smtClean="0">
                <a:solidFill>
                  <a:schemeClr val="tx1"/>
                </a:solidFill>
                <a:latin typeface="ＭＳ Ｐ明朝" pitchFamily="18" charset="-128"/>
                <a:ea typeface="ＭＳ Ｐ明朝" pitchFamily="18" charset="-128"/>
                <a:cs typeface="Meiryo UI" panose="020B0604030504040204" pitchFamily="50" charset="-128"/>
              </a:rPr>
              <a:t>(</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大商</a:t>
            </a:r>
            <a:r>
              <a:rPr lang="en-US" altLang="ja-JP" sz="1200" dirty="0" smtClean="0">
                <a:solidFill>
                  <a:schemeClr val="tx1"/>
                </a:solidFill>
                <a:latin typeface="ＭＳ Ｐ明朝" pitchFamily="18" charset="-128"/>
                <a:ea typeface="ＭＳ Ｐ明朝" pitchFamily="18" charset="-128"/>
                <a:cs typeface="Meiryo UI" panose="020B0604030504040204" pitchFamily="50" charset="-128"/>
              </a:rPr>
              <a:t>)</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や男女いきいき財団と一体となった女性の活躍加速化事業</a:t>
            </a:r>
            <a:r>
              <a:rPr lang="en-US" altLang="ja-JP" sz="1200" dirty="0" smtClean="0">
                <a:solidFill>
                  <a:schemeClr val="tx1"/>
                </a:solidFill>
                <a:latin typeface="ＭＳ Ｐ明朝" pitchFamily="18" charset="-128"/>
                <a:ea typeface="ＭＳ Ｐ明朝" pitchFamily="18" charset="-128"/>
                <a:cs typeface="Meiryo UI" panose="020B0604030504040204" pitchFamily="50" charset="-128"/>
              </a:rPr>
              <a:t>(2014</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年８月</a:t>
            </a:r>
            <a:r>
              <a:rPr lang="en-US" altLang="ja-JP" sz="1200" dirty="0" smtClean="0">
                <a:solidFill>
                  <a:schemeClr val="tx1"/>
                </a:solidFill>
                <a:latin typeface="ＭＳ Ｐ明朝" pitchFamily="18" charset="-128"/>
                <a:ea typeface="ＭＳ Ｐ明朝" pitchFamily="18" charset="-128"/>
                <a:cs typeface="Meiryo UI" panose="020B0604030504040204" pitchFamily="50" charset="-128"/>
              </a:rPr>
              <a:t>)</a:t>
            </a:r>
          </a:p>
          <a:p>
            <a:pPr marL="85725" indent="-85725"/>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　</a:t>
            </a:r>
            <a:r>
              <a:rPr lang="en-US" altLang="ja-JP" sz="1200" dirty="0" smtClean="0">
                <a:solidFill>
                  <a:schemeClr val="tx1"/>
                </a:solidFill>
                <a:latin typeface="ＭＳ Ｐ明朝" pitchFamily="18" charset="-128"/>
                <a:ea typeface="ＭＳ Ｐ明朝" pitchFamily="18" charset="-128"/>
                <a:cs typeface="Meiryo UI" panose="020B0604030504040204" pitchFamily="50" charset="-128"/>
              </a:rPr>
              <a:t>※</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女性の活躍促進に行政・地域の支援機関・経済団体が一体的に具体事業に取り組むのは全国的にも珍しい</a:t>
            </a:r>
            <a:endParaRPr lang="en-US" altLang="ja-JP" sz="1200" dirty="0" smtClean="0">
              <a:solidFill>
                <a:schemeClr val="tx1"/>
              </a:solidFill>
              <a:latin typeface="ＭＳ Ｐ明朝" pitchFamily="18" charset="-128"/>
              <a:ea typeface="ＭＳ Ｐ明朝" pitchFamily="18" charset="-128"/>
              <a:cs typeface="Meiryo UI" panose="020B0604030504040204" pitchFamily="50" charset="-128"/>
            </a:endParaRPr>
          </a:p>
          <a:p>
            <a:pPr marL="85725" indent="-85725"/>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a:t>
            </a:r>
            <a:r>
              <a:rPr lang="en-US" altLang="ja-JP" sz="1200" dirty="0" smtClean="0">
                <a:solidFill>
                  <a:schemeClr val="tx1"/>
                </a:solidFill>
                <a:latin typeface="ＭＳ Ｐ明朝" pitchFamily="18" charset="-128"/>
                <a:ea typeface="ＭＳ Ｐ明朝" pitchFamily="18" charset="-128"/>
                <a:cs typeface="Meiryo UI" panose="020B0604030504040204" pitchFamily="50" charset="-128"/>
              </a:rPr>
              <a:t>2014</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年度からの</a:t>
            </a:r>
            <a:r>
              <a:rPr lang="en-US" altLang="ja-JP" sz="1200" dirty="0" smtClean="0">
                <a:solidFill>
                  <a:schemeClr val="tx1"/>
                </a:solidFill>
                <a:latin typeface="ＭＳ Ｐ明朝" pitchFamily="18" charset="-128"/>
                <a:ea typeface="ＭＳ Ｐ明朝" pitchFamily="18" charset="-128"/>
                <a:cs typeface="Meiryo UI" panose="020B0604030504040204" pitchFamily="50" charset="-128"/>
              </a:rPr>
              <a:t>3</a:t>
            </a:r>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年間を計画期間とした「大阪市女性の活躍促進アクションプラン」の策定を進めるとともに、それに先駆け、女性施策や子育て施策へ重点的に予算を投入。</a:t>
            </a:r>
            <a:endParaRPr lang="en-US" altLang="ja-JP" sz="1200" dirty="0" smtClean="0">
              <a:solidFill>
                <a:schemeClr val="tx1"/>
              </a:solidFill>
              <a:latin typeface="ＭＳ Ｐ明朝" pitchFamily="18" charset="-128"/>
              <a:ea typeface="ＭＳ Ｐ明朝" pitchFamily="18" charset="-128"/>
              <a:cs typeface="Meiryo UI" panose="020B0604030504040204" pitchFamily="50" charset="-128"/>
            </a:endParaRPr>
          </a:p>
          <a:p>
            <a:pPr>
              <a:spcBef>
                <a:spcPts val="600"/>
              </a:spcBef>
            </a:pPr>
            <a:r>
              <a:rPr lang="ja-JP" altLang="en-US" sz="1200" dirty="0" smtClean="0">
                <a:solidFill>
                  <a:schemeClr val="tx1"/>
                </a:solidFill>
                <a:latin typeface="+mj-ea"/>
                <a:ea typeface="+mj-ea"/>
                <a:cs typeface="Meiryo UI" panose="020B0604030504040204" pitchFamily="50" charset="-128"/>
              </a:rPr>
              <a:t>　</a:t>
            </a:r>
            <a:r>
              <a:rPr lang="en-US" altLang="ja-JP" sz="1200" dirty="0" smtClean="0">
                <a:solidFill>
                  <a:schemeClr val="tx1"/>
                </a:solidFill>
                <a:latin typeface="+mj-ea"/>
                <a:ea typeface="+mj-ea"/>
                <a:cs typeface="Meiryo UI" panose="020B0604030504040204" pitchFamily="50" charset="-128"/>
              </a:rPr>
              <a:t>【</a:t>
            </a:r>
            <a:r>
              <a:rPr lang="ja-JP" altLang="en-US" sz="1200" dirty="0">
                <a:solidFill>
                  <a:schemeClr val="tx1"/>
                </a:solidFill>
                <a:latin typeface="+mj-ea"/>
                <a:ea typeface="+mj-ea"/>
                <a:cs typeface="Meiryo UI" panose="020B0604030504040204" pitchFamily="50" charset="-128"/>
              </a:rPr>
              <a:t>大阪市女性</a:t>
            </a:r>
            <a:r>
              <a:rPr lang="ja-JP" altLang="en-US" sz="1200" dirty="0" smtClean="0">
                <a:solidFill>
                  <a:schemeClr val="tx1"/>
                </a:solidFill>
                <a:latin typeface="+mj-ea"/>
                <a:ea typeface="+mj-ea"/>
                <a:cs typeface="Meiryo UI" panose="020B0604030504040204" pitchFamily="50" charset="-128"/>
              </a:rPr>
              <a:t>の活躍促進アクションプランの柱</a:t>
            </a:r>
            <a:r>
              <a:rPr lang="en-US" altLang="ja-JP" sz="1200" dirty="0" smtClean="0">
                <a:solidFill>
                  <a:schemeClr val="tx1"/>
                </a:solidFill>
                <a:latin typeface="+mj-ea"/>
                <a:ea typeface="+mj-ea"/>
                <a:cs typeface="Meiryo UI" panose="020B0604030504040204" pitchFamily="50" charset="-128"/>
              </a:rPr>
              <a:t>】</a:t>
            </a:r>
          </a:p>
          <a:p>
            <a:r>
              <a:rPr lang="ja-JP" altLang="en-US" sz="1200" dirty="0" smtClean="0">
                <a:solidFill>
                  <a:schemeClr val="tx1"/>
                </a:solidFill>
                <a:latin typeface="ＭＳ Ｐ明朝" pitchFamily="18" charset="-128"/>
                <a:ea typeface="ＭＳ Ｐ明朝" pitchFamily="18" charset="-128"/>
                <a:cs typeface="Meiryo UI" panose="020B0604030504040204" pitchFamily="50" charset="-128"/>
              </a:rPr>
              <a:t>　－　女性が働きつづけられるまち</a:t>
            </a:r>
            <a:endParaRPr lang="en-US" altLang="ja-JP" sz="1200" dirty="0" smtClean="0">
              <a:solidFill>
                <a:schemeClr val="tx1"/>
              </a:solidFill>
              <a:latin typeface="ＭＳ Ｐ明朝" pitchFamily="18" charset="-128"/>
              <a:ea typeface="ＭＳ Ｐ明朝" pitchFamily="18" charset="-128"/>
              <a:cs typeface="Meiryo UI" panose="020B0604030504040204" pitchFamily="50" charset="-128"/>
            </a:endParaRPr>
          </a:p>
          <a:p>
            <a:r>
              <a:rPr lang="ja-JP" altLang="en-US" sz="1100" dirty="0" smtClean="0">
                <a:solidFill>
                  <a:schemeClr val="tx1"/>
                </a:solidFill>
                <a:latin typeface="ＭＳ Ｐ明朝" pitchFamily="18" charset="-128"/>
                <a:ea typeface="ＭＳ Ｐ明朝" pitchFamily="18" charset="-128"/>
                <a:cs typeface="Meiryo UI" panose="020B0604030504040204" pitchFamily="50" charset="-128"/>
              </a:rPr>
              <a:t>　　　　　女性が結婚や出産を機に離職することがなく、また、一旦離職しても再チャレンジが可能であり、男女がともに</a:t>
            </a:r>
            <a:endParaRPr lang="en-US" altLang="ja-JP" sz="1100" dirty="0" smtClean="0">
              <a:solidFill>
                <a:schemeClr val="tx1"/>
              </a:solidFill>
              <a:latin typeface="ＭＳ Ｐ明朝" pitchFamily="18" charset="-128"/>
              <a:ea typeface="ＭＳ Ｐ明朝" pitchFamily="18" charset="-128"/>
              <a:cs typeface="Meiryo UI" panose="020B0604030504040204" pitchFamily="50" charset="-128"/>
            </a:endParaRPr>
          </a:p>
          <a:p>
            <a:r>
              <a:rPr lang="en-US" altLang="ja-JP" sz="1100" dirty="0" smtClean="0">
                <a:solidFill>
                  <a:schemeClr val="tx1"/>
                </a:solidFill>
                <a:latin typeface="ＭＳ Ｐ明朝" pitchFamily="18" charset="-128"/>
                <a:ea typeface="ＭＳ Ｐ明朝" pitchFamily="18" charset="-128"/>
                <a:cs typeface="Meiryo UI" panose="020B0604030504040204" pitchFamily="50" charset="-128"/>
              </a:rPr>
              <a:t>          </a:t>
            </a:r>
            <a:r>
              <a:rPr lang="ja-JP" altLang="en-US" sz="1100" dirty="0" smtClean="0">
                <a:solidFill>
                  <a:schemeClr val="tx1"/>
                </a:solidFill>
                <a:latin typeface="ＭＳ Ｐ明朝" pitchFamily="18" charset="-128"/>
                <a:ea typeface="ＭＳ Ｐ明朝" pitchFamily="18" charset="-128"/>
                <a:cs typeface="Meiryo UI" panose="020B0604030504040204" pitchFamily="50" charset="-128"/>
              </a:rPr>
              <a:t>子育てや介護を担いながら、多様な生き方を選択でき、働きつづけられる。</a:t>
            </a:r>
            <a:endParaRPr lang="en-US" altLang="ja-JP" sz="1100" dirty="0" smtClean="0">
              <a:solidFill>
                <a:schemeClr val="tx1"/>
              </a:solidFill>
              <a:latin typeface="ＭＳ Ｐ明朝" pitchFamily="18" charset="-128"/>
              <a:ea typeface="ＭＳ Ｐ明朝" pitchFamily="18" charset="-128"/>
              <a:cs typeface="Meiryo UI" pitchFamily="50" charset="-128"/>
            </a:endParaRPr>
          </a:p>
          <a:p>
            <a:r>
              <a:rPr lang="ja-JP" altLang="en-US" sz="1100" dirty="0" smtClean="0">
                <a:solidFill>
                  <a:schemeClr val="tx1"/>
                </a:solidFill>
                <a:latin typeface="ＭＳ Ｐ明朝" pitchFamily="18" charset="-128"/>
                <a:ea typeface="ＭＳ Ｐ明朝" pitchFamily="18" charset="-128"/>
                <a:cs typeface="Meiryo UI" pitchFamily="50" charset="-128"/>
              </a:rPr>
              <a:t>　</a:t>
            </a:r>
            <a:r>
              <a:rPr lang="ja-JP" altLang="en-US" sz="1200" dirty="0" smtClean="0">
                <a:solidFill>
                  <a:schemeClr val="tx1"/>
                </a:solidFill>
                <a:latin typeface="ＭＳ Ｐ明朝" pitchFamily="18" charset="-128"/>
                <a:ea typeface="ＭＳ Ｐ明朝" pitchFamily="18" charset="-128"/>
                <a:cs typeface="Meiryo UI" pitchFamily="50" charset="-128"/>
              </a:rPr>
              <a:t>－　活躍したい女性が希望をもてるまち</a:t>
            </a:r>
            <a:endParaRPr lang="en-US" altLang="ja-JP" sz="1050" dirty="0" smtClean="0">
              <a:solidFill>
                <a:schemeClr val="tx1"/>
              </a:solidFill>
              <a:latin typeface="ＭＳ Ｐ明朝" pitchFamily="18" charset="-128"/>
              <a:ea typeface="ＭＳ Ｐ明朝" pitchFamily="18" charset="-128"/>
              <a:cs typeface="Meiryo UI" panose="020B0604030504040204" pitchFamily="50" charset="-128"/>
            </a:endParaRPr>
          </a:p>
          <a:p>
            <a:r>
              <a:rPr lang="ja-JP" altLang="en-US" sz="1050" dirty="0" smtClean="0">
                <a:solidFill>
                  <a:schemeClr val="tx1"/>
                </a:solidFill>
                <a:latin typeface="ＭＳ Ｐ明朝" pitchFamily="18" charset="-128"/>
                <a:ea typeface="ＭＳ Ｐ明朝" pitchFamily="18" charset="-128"/>
                <a:cs typeface="Meiryo UI" panose="020B0604030504040204" pitchFamily="50" charset="-128"/>
              </a:rPr>
              <a:t>　　　　　若者たちに、将来を考え可能性を広げられる機会があり、働く女性に、やりがいや充実感を感じながら働くとともに</a:t>
            </a:r>
            <a:endParaRPr lang="en-US" altLang="ja-JP" sz="1050" dirty="0" smtClean="0">
              <a:solidFill>
                <a:schemeClr val="tx1"/>
              </a:solidFill>
              <a:latin typeface="ＭＳ Ｐ明朝" pitchFamily="18" charset="-128"/>
              <a:ea typeface="ＭＳ Ｐ明朝" pitchFamily="18" charset="-128"/>
              <a:cs typeface="Meiryo UI" pitchFamily="50" charset="-128"/>
            </a:endParaRPr>
          </a:p>
          <a:p>
            <a:r>
              <a:rPr lang="en-US" altLang="ja-JP" sz="1050" dirty="0" smtClean="0">
                <a:solidFill>
                  <a:schemeClr val="tx1"/>
                </a:solidFill>
                <a:latin typeface="ＭＳ Ｐ明朝" pitchFamily="18" charset="-128"/>
                <a:ea typeface="ＭＳ Ｐ明朝" pitchFamily="18" charset="-128"/>
                <a:cs typeface="Meiryo UI" pitchFamily="50" charset="-128"/>
              </a:rPr>
              <a:t>          </a:t>
            </a:r>
            <a:r>
              <a:rPr lang="ja-JP" altLang="en-US" sz="1050" dirty="0" smtClean="0">
                <a:solidFill>
                  <a:schemeClr val="tx1"/>
                </a:solidFill>
                <a:latin typeface="ＭＳ Ｐ明朝" pitchFamily="18" charset="-128"/>
                <a:ea typeface="ＭＳ Ｐ明朝" pitchFamily="18" charset="-128"/>
                <a:cs typeface="Meiryo UI" pitchFamily="50" charset="-128"/>
              </a:rPr>
              <a:t>キャリアアップの機会があり、地域や職場で指導的地位をめざす女性が増える。</a:t>
            </a:r>
            <a:endParaRPr lang="en-US" altLang="ja-JP" sz="1200" dirty="0" smtClean="0">
              <a:solidFill>
                <a:schemeClr val="tx1"/>
              </a:solidFill>
              <a:latin typeface="ＭＳ Ｐ明朝" pitchFamily="18" charset="-128"/>
              <a:ea typeface="ＭＳ Ｐ明朝" pitchFamily="18" charset="-128"/>
              <a:cs typeface="Meiryo UI" pitchFamily="50" charset="-128"/>
            </a:endParaRPr>
          </a:p>
          <a:p>
            <a:r>
              <a:rPr lang="ja-JP" altLang="en-US" sz="1200" dirty="0" smtClean="0">
                <a:solidFill>
                  <a:schemeClr val="tx1"/>
                </a:solidFill>
                <a:latin typeface="ＭＳ Ｐ明朝" pitchFamily="18" charset="-128"/>
                <a:ea typeface="ＭＳ Ｐ明朝" pitchFamily="18" charset="-128"/>
                <a:cs typeface="Meiryo UI" pitchFamily="50" charset="-128"/>
              </a:rPr>
              <a:t>　－　地域で女性がいきいきと輝いているまち</a:t>
            </a:r>
          </a:p>
          <a:p>
            <a:r>
              <a:rPr lang="ja-JP" altLang="en-US" sz="1200" dirty="0">
                <a:solidFill>
                  <a:schemeClr val="tx1"/>
                </a:solidFill>
                <a:latin typeface="ＭＳ Ｐ明朝" pitchFamily="18" charset="-128"/>
                <a:ea typeface="ＭＳ Ｐ明朝" pitchFamily="18" charset="-128"/>
                <a:cs typeface="Meiryo UI" pitchFamily="50" charset="-128"/>
              </a:rPr>
              <a:t>　　　　　</a:t>
            </a:r>
            <a:r>
              <a:rPr lang="ja-JP" altLang="en-US" sz="1100" dirty="0">
                <a:solidFill>
                  <a:schemeClr val="tx1"/>
                </a:solidFill>
                <a:latin typeface="ＭＳ Ｐ明朝" pitchFamily="18" charset="-128"/>
                <a:ea typeface="ＭＳ Ｐ明朝" pitchFamily="18" charset="-128"/>
                <a:cs typeface="Meiryo UI" pitchFamily="50" charset="-128"/>
              </a:rPr>
              <a:t>地域社会のさまざまな場面で、女性ならではの視点が反映され、いきいきと活躍できる。</a:t>
            </a:r>
            <a:endParaRPr lang="ja-JP" altLang="en-US" sz="1100" dirty="0" smtClean="0">
              <a:solidFill>
                <a:schemeClr val="tx1"/>
              </a:solidFill>
              <a:latin typeface="ＭＳ Ｐ明朝" pitchFamily="18" charset="-128"/>
              <a:ea typeface="ＭＳ Ｐ明朝" pitchFamily="18" charset="-128"/>
              <a:cs typeface="Meiryo UI" pitchFamily="50" charset="-128"/>
            </a:endParaRPr>
          </a:p>
          <a:p>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7" name="Rectangle 2"/>
          <p:cNvSpPr txBox="1">
            <a:spLocks noChangeArrowheads="1"/>
          </p:cNvSpPr>
          <p:nvPr/>
        </p:nvSpPr>
        <p:spPr bwMode="auto">
          <a:xfrm>
            <a:off x="272480" y="332656"/>
            <a:ext cx="1872208" cy="224620"/>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en-US" altLang="ja-JP" sz="1200" dirty="0" smtClean="0">
                <a:solidFill>
                  <a:schemeClr val="bg1"/>
                </a:solidFill>
                <a:latin typeface="ＭＳ ゴシック" pitchFamily="49" charset="-128"/>
                <a:ea typeface="ＭＳ ゴシック" pitchFamily="49" charset="-128"/>
              </a:rPr>
              <a:t> </a:t>
            </a:r>
            <a:r>
              <a:rPr lang="ja-JP" altLang="en-US" sz="1200" dirty="0" smtClean="0">
                <a:solidFill>
                  <a:schemeClr val="bg1"/>
                </a:solidFill>
                <a:latin typeface="ＭＳ ゴシック" pitchFamily="49" charset="-128"/>
                <a:ea typeface="ＭＳ ゴシック" pitchFamily="49" charset="-128"/>
              </a:rPr>
              <a:t>これまでの課題</a:t>
            </a:r>
            <a:endParaRPr lang="en-US" altLang="ja-JP" sz="1200" dirty="0" smtClean="0">
              <a:solidFill>
                <a:schemeClr val="bg1"/>
              </a:solidFill>
              <a:latin typeface="ＭＳ ゴシック" pitchFamily="49" charset="-128"/>
              <a:ea typeface="ＭＳ ゴシック" pitchFamily="49" charset="-128"/>
            </a:endParaRPr>
          </a:p>
        </p:txBody>
      </p:sp>
      <p:sp>
        <p:nvSpPr>
          <p:cNvPr id="8" name="Rectangle 2"/>
          <p:cNvSpPr txBox="1">
            <a:spLocks noChangeArrowheads="1"/>
          </p:cNvSpPr>
          <p:nvPr/>
        </p:nvSpPr>
        <p:spPr bwMode="auto">
          <a:xfrm>
            <a:off x="2466110" y="130487"/>
            <a:ext cx="7309136" cy="216024"/>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ja-JP" altLang="en-US" sz="1200" dirty="0" smtClean="0">
                <a:solidFill>
                  <a:schemeClr val="bg1"/>
                </a:solidFill>
                <a:latin typeface="ＭＳ ゴシック" pitchFamily="49" charset="-128"/>
                <a:ea typeface="ＭＳ ゴシック" pitchFamily="49" charset="-128"/>
              </a:rPr>
              <a:t>課題に対する方向性等</a:t>
            </a:r>
            <a:endParaRPr lang="en-US" altLang="ja-JP" sz="1200" dirty="0" smtClean="0">
              <a:solidFill>
                <a:schemeClr val="bg1"/>
              </a:solidFill>
              <a:latin typeface="ＭＳ ゴシック" pitchFamily="49" charset="-128"/>
              <a:ea typeface="ＭＳ ゴシック" pitchFamily="49" charset="-128"/>
            </a:endParaRPr>
          </a:p>
        </p:txBody>
      </p:sp>
      <p:sp>
        <p:nvSpPr>
          <p:cNvPr id="9" name="右矢印 8"/>
          <p:cNvSpPr/>
          <p:nvPr/>
        </p:nvSpPr>
        <p:spPr>
          <a:xfrm>
            <a:off x="2244435" y="1124744"/>
            <a:ext cx="151745" cy="1440160"/>
          </a:xfrm>
          <a:prstGeom prst="rightArrow">
            <a:avLst/>
          </a:prstGeom>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endParaRPr kumimoji="1" lang="ja-JP" altLang="en-US"/>
          </a:p>
        </p:txBody>
      </p:sp>
      <p:graphicFrame>
        <p:nvGraphicFramePr>
          <p:cNvPr id="17" name="表 16"/>
          <p:cNvGraphicFramePr>
            <a:graphicFrameLocks noGrp="1"/>
          </p:cNvGraphicFramePr>
          <p:nvPr>
            <p:extLst>
              <p:ext uri="{D42A27DB-BD31-4B8C-83A1-F6EECF244321}">
                <p14:modId xmlns:p14="http://schemas.microsoft.com/office/powerpoint/2010/main" val="1385384445"/>
              </p:ext>
            </p:extLst>
          </p:nvPr>
        </p:nvGraphicFramePr>
        <p:xfrm>
          <a:off x="272480" y="3520440"/>
          <a:ext cx="9505056" cy="3337560"/>
        </p:xfrm>
        <a:graphic>
          <a:graphicData uri="http://schemas.openxmlformats.org/drawingml/2006/table">
            <a:tbl>
              <a:tblPr firstRow="1" bandRow="1">
                <a:tableStyleId>{5940675A-B579-460E-94D1-54222C63F5DA}</a:tableStyleId>
              </a:tblPr>
              <a:tblGrid>
                <a:gridCol w="1872208"/>
                <a:gridCol w="7632848"/>
              </a:tblGrid>
              <a:tr h="412616">
                <a:tc>
                  <a:txBody>
                    <a:bodyPr/>
                    <a:lstStyle/>
                    <a:p>
                      <a:r>
                        <a:rPr kumimoji="1" lang="ja-JP" altLang="en-US" sz="1400" dirty="0" smtClean="0">
                          <a:solidFill>
                            <a:schemeClr val="tx1"/>
                          </a:solidFill>
                          <a:latin typeface="Meiryo UI" pitchFamily="50" charset="-128"/>
                          <a:ea typeface="Meiryo UI" pitchFamily="50" charset="-128"/>
                          <a:cs typeface="Meiryo UI" pitchFamily="50" charset="-128"/>
                        </a:rPr>
                        <a:t>子育て支援</a:t>
                      </a:r>
                      <a:endParaRPr kumimoji="1" lang="en-US" altLang="ja-JP" sz="1400" dirty="0" smtClean="0">
                        <a:solidFill>
                          <a:schemeClr val="tx1"/>
                        </a:solidFill>
                        <a:latin typeface="Meiryo UI" pitchFamily="50" charset="-128"/>
                        <a:ea typeface="Meiryo UI" pitchFamily="50" charset="-128"/>
                        <a:cs typeface="Meiryo UI" pitchFamily="50" charset="-128"/>
                      </a:endParaRPr>
                    </a:p>
                    <a:p>
                      <a:r>
                        <a:rPr kumimoji="1" lang="ja-JP" altLang="en-US" sz="1400" dirty="0" smtClean="0">
                          <a:solidFill>
                            <a:schemeClr val="tx1"/>
                          </a:solidFill>
                          <a:latin typeface="Meiryo UI" pitchFamily="50" charset="-128"/>
                          <a:ea typeface="Meiryo UI" pitchFamily="50" charset="-128"/>
                          <a:cs typeface="Meiryo UI" pitchFamily="50" charset="-128"/>
                        </a:rPr>
                        <a:t>　</a:t>
                      </a:r>
                      <a:endParaRPr kumimoji="1" lang="ja-JP" altLang="en-US" sz="1400" strike="dblStrike" baseline="0" dirty="0">
                        <a:solidFill>
                          <a:srgbClr val="FF0000"/>
                        </a:solidFill>
                        <a:latin typeface="MingLiU" pitchFamily="49" charset="-120"/>
                        <a:ea typeface="MingLiU" pitchFamily="49" charset="-120"/>
                        <a:cs typeface="Meiryo UI" pitchFamily="50" charset="-128"/>
                      </a:endParaRPr>
                    </a:p>
                  </a:txBody>
                  <a:tcPr marL="99060" marR="99060"/>
                </a:tc>
                <a:tc>
                  <a:txBody>
                    <a:bodyPr/>
                    <a:lstStyle/>
                    <a:p>
                      <a:r>
                        <a:rPr kumimoji="1" lang="ja-JP" altLang="en-US" sz="1200" dirty="0" smtClean="0">
                          <a:solidFill>
                            <a:schemeClr val="tx1"/>
                          </a:solidFill>
                          <a:latin typeface="ＭＳ Ｐ明朝" pitchFamily="18" charset="-128"/>
                          <a:ea typeface="ＭＳ Ｐ明朝" pitchFamily="18" charset="-128"/>
                          <a:cs typeface="Meiryo UI" pitchFamily="50" charset="-128"/>
                        </a:rPr>
                        <a:t>－</a:t>
                      </a:r>
                      <a:r>
                        <a:rPr kumimoji="1" lang="ja-JP" altLang="en-US" sz="1200" baseline="0" dirty="0" smtClean="0">
                          <a:solidFill>
                            <a:schemeClr val="tx1"/>
                          </a:solidFill>
                          <a:latin typeface="ＭＳ Ｐ明朝" pitchFamily="18" charset="-128"/>
                          <a:ea typeface="ＭＳ Ｐ明朝" pitchFamily="18" charset="-128"/>
                          <a:cs typeface="Meiryo UI" pitchFamily="50" charset="-128"/>
                        </a:rPr>
                        <a:t> </a:t>
                      </a:r>
                      <a:r>
                        <a:rPr kumimoji="1" lang="ja-JP" altLang="en-US" sz="1200" dirty="0" smtClean="0">
                          <a:solidFill>
                            <a:schemeClr val="tx1"/>
                          </a:solidFill>
                          <a:latin typeface="ＭＳ Ｐ明朝" pitchFamily="18" charset="-128"/>
                          <a:ea typeface="ＭＳ Ｐ明朝" pitchFamily="18" charset="-128"/>
                          <a:cs typeface="Meiryo UI" pitchFamily="50" charset="-128"/>
                        </a:rPr>
                        <a:t>待機児童対策　</a:t>
                      </a:r>
                      <a:r>
                        <a:rPr kumimoji="1" lang="en-US" altLang="ja-JP" sz="1200" dirty="0" smtClean="0">
                          <a:solidFill>
                            <a:schemeClr val="tx1"/>
                          </a:solidFill>
                          <a:latin typeface="ＭＳ Ｐ明朝" pitchFamily="18" charset="-128"/>
                          <a:ea typeface="ＭＳ Ｐ明朝" pitchFamily="18" charset="-128"/>
                          <a:cs typeface="Meiryo UI" pitchFamily="50" charset="-128"/>
                        </a:rPr>
                        <a:t>〈2014</a:t>
                      </a:r>
                      <a:r>
                        <a:rPr kumimoji="1" lang="ja-JP" altLang="en-US" sz="1200" dirty="0" smtClean="0">
                          <a:solidFill>
                            <a:schemeClr val="tx1"/>
                          </a:solidFill>
                          <a:latin typeface="ＭＳ Ｐ明朝" pitchFamily="18" charset="-128"/>
                          <a:ea typeface="ＭＳ Ｐ明朝" pitchFamily="18" charset="-128"/>
                          <a:cs typeface="Meiryo UI" pitchFamily="50" charset="-128"/>
                        </a:rPr>
                        <a:t>予算：</a:t>
                      </a:r>
                      <a:r>
                        <a:rPr kumimoji="1" lang="en-US" altLang="ja-JP" sz="1200" dirty="0" smtClean="0">
                          <a:solidFill>
                            <a:schemeClr val="tx1"/>
                          </a:solidFill>
                          <a:latin typeface="ＭＳ Ｐ明朝" pitchFamily="18" charset="-128"/>
                          <a:ea typeface="ＭＳ Ｐ明朝" pitchFamily="18" charset="-128"/>
                          <a:cs typeface="Meiryo UI" pitchFamily="50" charset="-128"/>
                        </a:rPr>
                        <a:t>54</a:t>
                      </a:r>
                      <a:r>
                        <a:rPr kumimoji="1" lang="ja-JP" altLang="en-US" sz="1200" dirty="0" smtClean="0">
                          <a:solidFill>
                            <a:schemeClr val="tx1"/>
                          </a:solidFill>
                          <a:latin typeface="ＭＳ Ｐ明朝" pitchFamily="18" charset="-128"/>
                          <a:ea typeface="ＭＳ Ｐ明朝" pitchFamily="18" charset="-128"/>
                          <a:cs typeface="Meiryo UI" pitchFamily="50" charset="-128"/>
                        </a:rPr>
                        <a:t>億</a:t>
                      </a:r>
                      <a:r>
                        <a:rPr kumimoji="1" lang="en-US" altLang="ja-JP" sz="1200" dirty="0" smtClean="0">
                          <a:solidFill>
                            <a:schemeClr val="tx1"/>
                          </a:solidFill>
                          <a:latin typeface="ＭＳ Ｐ明朝" pitchFamily="18" charset="-128"/>
                          <a:ea typeface="ＭＳ Ｐ明朝" pitchFamily="18" charset="-128"/>
                          <a:cs typeface="Meiryo UI" pitchFamily="50" charset="-128"/>
                        </a:rPr>
                        <a:t>3,900</a:t>
                      </a:r>
                      <a:r>
                        <a:rPr kumimoji="1" lang="ja-JP" altLang="en-US" sz="1200" dirty="0" smtClean="0">
                          <a:solidFill>
                            <a:schemeClr val="tx1"/>
                          </a:solidFill>
                          <a:latin typeface="ＭＳ Ｐ明朝" pitchFamily="18" charset="-128"/>
                          <a:ea typeface="ＭＳ Ｐ明朝" pitchFamily="18" charset="-128"/>
                          <a:cs typeface="Meiryo UI" pitchFamily="50" charset="-128"/>
                        </a:rPr>
                        <a:t>万円</a:t>
                      </a:r>
                      <a:r>
                        <a:rPr kumimoji="1" lang="en-US" altLang="ja-JP" sz="1200" dirty="0" smtClean="0">
                          <a:solidFill>
                            <a:schemeClr val="tx1"/>
                          </a:solidFill>
                          <a:latin typeface="ＭＳ Ｐ明朝" pitchFamily="18" charset="-128"/>
                          <a:ea typeface="ＭＳ Ｐ明朝" pitchFamily="18" charset="-128"/>
                          <a:cs typeface="Meiryo UI" pitchFamily="50" charset="-128"/>
                        </a:rPr>
                        <a:t>〉</a:t>
                      </a:r>
                    </a:p>
                    <a:p>
                      <a:r>
                        <a:rPr kumimoji="1" lang="ja-JP" altLang="en-US" sz="1200" dirty="0" smtClean="0">
                          <a:solidFill>
                            <a:schemeClr val="tx1"/>
                          </a:solidFill>
                          <a:latin typeface="ＭＳ Ｐ明朝" pitchFamily="18" charset="-128"/>
                          <a:ea typeface="ＭＳ Ｐ明朝" pitchFamily="18" charset="-128"/>
                          <a:cs typeface="Meiryo UI" pitchFamily="50" charset="-128"/>
                        </a:rPr>
                        <a:t>－ 病児・病後児保育の充実　</a:t>
                      </a:r>
                      <a:r>
                        <a:rPr kumimoji="1" lang="en-US" altLang="ja-JP" sz="1200" dirty="0" smtClean="0">
                          <a:solidFill>
                            <a:schemeClr val="tx1"/>
                          </a:solidFill>
                          <a:latin typeface="ＭＳ Ｐ明朝" pitchFamily="18" charset="-128"/>
                          <a:ea typeface="ＭＳ Ｐ明朝" pitchFamily="18" charset="-128"/>
                          <a:cs typeface="Meiryo UI" pitchFamily="50" charset="-128"/>
                        </a:rPr>
                        <a:t>〈2014</a:t>
                      </a:r>
                      <a:r>
                        <a:rPr kumimoji="1" lang="ja-JP" altLang="en-US" sz="1200" dirty="0" smtClean="0">
                          <a:solidFill>
                            <a:schemeClr val="tx1"/>
                          </a:solidFill>
                          <a:latin typeface="ＭＳ Ｐ明朝" pitchFamily="18" charset="-128"/>
                          <a:ea typeface="ＭＳ Ｐ明朝" pitchFamily="18" charset="-128"/>
                          <a:cs typeface="Meiryo UI" pitchFamily="50" charset="-128"/>
                        </a:rPr>
                        <a:t>予算：</a:t>
                      </a:r>
                      <a:r>
                        <a:rPr kumimoji="1" lang="en-US" altLang="ja-JP" sz="1200" dirty="0" smtClean="0">
                          <a:solidFill>
                            <a:schemeClr val="tx1"/>
                          </a:solidFill>
                          <a:latin typeface="ＭＳ Ｐ明朝" pitchFamily="18" charset="-128"/>
                          <a:ea typeface="ＭＳ Ｐ明朝" pitchFamily="18" charset="-128"/>
                          <a:cs typeface="Meiryo UI" pitchFamily="50" charset="-128"/>
                        </a:rPr>
                        <a:t>2</a:t>
                      </a:r>
                      <a:r>
                        <a:rPr kumimoji="1" lang="ja-JP" altLang="en-US" sz="1200" dirty="0" smtClean="0">
                          <a:solidFill>
                            <a:schemeClr val="tx1"/>
                          </a:solidFill>
                          <a:latin typeface="ＭＳ Ｐ明朝" pitchFamily="18" charset="-128"/>
                          <a:ea typeface="ＭＳ Ｐ明朝" pitchFamily="18" charset="-128"/>
                          <a:cs typeface="Meiryo UI" pitchFamily="50" charset="-128"/>
                        </a:rPr>
                        <a:t>億</a:t>
                      </a:r>
                      <a:r>
                        <a:rPr kumimoji="1" lang="en-US" altLang="ja-JP" sz="1200" dirty="0" smtClean="0">
                          <a:solidFill>
                            <a:schemeClr val="tx1"/>
                          </a:solidFill>
                          <a:latin typeface="ＭＳ Ｐ明朝" pitchFamily="18" charset="-128"/>
                          <a:ea typeface="ＭＳ Ｐ明朝" pitchFamily="18" charset="-128"/>
                          <a:cs typeface="Meiryo UI" pitchFamily="50" charset="-128"/>
                        </a:rPr>
                        <a:t>4,600</a:t>
                      </a:r>
                      <a:r>
                        <a:rPr kumimoji="1" lang="ja-JP" altLang="en-US" sz="1200" dirty="0" smtClean="0">
                          <a:solidFill>
                            <a:schemeClr val="tx1"/>
                          </a:solidFill>
                          <a:latin typeface="ＭＳ Ｐ明朝" pitchFamily="18" charset="-128"/>
                          <a:ea typeface="ＭＳ Ｐ明朝" pitchFamily="18" charset="-128"/>
                          <a:cs typeface="Meiryo UI" pitchFamily="50" charset="-128"/>
                        </a:rPr>
                        <a:t>万円</a:t>
                      </a:r>
                      <a:r>
                        <a:rPr kumimoji="1" lang="en-US" altLang="ja-JP" sz="1200" dirty="0" smtClean="0">
                          <a:solidFill>
                            <a:schemeClr val="tx1"/>
                          </a:solidFill>
                          <a:latin typeface="ＭＳ Ｐ明朝" pitchFamily="18" charset="-128"/>
                          <a:ea typeface="ＭＳ Ｐ明朝" pitchFamily="18" charset="-128"/>
                          <a:cs typeface="Meiryo UI" pitchFamily="50" charset="-128"/>
                        </a:rPr>
                        <a:t>〉</a:t>
                      </a:r>
                    </a:p>
                    <a:p>
                      <a:r>
                        <a:rPr kumimoji="1" lang="ja-JP" altLang="en-US" sz="1200" dirty="0" smtClean="0">
                          <a:solidFill>
                            <a:schemeClr val="tx1"/>
                          </a:solidFill>
                          <a:latin typeface="ＭＳ Ｐ明朝" pitchFamily="18" charset="-128"/>
                          <a:ea typeface="ＭＳ Ｐ明朝" pitchFamily="18" charset="-128"/>
                          <a:cs typeface="Meiryo UI" pitchFamily="50" charset="-128"/>
                        </a:rPr>
                        <a:t>－ 小学校の放課後事業（活動場所の提供）など　</a:t>
                      </a:r>
                      <a:r>
                        <a:rPr kumimoji="1" lang="en-US" altLang="ja-JP" sz="1200" dirty="0" smtClean="0">
                          <a:solidFill>
                            <a:schemeClr val="tx1"/>
                          </a:solidFill>
                          <a:latin typeface="ＭＳ Ｐ明朝" pitchFamily="18" charset="-128"/>
                          <a:ea typeface="ＭＳ Ｐ明朝" pitchFamily="18" charset="-128"/>
                          <a:cs typeface="Meiryo UI" pitchFamily="50" charset="-128"/>
                        </a:rPr>
                        <a:t>〈2014</a:t>
                      </a:r>
                      <a:r>
                        <a:rPr kumimoji="1" lang="ja-JP" altLang="en-US" sz="1200" dirty="0" smtClean="0">
                          <a:solidFill>
                            <a:schemeClr val="tx1"/>
                          </a:solidFill>
                          <a:latin typeface="ＭＳ Ｐ明朝" pitchFamily="18" charset="-128"/>
                          <a:ea typeface="ＭＳ Ｐ明朝" pitchFamily="18" charset="-128"/>
                          <a:cs typeface="Meiryo UI" pitchFamily="50" charset="-128"/>
                        </a:rPr>
                        <a:t>予算：</a:t>
                      </a:r>
                      <a:r>
                        <a:rPr kumimoji="1" lang="en-US" altLang="ja-JP" sz="1200" dirty="0" smtClean="0">
                          <a:solidFill>
                            <a:schemeClr val="tx1"/>
                          </a:solidFill>
                          <a:latin typeface="ＭＳ Ｐ明朝" pitchFamily="18" charset="-128"/>
                          <a:ea typeface="ＭＳ Ｐ明朝" pitchFamily="18" charset="-128"/>
                          <a:cs typeface="Meiryo UI" pitchFamily="50" charset="-128"/>
                        </a:rPr>
                        <a:t>37</a:t>
                      </a:r>
                      <a:r>
                        <a:rPr kumimoji="1" lang="ja-JP" altLang="en-US" sz="1200" dirty="0" smtClean="0">
                          <a:solidFill>
                            <a:schemeClr val="tx1"/>
                          </a:solidFill>
                          <a:latin typeface="ＭＳ Ｐ明朝" pitchFamily="18" charset="-128"/>
                          <a:ea typeface="ＭＳ Ｐ明朝" pitchFamily="18" charset="-128"/>
                          <a:cs typeface="Meiryo UI" pitchFamily="50" charset="-128"/>
                        </a:rPr>
                        <a:t>億</a:t>
                      </a:r>
                      <a:r>
                        <a:rPr kumimoji="1" lang="en-US" altLang="ja-JP" sz="1200" dirty="0" smtClean="0">
                          <a:solidFill>
                            <a:schemeClr val="tx1"/>
                          </a:solidFill>
                          <a:latin typeface="ＭＳ Ｐ明朝" pitchFamily="18" charset="-128"/>
                          <a:ea typeface="ＭＳ Ｐ明朝" pitchFamily="18" charset="-128"/>
                          <a:cs typeface="Meiryo UI" pitchFamily="50" charset="-128"/>
                        </a:rPr>
                        <a:t>8,300</a:t>
                      </a:r>
                      <a:r>
                        <a:rPr kumimoji="1" lang="ja-JP" altLang="en-US" sz="1200" dirty="0" smtClean="0">
                          <a:solidFill>
                            <a:schemeClr val="tx1"/>
                          </a:solidFill>
                          <a:latin typeface="ＭＳ Ｐ明朝" pitchFamily="18" charset="-128"/>
                          <a:ea typeface="ＭＳ Ｐ明朝" pitchFamily="18" charset="-128"/>
                          <a:cs typeface="Meiryo UI" pitchFamily="50" charset="-128"/>
                        </a:rPr>
                        <a:t>万円</a:t>
                      </a:r>
                      <a:r>
                        <a:rPr kumimoji="1" lang="en-US" altLang="ja-JP" sz="1200" dirty="0" smtClean="0">
                          <a:solidFill>
                            <a:schemeClr val="tx1"/>
                          </a:solidFill>
                          <a:latin typeface="ＭＳ Ｐ明朝" pitchFamily="18" charset="-128"/>
                          <a:ea typeface="ＭＳ Ｐ明朝" pitchFamily="18" charset="-128"/>
                          <a:cs typeface="Meiryo UI" pitchFamily="50" charset="-128"/>
                        </a:rPr>
                        <a:t>〉</a:t>
                      </a:r>
                      <a:endParaRPr kumimoji="1" lang="en-US" altLang="ja-JP" sz="1200" b="1" dirty="0" smtClean="0">
                        <a:solidFill>
                          <a:schemeClr val="tx1"/>
                        </a:solidFill>
                        <a:latin typeface="ＭＳ Ｐ明朝" pitchFamily="18" charset="-128"/>
                        <a:ea typeface="ＭＳ Ｐ明朝" pitchFamily="18" charset="-128"/>
                        <a:cs typeface="Meiryo UI" pitchFamily="50" charset="-128"/>
                      </a:endParaRPr>
                    </a:p>
                  </a:txBody>
                  <a:tcPr marL="99060" marR="99060"/>
                </a:tc>
              </a:tr>
              <a:tr h="708640">
                <a:tc>
                  <a:txBody>
                    <a:bodyPr/>
                    <a:lstStyle/>
                    <a:p>
                      <a:r>
                        <a:rPr kumimoji="1" lang="ja-JP" altLang="en-US" sz="1400" dirty="0" smtClean="0">
                          <a:solidFill>
                            <a:schemeClr val="tx1"/>
                          </a:solidFill>
                          <a:latin typeface="Meiryo UI" pitchFamily="50" charset="-128"/>
                          <a:ea typeface="Meiryo UI" pitchFamily="50" charset="-128"/>
                          <a:cs typeface="Meiryo UI" pitchFamily="50" charset="-128"/>
                        </a:rPr>
                        <a:t>女性の就労支援</a:t>
                      </a:r>
                      <a:endParaRPr kumimoji="1" lang="en-US" altLang="ja-JP" sz="1400" dirty="0" smtClean="0">
                        <a:solidFill>
                          <a:schemeClr val="tx1"/>
                        </a:solidFill>
                        <a:latin typeface="Meiryo UI" pitchFamily="50" charset="-128"/>
                        <a:ea typeface="Meiryo UI" pitchFamily="50" charset="-128"/>
                        <a:cs typeface="Meiryo UI" pitchFamily="50" charset="-128"/>
                      </a:endParaRPr>
                    </a:p>
                    <a:p>
                      <a:endParaRPr kumimoji="1" lang="ja-JP" altLang="en-US" sz="1400" dirty="0">
                        <a:solidFill>
                          <a:schemeClr val="tx1"/>
                        </a:solidFill>
                        <a:latin typeface="Meiryo UI" pitchFamily="50" charset="-128"/>
                        <a:ea typeface="Meiryo UI" pitchFamily="50" charset="-128"/>
                        <a:cs typeface="Meiryo UI" pitchFamily="50" charset="-128"/>
                      </a:endParaRPr>
                    </a:p>
                  </a:txBody>
                  <a:tcPr marL="99060" marR="99060">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ＭＳ Ｐ明朝" pitchFamily="18" charset="-128"/>
                          <a:ea typeface="ＭＳ Ｐ明朝" pitchFamily="18" charset="-128"/>
                          <a:cs typeface="Meiryo UI" pitchFamily="50" charset="-128"/>
                        </a:rPr>
                        <a:t>－ 女性の社会復帰・就職活動のワンストップ相談体制　</a:t>
                      </a:r>
                      <a:r>
                        <a:rPr kumimoji="1" lang="en-US" altLang="ja-JP" sz="1200" dirty="0" smtClean="0">
                          <a:solidFill>
                            <a:schemeClr val="tx1"/>
                          </a:solidFill>
                          <a:latin typeface="ＭＳ Ｐ明朝" pitchFamily="18" charset="-128"/>
                          <a:ea typeface="ＭＳ Ｐ明朝" pitchFamily="18" charset="-128"/>
                          <a:cs typeface="Meiryo UI" pitchFamily="50" charset="-128"/>
                        </a:rPr>
                        <a:t>〈2014</a:t>
                      </a:r>
                      <a:r>
                        <a:rPr kumimoji="1" lang="ja-JP" altLang="en-US" sz="1200" dirty="0" smtClean="0">
                          <a:solidFill>
                            <a:schemeClr val="tx1"/>
                          </a:solidFill>
                          <a:latin typeface="ＭＳ Ｐ明朝" pitchFamily="18" charset="-128"/>
                          <a:ea typeface="ＭＳ Ｐ明朝" pitchFamily="18" charset="-128"/>
                          <a:cs typeface="Meiryo UI" pitchFamily="50" charset="-128"/>
                        </a:rPr>
                        <a:t>予算：</a:t>
                      </a:r>
                      <a:r>
                        <a:rPr kumimoji="1" lang="en-US" altLang="ja-JP" sz="1200" dirty="0" smtClean="0">
                          <a:solidFill>
                            <a:schemeClr val="tx1"/>
                          </a:solidFill>
                          <a:latin typeface="ＭＳ Ｐ明朝" pitchFamily="18" charset="-128"/>
                          <a:ea typeface="ＭＳ Ｐ明朝" pitchFamily="18" charset="-128"/>
                          <a:cs typeface="Meiryo UI" pitchFamily="50" charset="-128"/>
                        </a:rPr>
                        <a:t>3,500</a:t>
                      </a:r>
                      <a:r>
                        <a:rPr kumimoji="1" lang="ja-JP" altLang="en-US" sz="1200" dirty="0" smtClean="0">
                          <a:solidFill>
                            <a:schemeClr val="tx1"/>
                          </a:solidFill>
                          <a:latin typeface="ＭＳ Ｐ明朝" pitchFamily="18" charset="-128"/>
                          <a:ea typeface="ＭＳ Ｐ明朝" pitchFamily="18" charset="-128"/>
                          <a:cs typeface="Meiryo UI" pitchFamily="50" charset="-128"/>
                        </a:rPr>
                        <a:t>万円</a:t>
                      </a:r>
                      <a:r>
                        <a:rPr kumimoji="1" lang="en-US" altLang="ja-JP" sz="1200" dirty="0" smtClean="0">
                          <a:solidFill>
                            <a:schemeClr val="tx1"/>
                          </a:solidFill>
                          <a:latin typeface="ＭＳ Ｐ明朝" pitchFamily="18" charset="-128"/>
                          <a:ea typeface="ＭＳ Ｐ明朝" pitchFamily="18" charset="-128"/>
                          <a:cs typeface="Meiryo UI" pitchFamily="50" charset="-128"/>
                        </a:rPr>
                        <a:t>〉</a:t>
                      </a:r>
                    </a:p>
                    <a:p>
                      <a:r>
                        <a:rPr kumimoji="1" lang="ja-JP" altLang="en-US" sz="1100" dirty="0" smtClean="0">
                          <a:solidFill>
                            <a:schemeClr val="tx1"/>
                          </a:solidFill>
                          <a:latin typeface="ＭＳ Ｐ明朝" pitchFamily="18" charset="-128"/>
                          <a:ea typeface="ＭＳ Ｐ明朝" pitchFamily="18" charset="-128"/>
                          <a:cs typeface="Meiryo UI" pitchFamily="50" charset="-128"/>
                        </a:rPr>
                        <a:t>　　　　 </a:t>
                      </a:r>
                      <a:r>
                        <a:rPr lang="ja-JP" altLang="en-US" sz="1100" dirty="0" smtClean="0">
                          <a:solidFill>
                            <a:schemeClr val="tx1"/>
                          </a:solidFill>
                          <a:latin typeface="ＭＳ Ｐ明朝" pitchFamily="18" charset="-128"/>
                          <a:ea typeface="ＭＳ Ｐ明朝" pitchFamily="18" charset="-128"/>
                          <a:cs typeface="Meiryo UI" pitchFamily="50" charset="-128"/>
                        </a:rPr>
                        <a:t>子育てで仕事を辞めた女性や母子家庭の母などの就職支援・職業相談・紹介を行う「しごと情報ひろばマザーズ」開設</a:t>
                      </a:r>
                      <a:endParaRPr lang="en-US" altLang="ja-JP" sz="1100" dirty="0" smtClean="0">
                        <a:solidFill>
                          <a:schemeClr val="tx1"/>
                        </a:solidFill>
                        <a:latin typeface="ＭＳ Ｐ明朝" pitchFamily="18" charset="-128"/>
                        <a:ea typeface="ＭＳ Ｐ明朝" pitchFamily="18" charset="-128"/>
                        <a:cs typeface="Meiryo UI" pitchFamily="50" charset="-128"/>
                      </a:endParaRPr>
                    </a:p>
                    <a:p>
                      <a:r>
                        <a:rPr lang="ja-JP" altLang="en-US" sz="1100" dirty="0" smtClean="0">
                          <a:solidFill>
                            <a:schemeClr val="tx1"/>
                          </a:solidFill>
                          <a:latin typeface="ＭＳ Ｐ明朝" pitchFamily="18" charset="-128"/>
                          <a:ea typeface="ＭＳ Ｐ明朝" pitchFamily="18" charset="-128"/>
                          <a:cs typeface="Meiryo UI" pitchFamily="50" charset="-128"/>
                        </a:rPr>
                        <a:t>　　　 　国のマザーズハローワークとも連携し、子育てと両立しやすい求人情報や保育に関する情報等もワンストップで提供</a:t>
                      </a:r>
                      <a:endParaRPr lang="en-US" altLang="ja-JP" sz="1100" dirty="0" smtClean="0">
                        <a:solidFill>
                          <a:schemeClr val="tx1"/>
                        </a:solidFill>
                        <a:latin typeface="ＭＳ Ｐ明朝" pitchFamily="18" charset="-128"/>
                        <a:ea typeface="ＭＳ Ｐ明朝" pitchFamily="18" charset="-128"/>
                        <a:cs typeface="Meiryo UI" pitchFamily="50" charset="-128"/>
                      </a:endParaRPr>
                    </a:p>
                    <a:p>
                      <a:r>
                        <a:rPr lang="ja-JP" altLang="en-US" sz="1100" dirty="0" smtClean="0">
                          <a:solidFill>
                            <a:schemeClr val="tx1"/>
                          </a:solidFill>
                          <a:latin typeface="ＭＳ Ｐ明朝" pitchFamily="18" charset="-128"/>
                          <a:ea typeface="ＭＳ Ｐ明朝" pitchFamily="18" charset="-128"/>
                          <a:cs typeface="Meiryo UI" pitchFamily="50" charset="-128"/>
                        </a:rPr>
                        <a:t>　　　　 特に支援が必要な方の条件に合わせた「指名求人開拓」も行う。保育士常駐。</a:t>
                      </a:r>
                      <a:endParaRPr kumimoji="1" lang="en-US" altLang="ja-JP" sz="1100" dirty="0" smtClean="0">
                        <a:solidFill>
                          <a:schemeClr val="tx1"/>
                        </a:solidFill>
                        <a:latin typeface="ＭＳ Ｐ明朝" pitchFamily="18" charset="-128"/>
                        <a:ea typeface="ＭＳ Ｐ明朝" pitchFamily="18" charset="-128"/>
                        <a:cs typeface="Meiryo UI" pitchFamily="50" charset="-128"/>
                      </a:endParaRPr>
                    </a:p>
                  </a:txBody>
                  <a:tcPr marL="99060" marR="99060">
                    <a:lnB w="12700" cap="flat" cmpd="sng" algn="ctr">
                      <a:solidFill>
                        <a:schemeClr val="tx1"/>
                      </a:solidFill>
                      <a:prstDash val="solid"/>
                      <a:round/>
                      <a:headEnd type="none" w="med" len="med"/>
                      <a:tailEnd type="none" w="med" len="med"/>
                    </a:lnB>
                  </a:tcPr>
                </a:tc>
              </a:tr>
              <a:tr h="1848562">
                <a:tc>
                  <a:txBody>
                    <a:bodyPr/>
                    <a:lstStyle/>
                    <a:p>
                      <a:r>
                        <a:rPr kumimoji="1" lang="ja-JP" altLang="en-US" sz="1400" dirty="0" smtClean="0">
                          <a:solidFill>
                            <a:schemeClr val="tx1"/>
                          </a:solidFill>
                          <a:latin typeface="Meiryo UI" pitchFamily="50" charset="-128"/>
                          <a:ea typeface="Meiryo UI" pitchFamily="50" charset="-128"/>
                          <a:cs typeface="Meiryo UI" pitchFamily="50" charset="-128"/>
                        </a:rPr>
                        <a:t>女性の活躍促進につなげるための制度構築</a:t>
                      </a:r>
                      <a:endParaRPr kumimoji="1" lang="ja-JP" altLang="en-US" sz="1400" dirty="0">
                        <a:solidFill>
                          <a:schemeClr val="tx1"/>
                        </a:solidFill>
                        <a:latin typeface="Meiryo UI" pitchFamily="50" charset="-128"/>
                        <a:ea typeface="Meiryo UI" pitchFamily="50" charset="-128"/>
                        <a:cs typeface="Meiryo UI" pitchFamily="50" charset="-128"/>
                      </a:endParaRPr>
                    </a:p>
                  </a:txBody>
                  <a:tcPr marL="99060" marR="99060">
                    <a:lnT w="12700" cap="flat" cmpd="sng" algn="ctr">
                      <a:solidFill>
                        <a:schemeClr val="tx1"/>
                      </a:solidFill>
                      <a:prstDash val="solid"/>
                      <a:round/>
                      <a:headEnd type="none" w="med" len="med"/>
                      <a:tailEnd type="none" w="med" len="med"/>
                    </a:lnT>
                  </a:tcPr>
                </a:tc>
                <a:tc>
                  <a:txBody>
                    <a:bodyPr/>
                    <a:lstStyle/>
                    <a:p>
                      <a:r>
                        <a:rPr kumimoji="1" lang="ja-JP" altLang="en-US" sz="1200" dirty="0" smtClean="0">
                          <a:solidFill>
                            <a:schemeClr val="tx1"/>
                          </a:solidFill>
                          <a:latin typeface="ＭＳ Ｐ明朝" pitchFamily="18" charset="-128"/>
                          <a:ea typeface="ＭＳ Ｐ明朝" pitchFamily="18" charset="-128"/>
                          <a:cs typeface="Meiryo UI" pitchFamily="50" charset="-128"/>
                        </a:rPr>
                        <a:t>－ 女性活躍促進企業の認証</a:t>
                      </a:r>
                      <a:r>
                        <a:rPr kumimoji="1" lang="en-US" altLang="ja-JP" sz="1200" dirty="0" smtClean="0">
                          <a:solidFill>
                            <a:schemeClr val="tx1"/>
                          </a:solidFill>
                          <a:latin typeface="ＭＳ Ｐ明朝" pitchFamily="18" charset="-128"/>
                          <a:ea typeface="ＭＳ Ｐ明朝" pitchFamily="18" charset="-128"/>
                          <a:cs typeface="Meiryo UI" pitchFamily="50" charset="-128"/>
                        </a:rPr>
                        <a:t>〈2014</a:t>
                      </a:r>
                      <a:r>
                        <a:rPr kumimoji="1" lang="ja-JP" altLang="en-US" sz="1200" dirty="0" smtClean="0">
                          <a:solidFill>
                            <a:schemeClr val="tx1"/>
                          </a:solidFill>
                          <a:latin typeface="ＭＳ Ｐ明朝" pitchFamily="18" charset="-128"/>
                          <a:ea typeface="ＭＳ Ｐ明朝" pitchFamily="18" charset="-128"/>
                          <a:cs typeface="Meiryo UI" pitchFamily="50" charset="-128"/>
                        </a:rPr>
                        <a:t>予算：</a:t>
                      </a:r>
                      <a:r>
                        <a:rPr kumimoji="1" lang="en-US" altLang="ja-JP" sz="1200" dirty="0" smtClean="0">
                          <a:solidFill>
                            <a:schemeClr val="tx1"/>
                          </a:solidFill>
                          <a:latin typeface="ＭＳ Ｐ明朝" pitchFamily="18" charset="-128"/>
                          <a:ea typeface="ＭＳ Ｐ明朝" pitchFamily="18" charset="-128"/>
                          <a:cs typeface="Meiryo UI" pitchFamily="50" charset="-128"/>
                        </a:rPr>
                        <a:t>700</a:t>
                      </a:r>
                      <a:r>
                        <a:rPr kumimoji="1" lang="ja-JP" altLang="en-US" sz="1200" dirty="0" smtClean="0">
                          <a:solidFill>
                            <a:schemeClr val="tx1"/>
                          </a:solidFill>
                          <a:latin typeface="ＭＳ Ｐ明朝" pitchFamily="18" charset="-128"/>
                          <a:ea typeface="ＭＳ Ｐ明朝" pitchFamily="18" charset="-128"/>
                          <a:cs typeface="Meiryo UI" pitchFamily="50" charset="-128"/>
                        </a:rPr>
                        <a:t>万円</a:t>
                      </a:r>
                      <a:r>
                        <a:rPr kumimoji="1" lang="en-US" altLang="ja-JP" sz="1200" dirty="0" smtClean="0">
                          <a:solidFill>
                            <a:schemeClr val="tx1"/>
                          </a:solidFill>
                          <a:latin typeface="ＭＳ Ｐ明朝" pitchFamily="18" charset="-128"/>
                          <a:ea typeface="ＭＳ Ｐ明朝" pitchFamily="18" charset="-128"/>
                          <a:cs typeface="Meiryo UI" pitchFamily="50" charset="-128"/>
                        </a:rPr>
                        <a:t>〉</a:t>
                      </a:r>
                    </a:p>
                    <a:p>
                      <a:r>
                        <a:rPr kumimoji="1" lang="ja-JP" altLang="en-US" sz="1200" dirty="0" smtClean="0">
                          <a:solidFill>
                            <a:schemeClr val="tx1"/>
                          </a:solidFill>
                          <a:latin typeface="ＭＳ Ｐ明朝" pitchFamily="18" charset="-128"/>
                          <a:ea typeface="ＭＳ Ｐ明朝" pitchFamily="18" charset="-128"/>
                          <a:cs typeface="Meiryo UI" pitchFamily="50" charset="-128"/>
                        </a:rPr>
                        <a:t>　　　　</a:t>
                      </a:r>
                      <a:r>
                        <a:rPr kumimoji="1" lang="ja-JP" altLang="en-US" sz="1100" dirty="0" smtClean="0">
                          <a:solidFill>
                            <a:schemeClr val="tx1"/>
                          </a:solidFill>
                          <a:latin typeface="ＭＳ Ｐ明朝" pitchFamily="18" charset="-128"/>
                          <a:ea typeface="ＭＳ Ｐ明朝" pitchFamily="18" charset="-128"/>
                          <a:cs typeface="Meiryo UI" pitchFamily="50" charset="-128"/>
                        </a:rPr>
                        <a:t>女性が働きやすい職場づくりに取組む企業の認証や就業規則等整備のコンサルタント派遣</a:t>
                      </a:r>
                      <a:endParaRPr kumimoji="1" lang="en-US" altLang="ja-JP" sz="1200" dirty="0" smtClean="0">
                        <a:solidFill>
                          <a:schemeClr val="tx1"/>
                        </a:solidFill>
                        <a:latin typeface="ＭＳ Ｐ明朝" pitchFamily="18" charset="-128"/>
                        <a:ea typeface="ＭＳ Ｐ明朝" pitchFamily="18" charset="-128"/>
                        <a:cs typeface="Meiryo UI" pitchFamily="50" charset="-128"/>
                      </a:endParaRPr>
                    </a:p>
                    <a:p>
                      <a:r>
                        <a:rPr kumimoji="1" lang="ja-JP" altLang="en-US" sz="1200" dirty="0" smtClean="0">
                          <a:solidFill>
                            <a:schemeClr val="tx1"/>
                          </a:solidFill>
                          <a:latin typeface="ＭＳ Ｐ明朝" pitchFamily="18" charset="-128"/>
                          <a:ea typeface="ＭＳ Ｐ明朝" pitchFamily="18" charset="-128"/>
                          <a:cs typeface="Meiryo UI" pitchFamily="50" charset="-128"/>
                        </a:rPr>
                        <a:t>－ キャリア形成支援　</a:t>
                      </a:r>
                      <a:r>
                        <a:rPr kumimoji="1" lang="en-US" altLang="ja-JP" sz="1200" dirty="0" smtClean="0">
                          <a:solidFill>
                            <a:schemeClr val="tx1"/>
                          </a:solidFill>
                          <a:latin typeface="ＭＳ Ｐ明朝" pitchFamily="18" charset="-128"/>
                          <a:ea typeface="ＭＳ Ｐ明朝" pitchFamily="18" charset="-128"/>
                          <a:cs typeface="Meiryo UI" pitchFamily="50" charset="-128"/>
                        </a:rPr>
                        <a:t>〈2014</a:t>
                      </a:r>
                      <a:r>
                        <a:rPr kumimoji="1" lang="ja-JP" altLang="en-US" sz="1200" dirty="0" smtClean="0">
                          <a:solidFill>
                            <a:schemeClr val="tx1"/>
                          </a:solidFill>
                          <a:latin typeface="ＭＳ Ｐ明朝" pitchFamily="18" charset="-128"/>
                          <a:ea typeface="ＭＳ Ｐ明朝" pitchFamily="18" charset="-128"/>
                          <a:cs typeface="Meiryo UI" pitchFamily="50" charset="-128"/>
                        </a:rPr>
                        <a:t>予算：</a:t>
                      </a:r>
                      <a:r>
                        <a:rPr kumimoji="1" lang="en-US" altLang="ja-JP" sz="1200" dirty="0" smtClean="0">
                          <a:solidFill>
                            <a:schemeClr val="tx1"/>
                          </a:solidFill>
                          <a:latin typeface="ＭＳ Ｐ明朝" pitchFamily="18" charset="-128"/>
                          <a:ea typeface="ＭＳ Ｐ明朝" pitchFamily="18" charset="-128"/>
                          <a:cs typeface="Meiryo UI" pitchFamily="50" charset="-128"/>
                        </a:rPr>
                        <a:t>800</a:t>
                      </a:r>
                      <a:r>
                        <a:rPr kumimoji="1" lang="ja-JP" altLang="en-US" sz="1200" dirty="0" smtClean="0">
                          <a:solidFill>
                            <a:schemeClr val="tx1"/>
                          </a:solidFill>
                          <a:latin typeface="ＭＳ Ｐ明朝" pitchFamily="18" charset="-128"/>
                          <a:ea typeface="ＭＳ Ｐ明朝" pitchFamily="18" charset="-128"/>
                          <a:cs typeface="Meiryo UI" pitchFamily="50" charset="-128"/>
                        </a:rPr>
                        <a:t>万円</a:t>
                      </a:r>
                      <a:r>
                        <a:rPr kumimoji="1" lang="en-US" altLang="ja-JP" sz="1200" dirty="0" smtClean="0">
                          <a:solidFill>
                            <a:schemeClr val="tx1"/>
                          </a:solidFill>
                          <a:latin typeface="ＭＳ Ｐ明朝" pitchFamily="18" charset="-128"/>
                          <a:ea typeface="ＭＳ Ｐ明朝" pitchFamily="18" charset="-128"/>
                          <a:cs typeface="Meiryo UI" pitchFamily="50" charset="-128"/>
                        </a:rPr>
                        <a:t>〉</a:t>
                      </a:r>
                    </a:p>
                    <a:p>
                      <a:r>
                        <a:rPr kumimoji="1" lang="ja-JP" altLang="en-US" sz="1200" dirty="0" smtClean="0">
                          <a:solidFill>
                            <a:schemeClr val="tx1"/>
                          </a:solidFill>
                          <a:latin typeface="ＭＳ Ｐ明朝" pitchFamily="18" charset="-128"/>
                          <a:ea typeface="ＭＳ Ｐ明朝" pitchFamily="18" charset="-128"/>
                          <a:cs typeface="Meiryo UI" pitchFamily="50" charset="-128"/>
                        </a:rPr>
                        <a:t>　　    </a:t>
                      </a:r>
                      <a:r>
                        <a:rPr kumimoji="1" lang="ja-JP" altLang="en-US" sz="1100" dirty="0" smtClean="0">
                          <a:solidFill>
                            <a:schemeClr val="tx1"/>
                          </a:solidFill>
                          <a:latin typeface="ＭＳ Ｐ明朝" pitchFamily="18" charset="-128"/>
                          <a:ea typeface="ＭＳ Ｐ明朝" pitchFamily="18" charset="-128"/>
                          <a:cs typeface="Meiryo UI" pitchFamily="50" charset="-128"/>
                        </a:rPr>
                        <a:t>大学生を対象としたライフデザインを支援するための講演、中高生向けの体験型指導プログラム　など</a:t>
                      </a:r>
                      <a:endParaRPr kumimoji="1" lang="en-US" altLang="ja-JP" sz="1200" dirty="0" smtClean="0">
                        <a:solidFill>
                          <a:schemeClr val="tx1"/>
                        </a:solidFill>
                        <a:latin typeface="ＭＳ Ｐ明朝" pitchFamily="18" charset="-128"/>
                        <a:ea typeface="ＭＳ Ｐ明朝" pitchFamily="18" charset="-128"/>
                        <a:cs typeface="Meiryo UI" pitchFamily="50" charset="-128"/>
                      </a:endParaRPr>
                    </a:p>
                    <a:p>
                      <a:r>
                        <a:rPr kumimoji="1" lang="ja-JP" altLang="en-US" sz="1200" dirty="0" smtClean="0">
                          <a:solidFill>
                            <a:schemeClr val="tx1"/>
                          </a:solidFill>
                          <a:latin typeface="ＭＳ Ｐ明朝" pitchFamily="18" charset="-128"/>
                          <a:ea typeface="ＭＳ Ｐ明朝" pitchFamily="18" charset="-128"/>
                          <a:cs typeface="Meiryo UI" pitchFamily="50" charset="-128"/>
                        </a:rPr>
                        <a:t>－ 働く女性の支援　</a:t>
                      </a:r>
                      <a:r>
                        <a:rPr kumimoji="1" lang="en-US" altLang="ja-JP" sz="1200" dirty="0" smtClean="0">
                          <a:solidFill>
                            <a:schemeClr val="tx1"/>
                          </a:solidFill>
                          <a:latin typeface="ＭＳ Ｐ明朝" pitchFamily="18" charset="-128"/>
                          <a:ea typeface="ＭＳ Ｐ明朝" pitchFamily="18" charset="-128"/>
                          <a:cs typeface="Meiryo UI" pitchFamily="50" charset="-128"/>
                        </a:rPr>
                        <a:t>〈2014</a:t>
                      </a:r>
                      <a:r>
                        <a:rPr kumimoji="1" lang="ja-JP" altLang="en-US" sz="1200" dirty="0" smtClean="0">
                          <a:solidFill>
                            <a:schemeClr val="tx1"/>
                          </a:solidFill>
                          <a:latin typeface="ＭＳ Ｐ明朝" pitchFamily="18" charset="-128"/>
                          <a:ea typeface="ＭＳ Ｐ明朝" pitchFamily="18" charset="-128"/>
                          <a:cs typeface="Meiryo UI" pitchFamily="50" charset="-128"/>
                        </a:rPr>
                        <a:t>予算：</a:t>
                      </a:r>
                      <a:r>
                        <a:rPr kumimoji="1" lang="en-US" altLang="ja-JP" sz="1200" dirty="0" smtClean="0">
                          <a:solidFill>
                            <a:schemeClr val="tx1"/>
                          </a:solidFill>
                          <a:latin typeface="ＭＳ Ｐ明朝" pitchFamily="18" charset="-128"/>
                          <a:ea typeface="ＭＳ Ｐ明朝" pitchFamily="18" charset="-128"/>
                          <a:cs typeface="Meiryo UI" pitchFamily="50" charset="-128"/>
                        </a:rPr>
                        <a:t>800</a:t>
                      </a:r>
                      <a:r>
                        <a:rPr kumimoji="1" lang="ja-JP" altLang="en-US" sz="1200" dirty="0" smtClean="0">
                          <a:solidFill>
                            <a:schemeClr val="tx1"/>
                          </a:solidFill>
                          <a:latin typeface="ＭＳ Ｐ明朝" pitchFamily="18" charset="-128"/>
                          <a:ea typeface="ＭＳ Ｐ明朝" pitchFamily="18" charset="-128"/>
                          <a:cs typeface="Meiryo UI" pitchFamily="50" charset="-128"/>
                        </a:rPr>
                        <a:t>万円</a:t>
                      </a:r>
                      <a:r>
                        <a:rPr kumimoji="1" lang="en-US" altLang="ja-JP" sz="1200" dirty="0" smtClean="0">
                          <a:solidFill>
                            <a:schemeClr val="tx1"/>
                          </a:solidFill>
                          <a:latin typeface="ＭＳ Ｐ明朝" pitchFamily="18" charset="-128"/>
                          <a:ea typeface="ＭＳ Ｐ明朝" pitchFamily="18" charset="-128"/>
                          <a:cs typeface="Meiryo UI" pitchFamily="50" charset="-128"/>
                        </a:rPr>
                        <a:t>〉</a:t>
                      </a:r>
                    </a:p>
                    <a:p>
                      <a:r>
                        <a:rPr kumimoji="1" lang="ja-JP" altLang="en-US" sz="1200" dirty="0" smtClean="0">
                          <a:solidFill>
                            <a:schemeClr val="tx1"/>
                          </a:solidFill>
                          <a:latin typeface="ＭＳ Ｐ明朝" pitchFamily="18" charset="-128"/>
                          <a:ea typeface="ＭＳ Ｐ明朝" pitchFamily="18" charset="-128"/>
                          <a:cs typeface="Meiryo UI" pitchFamily="50" charset="-128"/>
                        </a:rPr>
                        <a:t>　　　　</a:t>
                      </a:r>
                      <a:r>
                        <a:rPr kumimoji="1" lang="ja-JP" altLang="en-US" sz="1100" dirty="0" smtClean="0">
                          <a:solidFill>
                            <a:schemeClr val="tx1"/>
                          </a:solidFill>
                          <a:latin typeface="ＭＳ Ｐ明朝" pitchFamily="18" charset="-128"/>
                          <a:ea typeface="ＭＳ Ｐ明朝" pitchFamily="18" charset="-128"/>
                          <a:cs typeface="Meiryo UI" pitchFamily="50" charset="-128"/>
                        </a:rPr>
                        <a:t>働く女性の階層（経営トップ層、女性管理者層、将来の管理者層）に応じた勉強会等の支援</a:t>
                      </a:r>
                      <a:endParaRPr kumimoji="1" lang="en-US" altLang="ja-JP" sz="1100" dirty="0" smtClean="0">
                        <a:solidFill>
                          <a:schemeClr val="tx1"/>
                        </a:solidFill>
                        <a:latin typeface="ＭＳ Ｐ明朝" pitchFamily="18" charset="-128"/>
                        <a:ea typeface="ＭＳ Ｐ明朝" pitchFamily="18" charset="-128"/>
                        <a:cs typeface="Meiryo UI" pitchFamily="50" charset="-128"/>
                      </a:endParaRPr>
                    </a:p>
                    <a:p>
                      <a:r>
                        <a:rPr kumimoji="1" lang="ja-JP" altLang="en-US" sz="1200" dirty="0" smtClean="0">
                          <a:solidFill>
                            <a:schemeClr val="tx1"/>
                          </a:solidFill>
                          <a:latin typeface="ＭＳ Ｐ明朝" pitchFamily="18" charset="-128"/>
                          <a:ea typeface="ＭＳ Ｐ明朝" pitchFamily="18" charset="-128"/>
                          <a:cs typeface="Meiryo UI" pitchFamily="50" charset="-128"/>
                        </a:rPr>
                        <a:t>－ 社会参加したい女性の活躍促進　</a:t>
                      </a:r>
                      <a:r>
                        <a:rPr kumimoji="1" lang="en-US" altLang="ja-JP" sz="1200" dirty="0" smtClean="0">
                          <a:solidFill>
                            <a:schemeClr val="tx1"/>
                          </a:solidFill>
                          <a:latin typeface="ＭＳ Ｐ明朝" pitchFamily="18" charset="-128"/>
                          <a:ea typeface="ＭＳ Ｐ明朝" pitchFamily="18" charset="-128"/>
                          <a:cs typeface="Meiryo UI" pitchFamily="50" charset="-128"/>
                        </a:rPr>
                        <a:t>〈2014</a:t>
                      </a:r>
                      <a:r>
                        <a:rPr kumimoji="1" lang="ja-JP" altLang="en-US" sz="1200" dirty="0" smtClean="0">
                          <a:solidFill>
                            <a:schemeClr val="tx1"/>
                          </a:solidFill>
                          <a:latin typeface="ＭＳ Ｐ明朝" pitchFamily="18" charset="-128"/>
                          <a:ea typeface="ＭＳ Ｐ明朝" pitchFamily="18" charset="-128"/>
                          <a:cs typeface="Meiryo UI" pitchFamily="50" charset="-128"/>
                        </a:rPr>
                        <a:t>予算：</a:t>
                      </a:r>
                      <a:r>
                        <a:rPr kumimoji="1" lang="en-US" altLang="ja-JP" sz="1200" dirty="0" smtClean="0">
                          <a:solidFill>
                            <a:schemeClr val="tx1"/>
                          </a:solidFill>
                          <a:latin typeface="ＭＳ Ｐ明朝" pitchFamily="18" charset="-128"/>
                          <a:ea typeface="ＭＳ Ｐ明朝" pitchFamily="18" charset="-128"/>
                          <a:cs typeface="Meiryo UI" pitchFamily="50" charset="-128"/>
                        </a:rPr>
                        <a:t>600</a:t>
                      </a:r>
                      <a:r>
                        <a:rPr kumimoji="1" lang="ja-JP" altLang="en-US" sz="1200" dirty="0" smtClean="0">
                          <a:solidFill>
                            <a:schemeClr val="tx1"/>
                          </a:solidFill>
                          <a:latin typeface="ＭＳ Ｐ明朝" pitchFamily="18" charset="-128"/>
                          <a:ea typeface="ＭＳ Ｐ明朝" pitchFamily="18" charset="-128"/>
                          <a:cs typeface="Meiryo UI" pitchFamily="50" charset="-128"/>
                        </a:rPr>
                        <a:t>万円</a:t>
                      </a:r>
                      <a:r>
                        <a:rPr kumimoji="1" lang="en-US" altLang="ja-JP" sz="1200" dirty="0" smtClean="0">
                          <a:solidFill>
                            <a:schemeClr val="tx1"/>
                          </a:solidFill>
                          <a:latin typeface="ＭＳ Ｐ明朝" pitchFamily="18" charset="-128"/>
                          <a:ea typeface="ＭＳ Ｐ明朝" pitchFamily="18" charset="-128"/>
                          <a:cs typeface="Meiryo UI" pitchFamily="50" charset="-128"/>
                        </a:rPr>
                        <a:t>〉</a:t>
                      </a:r>
                    </a:p>
                    <a:p>
                      <a:r>
                        <a:rPr kumimoji="1" lang="ja-JP" altLang="en-US" sz="1200" dirty="0" smtClean="0">
                          <a:solidFill>
                            <a:schemeClr val="tx1"/>
                          </a:solidFill>
                          <a:latin typeface="ＭＳ Ｐ明朝" pitchFamily="18" charset="-128"/>
                          <a:ea typeface="ＭＳ Ｐ明朝" pitchFamily="18" charset="-128"/>
                          <a:cs typeface="Meiryo UI" pitchFamily="50" charset="-128"/>
                        </a:rPr>
                        <a:t>　　　</a:t>
                      </a:r>
                      <a:r>
                        <a:rPr kumimoji="1" lang="ja-JP" altLang="en-US" sz="1100" dirty="0" smtClean="0">
                          <a:solidFill>
                            <a:schemeClr val="tx1"/>
                          </a:solidFill>
                          <a:latin typeface="ＭＳ Ｐ明朝" pitchFamily="18" charset="-128"/>
                          <a:ea typeface="ＭＳ Ｐ明朝" pitchFamily="18" charset="-128"/>
                          <a:cs typeface="Meiryo UI" pitchFamily="50" charset="-128"/>
                        </a:rPr>
                        <a:t>　身近な社会で活躍する女性の活動紹介や支援、</a:t>
                      </a:r>
                      <a:r>
                        <a:rPr kumimoji="1" lang="en-US" altLang="ja-JP" sz="1100" dirty="0" smtClean="0">
                          <a:solidFill>
                            <a:schemeClr val="tx1"/>
                          </a:solidFill>
                          <a:latin typeface="ＭＳ Ｐ明朝" pitchFamily="18" charset="-128"/>
                          <a:ea typeface="ＭＳ Ｐ明朝" pitchFamily="18" charset="-128"/>
                          <a:cs typeface="Meiryo UI" pitchFamily="50" charset="-128"/>
                        </a:rPr>
                        <a:t>NPO</a:t>
                      </a:r>
                      <a:r>
                        <a:rPr kumimoji="1" lang="ja-JP" altLang="en-US" sz="1100" dirty="0" smtClean="0">
                          <a:solidFill>
                            <a:schemeClr val="tx1"/>
                          </a:solidFill>
                          <a:latin typeface="ＭＳ Ｐ明朝" pitchFamily="18" charset="-128"/>
                          <a:ea typeface="ＭＳ Ｐ明朝" pitchFamily="18" charset="-128"/>
                          <a:cs typeface="Meiryo UI" pitchFamily="50" charset="-128"/>
                        </a:rPr>
                        <a:t>等との交流会</a:t>
                      </a:r>
                      <a:endParaRPr kumimoji="1" lang="en-US" altLang="ja-JP" sz="1200" dirty="0" smtClean="0">
                        <a:solidFill>
                          <a:schemeClr val="tx1"/>
                        </a:solidFill>
                        <a:latin typeface="ＭＳ Ｐ明朝" pitchFamily="18" charset="-128"/>
                        <a:ea typeface="ＭＳ Ｐ明朝" pitchFamily="18" charset="-128"/>
                        <a:cs typeface="Meiryo UI" pitchFamily="50" charset="-128"/>
                      </a:endParaRPr>
                    </a:p>
                    <a:p>
                      <a:r>
                        <a:rPr kumimoji="1" lang="ja-JP" altLang="en-US" sz="1200" dirty="0" smtClean="0">
                          <a:solidFill>
                            <a:schemeClr val="tx1"/>
                          </a:solidFill>
                          <a:latin typeface="ＭＳ Ｐ明朝" pitchFamily="18" charset="-128"/>
                          <a:ea typeface="ＭＳ Ｐ明朝" pitchFamily="18" charset="-128"/>
                          <a:cs typeface="Meiryo UI" pitchFamily="50" charset="-128"/>
                        </a:rPr>
                        <a:t>－ 情報発信　</a:t>
                      </a:r>
                      <a:r>
                        <a:rPr kumimoji="1" lang="en-US" altLang="ja-JP" sz="1200" dirty="0" smtClean="0">
                          <a:solidFill>
                            <a:schemeClr val="tx1"/>
                          </a:solidFill>
                          <a:latin typeface="ＭＳ Ｐ明朝" pitchFamily="18" charset="-128"/>
                          <a:ea typeface="ＭＳ Ｐ明朝" pitchFamily="18" charset="-128"/>
                          <a:cs typeface="Meiryo UI" pitchFamily="50" charset="-128"/>
                        </a:rPr>
                        <a:t>〈2014</a:t>
                      </a:r>
                      <a:r>
                        <a:rPr kumimoji="1" lang="ja-JP" altLang="en-US" sz="1200" dirty="0" smtClean="0">
                          <a:solidFill>
                            <a:schemeClr val="tx1"/>
                          </a:solidFill>
                          <a:latin typeface="ＭＳ Ｐ明朝" pitchFamily="18" charset="-128"/>
                          <a:ea typeface="ＭＳ Ｐ明朝" pitchFamily="18" charset="-128"/>
                          <a:cs typeface="Meiryo UI" pitchFamily="50" charset="-128"/>
                        </a:rPr>
                        <a:t>予算：</a:t>
                      </a:r>
                      <a:r>
                        <a:rPr kumimoji="1" lang="en-US" altLang="ja-JP" sz="1200" dirty="0" smtClean="0">
                          <a:solidFill>
                            <a:schemeClr val="tx1"/>
                          </a:solidFill>
                          <a:latin typeface="ＭＳ Ｐ明朝" pitchFamily="18" charset="-128"/>
                          <a:ea typeface="ＭＳ Ｐ明朝" pitchFamily="18" charset="-128"/>
                          <a:cs typeface="Meiryo UI" pitchFamily="50" charset="-128"/>
                        </a:rPr>
                        <a:t>500</a:t>
                      </a:r>
                      <a:r>
                        <a:rPr kumimoji="1" lang="ja-JP" altLang="en-US" sz="1200" dirty="0" smtClean="0">
                          <a:solidFill>
                            <a:schemeClr val="tx1"/>
                          </a:solidFill>
                          <a:latin typeface="ＭＳ Ｐ明朝" pitchFamily="18" charset="-128"/>
                          <a:ea typeface="ＭＳ Ｐ明朝" pitchFamily="18" charset="-128"/>
                          <a:cs typeface="Meiryo UI" pitchFamily="50" charset="-128"/>
                        </a:rPr>
                        <a:t>万円</a:t>
                      </a:r>
                      <a:r>
                        <a:rPr kumimoji="1" lang="en-US" altLang="ja-JP" sz="1200" dirty="0" smtClean="0">
                          <a:solidFill>
                            <a:schemeClr val="tx1"/>
                          </a:solidFill>
                          <a:latin typeface="ＭＳ Ｐ明朝" pitchFamily="18" charset="-128"/>
                          <a:ea typeface="ＭＳ Ｐ明朝" pitchFamily="18" charset="-128"/>
                          <a:cs typeface="Meiryo UI" pitchFamily="50" charset="-128"/>
                        </a:rPr>
                        <a:t>〉</a:t>
                      </a:r>
                    </a:p>
                    <a:p>
                      <a:r>
                        <a:rPr kumimoji="1" lang="ja-JP" altLang="en-US" sz="1200" dirty="0" smtClean="0">
                          <a:solidFill>
                            <a:schemeClr val="tx1"/>
                          </a:solidFill>
                          <a:latin typeface="ＭＳ Ｐ明朝" pitchFamily="18" charset="-128"/>
                          <a:ea typeface="ＭＳ Ｐ明朝" pitchFamily="18" charset="-128"/>
                          <a:cs typeface="Meiryo UI" pitchFamily="50" charset="-128"/>
                        </a:rPr>
                        <a:t>　　　　</a:t>
                      </a:r>
                      <a:r>
                        <a:rPr kumimoji="1" lang="ja-JP" altLang="en-US" sz="1100" dirty="0" smtClean="0">
                          <a:solidFill>
                            <a:schemeClr val="tx1"/>
                          </a:solidFill>
                          <a:latin typeface="ＭＳ Ｐ明朝" pitchFamily="18" charset="-128"/>
                          <a:ea typeface="ＭＳ Ｐ明朝" pitchFamily="18" charset="-128"/>
                          <a:cs typeface="Meiryo UI" pitchFamily="50" charset="-128"/>
                        </a:rPr>
                        <a:t>企業の取組み、地域で活躍する女性の紹介などの見える化</a:t>
                      </a:r>
                      <a:endParaRPr kumimoji="1" lang="ja-JP" altLang="en-US" sz="1200" dirty="0">
                        <a:solidFill>
                          <a:schemeClr val="tx1"/>
                        </a:solidFill>
                        <a:latin typeface="ＭＳ Ｐ明朝" pitchFamily="18" charset="-128"/>
                        <a:ea typeface="ＭＳ Ｐ明朝" pitchFamily="18" charset="-128"/>
                        <a:cs typeface="Meiryo UI" pitchFamily="50" charset="-128"/>
                      </a:endParaRPr>
                    </a:p>
                  </a:txBody>
                  <a:tcPr marL="99060" marR="99060">
                    <a:lnT w="12700" cap="flat" cmpd="sng" algn="ctr">
                      <a:solidFill>
                        <a:schemeClr val="tx1"/>
                      </a:solidFill>
                      <a:prstDash val="solid"/>
                      <a:round/>
                      <a:headEnd type="none" w="med" len="med"/>
                      <a:tailEnd type="none" w="med" len="med"/>
                    </a:lnT>
                  </a:tcPr>
                </a:tc>
              </a:tr>
            </a:tbl>
          </a:graphicData>
        </a:graphic>
      </p:graphicFrame>
      <p:sp>
        <p:nvSpPr>
          <p:cNvPr id="16" name="角丸四角形 15"/>
          <p:cNvSpPr/>
          <p:nvPr/>
        </p:nvSpPr>
        <p:spPr>
          <a:xfrm>
            <a:off x="200472" y="3248408"/>
            <a:ext cx="7566841" cy="288032"/>
          </a:xfrm>
          <a:prstGeom prst="roundRect">
            <a:avLst/>
          </a:prstGeom>
          <a:solidFill>
            <a:srgbClr val="00B0F0"/>
          </a:solidFill>
          <a:scene3d>
            <a:camera prst="orthographicFront"/>
            <a:lightRig rig="threePt" dir="t"/>
          </a:scene3d>
          <a:sp3d>
            <a:bevelT prst="slope"/>
          </a:sp3d>
        </p:spPr>
        <p:style>
          <a:lnRef idx="2">
            <a:schemeClr val="accent6"/>
          </a:lnRef>
          <a:fillRef idx="1">
            <a:schemeClr val="lt1"/>
          </a:fillRef>
          <a:effectRef idx="0">
            <a:schemeClr val="accent6"/>
          </a:effectRef>
          <a:fontRef idx="minor">
            <a:schemeClr val="dk1"/>
          </a:fontRef>
        </p:style>
        <p:txBody>
          <a:bodyPr lIns="94640" tIns="47320" rIns="94640" bIns="47320" rtlCol="0" anchor="ctr"/>
          <a:lstStyle/>
          <a:p>
            <a:r>
              <a:rPr lang="ja-JP" altLang="en-US" sz="1400" dirty="0" smtClean="0">
                <a:solidFill>
                  <a:schemeClr val="tx1"/>
                </a:solidFill>
              </a:rPr>
              <a:t>　</a:t>
            </a:r>
            <a:r>
              <a:rPr lang="ja-JP" altLang="en-US" sz="1400" b="1" dirty="0" smtClean="0">
                <a:solidFill>
                  <a:schemeClr val="tx1"/>
                </a:solidFill>
              </a:rPr>
              <a:t>女性の活躍促進に向けた主な</a:t>
            </a:r>
            <a:r>
              <a:rPr lang="ja-JP" altLang="en-US" sz="1400" b="1" dirty="0" smtClean="0">
                <a:solidFill>
                  <a:schemeClr val="tx1"/>
                </a:solidFill>
                <a:latin typeface="+mn-ea"/>
              </a:rPr>
              <a:t>取組み</a:t>
            </a:r>
            <a:r>
              <a:rPr lang="ja-JP" altLang="en-US" sz="1400" b="1" dirty="0" smtClean="0">
                <a:solidFill>
                  <a:schemeClr val="tx1"/>
                </a:solidFill>
                <a:latin typeface="Meiryo UI" pitchFamily="50" charset="-128"/>
                <a:ea typeface="Meiryo UI" pitchFamily="50" charset="-128"/>
                <a:cs typeface="Meiryo UI" pitchFamily="50" charset="-128"/>
              </a:rPr>
              <a:t>（大阪市）</a:t>
            </a:r>
            <a:endParaRPr kumimoji="1" lang="ja-JP" altLang="en-US" sz="1400" dirty="0">
              <a:solidFill>
                <a:schemeClr val="tx1"/>
              </a:solidFill>
            </a:endParaRPr>
          </a:p>
        </p:txBody>
      </p:sp>
      <p:sp>
        <p:nvSpPr>
          <p:cNvPr id="11" name="スライド番号プレースホルダ 10"/>
          <p:cNvSpPr>
            <a:spLocks noGrp="1"/>
          </p:cNvSpPr>
          <p:nvPr>
            <p:ph type="sldNum" sz="quarter" idx="12"/>
          </p:nvPr>
        </p:nvSpPr>
        <p:spPr/>
        <p:txBody>
          <a:bodyPr/>
          <a:lstStyle/>
          <a:p>
            <a:fld id="{37EF5067-3AB7-4642-9103-42CBD40CC6D9}" type="slidenum">
              <a:rPr kumimoji="1" lang="ja-JP" altLang="en-US" smtClean="0"/>
              <a:pPr/>
              <a:t>52</a:t>
            </a:fld>
            <a:endParaRPr kumimoji="1" lang="ja-JP" altLang="en-US" dirty="0"/>
          </a:p>
        </p:txBody>
      </p:sp>
    </p:spTree>
    <p:extLst>
      <p:ext uri="{BB962C8B-B14F-4D97-AF65-F5344CB8AC3E}">
        <p14:creationId xmlns:p14="http://schemas.microsoft.com/office/powerpoint/2010/main" val="1163884090"/>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fld id="{37EF5067-3AB7-4642-9103-42CBD40CC6D9}" type="slidenum">
              <a:rPr kumimoji="1" lang="ja-JP" altLang="en-US" smtClean="0"/>
              <a:pPr/>
              <a:t>53</a:t>
            </a:fld>
            <a:endParaRPr kumimoji="1" lang="ja-JP" altLang="en-US" dirty="0"/>
          </a:p>
        </p:txBody>
      </p:sp>
      <p:grpSp>
        <p:nvGrpSpPr>
          <p:cNvPr id="3" name="グループ化 22"/>
          <p:cNvGrpSpPr/>
          <p:nvPr/>
        </p:nvGrpSpPr>
        <p:grpSpPr>
          <a:xfrm>
            <a:off x="165016" y="495781"/>
            <a:ext cx="9078460" cy="777521"/>
            <a:chOff x="76116" y="5987515"/>
            <a:chExt cx="9078460" cy="777521"/>
          </a:xfrm>
        </p:grpSpPr>
        <p:sp>
          <p:nvSpPr>
            <p:cNvPr id="4" name="角丸四角形 3"/>
            <p:cNvSpPr/>
            <p:nvPr/>
          </p:nvSpPr>
          <p:spPr>
            <a:xfrm>
              <a:off x="162619" y="6289548"/>
              <a:ext cx="8991957" cy="4754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r>
                <a:rPr lang="ja-JP" altLang="en-US" sz="1400" dirty="0">
                  <a:solidFill>
                    <a:schemeClr val="tx1"/>
                  </a:solidFill>
                  <a:latin typeface="ＭＳ Ｐ明朝" panose="02020600040205080304" pitchFamily="18" charset="-128"/>
                  <a:ea typeface="ＭＳ Ｐ明朝" panose="02020600040205080304" pitchFamily="18" charset="-128"/>
                </a:rPr>
                <a:t>・大阪府</a:t>
              </a:r>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a:solidFill>
                    <a:schemeClr val="tx1"/>
                  </a:solidFill>
                  <a:latin typeface="ＭＳ Ｐ明朝" panose="02020600040205080304" pitchFamily="18" charset="-128"/>
                  <a:ea typeface="ＭＳ Ｐ明朝" panose="02020600040205080304" pitchFamily="18" charset="-128"/>
                </a:rPr>
                <a:t>商工労働部、府民文化部、</a:t>
              </a:r>
              <a:r>
                <a:rPr lang="ja-JP" altLang="en-US" sz="1400" dirty="0" smtClean="0">
                  <a:solidFill>
                    <a:schemeClr val="tx1"/>
                  </a:solidFill>
                  <a:latin typeface="ＭＳ Ｐ明朝" panose="02020600040205080304" pitchFamily="18" charset="-128"/>
                  <a:ea typeface="ＭＳ Ｐ明朝" panose="02020600040205080304" pitchFamily="18" charset="-128"/>
                </a:rPr>
                <a:t>福祉部</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r>
                <a:rPr lang="ja-JP" altLang="en-US" sz="1400" dirty="0">
                  <a:solidFill>
                    <a:schemeClr val="tx1"/>
                  </a:solidFill>
                  <a:latin typeface="ＭＳ Ｐ明朝" panose="02020600040205080304" pitchFamily="18" charset="-128"/>
                  <a:ea typeface="ＭＳ Ｐ明朝" panose="02020600040205080304" pitchFamily="18" charset="-128"/>
                </a:rPr>
                <a:t>・大阪市：市民局、こども青少年局</a:t>
              </a:r>
              <a:endParaRPr lang="en-US" altLang="ja-JP" sz="1400" dirty="0">
                <a:solidFill>
                  <a:schemeClr val="tx1"/>
                </a:solidFill>
                <a:latin typeface="ＭＳ Ｐ明朝" panose="02020600040205080304" pitchFamily="18" charset="-128"/>
                <a:ea typeface="ＭＳ Ｐ明朝" panose="02020600040205080304" pitchFamily="18" charset="-128"/>
              </a:endParaRPr>
            </a:p>
          </p:txBody>
        </p:sp>
        <p:sp>
          <p:nvSpPr>
            <p:cNvPr id="5" name="テキスト ボックス 4"/>
            <p:cNvSpPr txBox="1"/>
            <p:nvPr/>
          </p:nvSpPr>
          <p:spPr>
            <a:xfrm>
              <a:off x="76116" y="5987515"/>
              <a:ext cx="6351200" cy="338554"/>
            </a:xfrm>
            <a:prstGeom prst="rect">
              <a:avLst/>
            </a:prstGeom>
            <a:noFill/>
          </p:spPr>
          <p:txBody>
            <a:bodyPr wrap="square" rtlCol="0">
              <a:spAutoFit/>
            </a:bodyPr>
            <a:lstStyle/>
            <a:p>
              <a:r>
                <a:rPr lang="ja-JP" altLang="en-US" sz="1600" dirty="0" smtClean="0"/>
                <a:t>○</a:t>
              </a:r>
              <a:r>
                <a:rPr lang="en-US" altLang="ja-JP" sz="1600" dirty="0">
                  <a:latin typeface="ＭＳ Ｐゴシック" panose="020B0600070205080204" pitchFamily="50" charset="-128"/>
                  <a:ea typeface="ＭＳ Ｐゴシック" panose="020B0600070205080204" pitchFamily="50" charset="-128"/>
                </a:rPr>
                <a:t>『</a:t>
              </a:r>
              <a:r>
                <a:rPr lang="ja-JP" altLang="en-US" sz="1600" dirty="0">
                  <a:latin typeface="ＭＳ Ｐゴシック" panose="020B0600070205080204" pitchFamily="50" charset="-128"/>
                  <a:ea typeface="ＭＳ Ｐゴシック" panose="020B0600070205080204" pitchFamily="50" charset="-128"/>
                </a:rPr>
                <a:t>女性の活躍促進</a:t>
              </a:r>
              <a:r>
                <a:rPr lang="en-US" altLang="ja-JP" sz="1600" dirty="0">
                  <a:latin typeface="ＭＳ Ｐゴシック" panose="020B0600070205080204" pitchFamily="50" charset="-128"/>
                  <a:ea typeface="ＭＳ Ｐゴシック" panose="020B0600070205080204" pitchFamily="50" charset="-128"/>
                </a:rPr>
                <a:t>』</a:t>
              </a:r>
              <a:r>
                <a:rPr lang="ja-JP" altLang="en-US" sz="1600" dirty="0">
                  <a:latin typeface="ＭＳ Ｐゴシック" panose="020B0600070205080204" pitchFamily="50" charset="-128"/>
                  <a:ea typeface="ＭＳ Ｐゴシック" panose="020B0600070205080204" pitchFamily="50" charset="-128"/>
                </a:rPr>
                <a:t>テーマの担当</a:t>
              </a:r>
              <a:r>
                <a:rPr lang="ja-JP" altLang="en-US" sz="1600" dirty="0" smtClean="0">
                  <a:latin typeface="ＭＳ Ｐゴシック" panose="020B0600070205080204" pitchFamily="50" charset="-128"/>
                  <a:ea typeface="ＭＳ Ｐゴシック" panose="020B0600070205080204" pitchFamily="50" charset="-128"/>
                </a:rPr>
                <a:t>部局</a:t>
              </a:r>
              <a:r>
                <a:rPr lang="ja-JP" altLang="en-US" sz="1600" dirty="0" smtClean="0"/>
                <a:t>一覧</a:t>
              </a:r>
              <a:endParaRPr lang="en-US" altLang="ja-JP" sz="1600" dirty="0" smtClean="0"/>
            </a:p>
          </p:txBody>
        </p:sp>
      </p:grpSp>
    </p:spTree>
    <p:extLst>
      <p:ext uri="{BB962C8B-B14F-4D97-AF65-F5344CB8AC3E}">
        <p14:creationId xmlns:p14="http://schemas.microsoft.com/office/powerpoint/2010/main" val="124439275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5" name="テキスト ボックス 4"/>
          <p:cNvSpPr txBox="1"/>
          <p:nvPr/>
        </p:nvSpPr>
        <p:spPr>
          <a:xfrm>
            <a:off x="272481" y="738965"/>
            <a:ext cx="9419546" cy="5670783"/>
          </a:xfrm>
          <a:prstGeom prst="rect">
            <a:avLst/>
          </a:prstGeom>
          <a:noFill/>
        </p:spPr>
        <p:txBody>
          <a:bodyPr wrap="square" rtlCol="0">
            <a:spAutoFit/>
          </a:bodyPr>
          <a:lstStyle/>
          <a:p>
            <a:pPr marL="266700" indent="-266700"/>
            <a:r>
              <a:rPr kumimoji="1" lang="ja-JP" altLang="en-US" sz="1400" dirty="0" smtClean="0">
                <a:latin typeface="ＭＳ Ｐ明朝" panose="02020600040205080304" pitchFamily="18" charset="-128"/>
                <a:ea typeface="ＭＳ Ｐ明朝" panose="02020600040205080304" pitchFamily="18" charset="-128"/>
              </a:rPr>
              <a:t>○　大阪府、大阪市では、これまで様々な文化</a:t>
            </a:r>
            <a:r>
              <a:rPr lang="ja-JP" altLang="en-US" sz="1400" dirty="0">
                <a:latin typeface="ＭＳ Ｐ明朝" panose="02020600040205080304" pitchFamily="18" charset="-128"/>
                <a:ea typeface="ＭＳ Ｐ明朝" panose="02020600040205080304" pitchFamily="18" charset="-128"/>
              </a:rPr>
              <a:t>振興施策（＊）を実施</a:t>
            </a:r>
            <a:r>
              <a:rPr kumimoji="1" lang="ja-JP" altLang="en-US" sz="1400" dirty="0" smtClean="0">
                <a:latin typeface="ＭＳ Ｐ明朝" panose="02020600040205080304" pitchFamily="18" charset="-128"/>
                <a:ea typeface="ＭＳ Ｐ明朝" panose="02020600040205080304" pitchFamily="18" charset="-128"/>
              </a:rPr>
              <a:t>。</a:t>
            </a:r>
            <a:endParaRPr kumimoji="1" lang="en-US" altLang="ja-JP" sz="1400" dirty="0" smtClean="0">
              <a:latin typeface="ＭＳ Ｐ明朝" panose="02020600040205080304" pitchFamily="18" charset="-128"/>
              <a:ea typeface="ＭＳ Ｐ明朝" panose="02020600040205080304" pitchFamily="18" charset="-128"/>
            </a:endParaRPr>
          </a:p>
          <a:p>
            <a:pPr marL="266700" indent="-266700"/>
            <a:r>
              <a:rPr lang="ja-JP" altLang="en-US" sz="1100" dirty="0">
                <a:latin typeface="ＭＳ Ｐ明朝" panose="02020600040205080304" pitchFamily="18" charset="-128"/>
                <a:ea typeface="ＭＳ Ｐ明朝" panose="02020600040205080304" pitchFamily="18" charset="-128"/>
              </a:rPr>
              <a:t>　　　　＊従来の文化振興策の例</a:t>
            </a:r>
            <a:endParaRPr lang="en-US" altLang="ja-JP" sz="1100" dirty="0">
              <a:latin typeface="ＭＳ Ｐ明朝" panose="02020600040205080304" pitchFamily="18" charset="-128"/>
              <a:ea typeface="ＭＳ Ｐ明朝" panose="02020600040205080304" pitchFamily="18" charset="-128"/>
            </a:endParaRPr>
          </a:p>
          <a:p>
            <a:pPr marL="266700" indent="-266700"/>
            <a:r>
              <a:rPr lang="en-US" altLang="ja-JP" sz="1100" dirty="0">
                <a:latin typeface="ＭＳ Ｐ明朝" panose="02020600040205080304" pitchFamily="18" charset="-128"/>
                <a:ea typeface="ＭＳ Ｐ明朝" panose="02020600040205080304" pitchFamily="18" charset="-128"/>
              </a:rPr>
              <a:t>	</a:t>
            </a:r>
            <a:r>
              <a:rPr lang="ja-JP" altLang="en-US" sz="1100" dirty="0">
                <a:latin typeface="ＭＳ Ｐ明朝" panose="02020600040205080304" pitchFamily="18" charset="-128"/>
                <a:ea typeface="ＭＳ Ｐ明朝" panose="02020600040205080304" pitchFamily="18" charset="-128"/>
              </a:rPr>
              <a:t>　　</a:t>
            </a:r>
            <a:r>
              <a:rPr lang="en-US" altLang="ja-JP" sz="1100" dirty="0">
                <a:latin typeface="ＭＳ Ｐ明朝" panose="02020600040205080304" pitchFamily="18" charset="-128"/>
                <a:ea typeface="ＭＳ Ｐ明朝" panose="02020600040205080304" pitchFamily="18" charset="-128"/>
              </a:rPr>
              <a:t>&lt;</a:t>
            </a:r>
            <a:r>
              <a:rPr lang="ja-JP" altLang="en-US" sz="1100" dirty="0">
                <a:latin typeface="ＭＳ Ｐ明朝" panose="02020600040205080304" pitchFamily="18" charset="-128"/>
                <a:ea typeface="ＭＳ Ｐ明朝" panose="02020600040205080304" pitchFamily="18" charset="-128"/>
              </a:rPr>
              <a:t>府</a:t>
            </a:r>
            <a:r>
              <a:rPr lang="en-US" altLang="ja-JP" sz="1100" dirty="0">
                <a:latin typeface="ＭＳ Ｐ明朝" panose="02020600040205080304" pitchFamily="18" charset="-128"/>
                <a:ea typeface="ＭＳ Ｐ明朝" panose="02020600040205080304" pitchFamily="18" charset="-128"/>
              </a:rPr>
              <a:t>&gt;	</a:t>
            </a:r>
            <a:r>
              <a:rPr lang="ja-JP" altLang="en-US" sz="1100" dirty="0">
                <a:latin typeface="ＭＳ Ｐ明朝" panose="02020600040205080304" pitchFamily="18" charset="-128"/>
                <a:ea typeface="ＭＳ Ｐ明朝" panose="02020600040205080304" pitchFamily="18" charset="-128"/>
              </a:rPr>
              <a:t>・大阪ｾﾝﾁｭﾘｰ交響楽団運営支援</a:t>
            </a:r>
            <a:r>
              <a:rPr lang="en-US" altLang="ja-JP" sz="1100" dirty="0">
                <a:latin typeface="ＭＳ Ｐ明朝" panose="02020600040205080304" pitchFamily="18" charset="-128"/>
                <a:ea typeface="ＭＳ Ｐ明朝" panose="02020600040205080304" pitchFamily="18" charset="-128"/>
              </a:rPr>
              <a:t>	</a:t>
            </a:r>
            <a:r>
              <a:rPr lang="en-US" altLang="ja-JP" sz="1100" dirty="0" smtClean="0">
                <a:latin typeface="ＭＳ Ｐ明朝" panose="02020600040205080304" pitchFamily="18" charset="-128"/>
                <a:ea typeface="ＭＳ Ｐ明朝" panose="02020600040205080304" pitchFamily="18" charset="-128"/>
              </a:rPr>
              <a:t>                       </a:t>
            </a:r>
            <a:r>
              <a:rPr lang="ja-JP" altLang="en-US" sz="1100" dirty="0" smtClean="0">
                <a:latin typeface="ＭＳ Ｐ明朝" panose="02020600040205080304" pitchFamily="18" charset="-128"/>
                <a:ea typeface="ＭＳ Ｐ明朝" panose="02020600040205080304" pitchFamily="18" charset="-128"/>
              </a:rPr>
              <a:t>・</a:t>
            </a:r>
            <a:r>
              <a:rPr lang="ja-JP" altLang="en-US" sz="1100" dirty="0">
                <a:latin typeface="ＭＳ Ｐ明朝" panose="02020600040205080304" pitchFamily="18" charset="-128"/>
                <a:ea typeface="ＭＳ Ｐ明朝" panose="02020600040205080304" pitchFamily="18" charset="-128"/>
              </a:rPr>
              <a:t>現代美術センターの運営</a:t>
            </a:r>
            <a:endParaRPr lang="en-US" altLang="ja-JP" sz="1100" dirty="0">
              <a:latin typeface="ＭＳ Ｐ明朝" panose="02020600040205080304" pitchFamily="18" charset="-128"/>
              <a:ea typeface="ＭＳ Ｐ明朝" panose="02020600040205080304" pitchFamily="18" charset="-128"/>
            </a:endParaRPr>
          </a:p>
          <a:p>
            <a:pPr marL="266700" indent="-266700"/>
            <a:r>
              <a:rPr lang="en-US" altLang="ja-JP" sz="1100" dirty="0">
                <a:latin typeface="ＭＳ Ｐ明朝" panose="02020600040205080304" pitchFamily="18" charset="-128"/>
                <a:ea typeface="ＭＳ Ｐ明朝" panose="02020600040205080304" pitchFamily="18" charset="-128"/>
              </a:rPr>
              <a:t>		</a:t>
            </a:r>
            <a:r>
              <a:rPr lang="ja-JP" altLang="en-US" sz="1100" dirty="0">
                <a:latin typeface="ＭＳ Ｐ明朝" panose="02020600040205080304" pitchFamily="18" charset="-128"/>
                <a:ea typeface="ＭＳ Ｐ明朝" panose="02020600040205080304" pitchFamily="18" charset="-128"/>
              </a:rPr>
              <a:t>・ワッハ上方の運営</a:t>
            </a:r>
            <a:r>
              <a:rPr lang="en-US" altLang="ja-JP" sz="1100" dirty="0">
                <a:latin typeface="ＭＳ Ｐ明朝" panose="02020600040205080304" pitchFamily="18" charset="-128"/>
                <a:ea typeface="ＭＳ Ｐ明朝" panose="02020600040205080304" pitchFamily="18" charset="-128"/>
              </a:rPr>
              <a:t>		</a:t>
            </a:r>
            <a:r>
              <a:rPr lang="en-US" altLang="ja-JP" sz="1100" dirty="0" smtClean="0">
                <a:latin typeface="ＭＳ Ｐ明朝" panose="02020600040205080304" pitchFamily="18" charset="-128"/>
                <a:ea typeface="ＭＳ Ｐ明朝" panose="02020600040205080304" pitchFamily="18" charset="-128"/>
              </a:rPr>
              <a:t>                       </a:t>
            </a:r>
            <a:r>
              <a:rPr lang="ja-JP" altLang="en-US" sz="1100" dirty="0" smtClean="0">
                <a:latin typeface="ＭＳ Ｐ明朝" panose="02020600040205080304" pitchFamily="18" charset="-128"/>
                <a:ea typeface="ＭＳ Ｐ明朝" panose="02020600040205080304" pitchFamily="18" charset="-128"/>
              </a:rPr>
              <a:t>・</a:t>
            </a:r>
            <a:r>
              <a:rPr lang="ja-JP" altLang="en-US" sz="1100" dirty="0">
                <a:latin typeface="ＭＳ Ｐ明朝" panose="02020600040205080304" pitchFamily="18" charset="-128"/>
                <a:ea typeface="ＭＳ Ｐ明朝" panose="02020600040205080304" pitchFamily="18" charset="-128"/>
              </a:rPr>
              <a:t>市町村文化ホール等での文化芸術活動の促進（市町村への補助）</a:t>
            </a:r>
            <a:endParaRPr lang="en-US" altLang="ja-JP" sz="1100" dirty="0">
              <a:latin typeface="ＭＳ Ｐ明朝" panose="02020600040205080304" pitchFamily="18" charset="-128"/>
              <a:ea typeface="ＭＳ Ｐ明朝" panose="02020600040205080304" pitchFamily="18" charset="-128"/>
            </a:endParaRPr>
          </a:p>
          <a:p>
            <a:pPr marL="266700" indent="-266700"/>
            <a:r>
              <a:rPr lang="en-US" altLang="ja-JP" sz="1100" dirty="0">
                <a:latin typeface="ＭＳ Ｐ明朝" panose="02020600040205080304" pitchFamily="18" charset="-128"/>
                <a:ea typeface="ＭＳ Ｐ明朝" panose="02020600040205080304" pitchFamily="18" charset="-128"/>
              </a:rPr>
              <a:t>		</a:t>
            </a:r>
            <a:r>
              <a:rPr lang="ja-JP" altLang="en-US" sz="1100" dirty="0">
                <a:latin typeface="ＭＳ Ｐ明朝" panose="02020600040205080304" pitchFamily="18" charset="-128"/>
                <a:ea typeface="ＭＳ Ｐ明朝" panose="02020600040205080304" pitchFamily="18" charset="-128"/>
              </a:rPr>
              <a:t>・民間の芸術文化団体の活動育成促進（民間団体への補助</a:t>
            </a:r>
            <a:r>
              <a:rPr lang="ja-JP" altLang="en-US" sz="1100" dirty="0" smtClean="0">
                <a:latin typeface="ＭＳ Ｐ明朝" panose="02020600040205080304" pitchFamily="18" charset="-128"/>
                <a:ea typeface="ＭＳ Ｐ明朝" panose="02020600040205080304" pitchFamily="18" charset="-128"/>
              </a:rPr>
              <a:t>）</a:t>
            </a:r>
            <a:r>
              <a:rPr lang="ja-JP" altLang="en-US" sz="1100" dirty="0">
                <a:latin typeface="ＭＳ Ｐ明朝" panose="02020600040205080304" pitchFamily="18" charset="-128"/>
                <a:ea typeface="ＭＳ Ｐ明朝" panose="02020600040205080304" pitchFamily="18" charset="-128"/>
              </a:rPr>
              <a:t>　</a:t>
            </a:r>
            <a:r>
              <a:rPr lang="ja-JP" altLang="en-US" sz="1100" dirty="0" smtClean="0">
                <a:latin typeface="ＭＳ Ｐ明朝" panose="02020600040205080304" pitchFamily="18" charset="-128"/>
                <a:ea typeface="ＭＳ Ｐ明朝" panose="02020600040205080304" pitchFamily="18" charset="-128"/>
              </a:rPr>
              <a:t>　　 ・</a:t>
            </a:r>
            <a:r>
              <a:rPr lang="ja-JP" altLang="en-US" sz="1100" dirty="0">
                <a:latin typeface="ＭＳ Ｐ明朝" panose="02020600040205080304" pitchFamily="18" charset="-128"/>
                <a:ea typeface="ＭＳ Ｐ明朝" panose="02020600040205080304" pitchFamily="18" charset="-128"/>
              </a:rPr>
              <a:t>芸術文化顕彰事業（大阪文化賞　など）　　　　　　　など</a:t>
            </a:r>
            <a:endParaRPr lang="en-US" altLang="ja-JP" sz="1100" dirty="0">
              <a:latin typeface="ＭＳ Ｐ明朝" panose="02020600040205080304" pitchFamily="18" charset="-128"/>
              <a:ea typeface="ＭＳ Ｐ明朝" panose="02020600040205080304" pitchFamily="18" charset="-128"/>
            </a:endParaRPr>
          </a:p>
          <a:p>
            <a:pPr marL="266700" indent="-266700"/>
            <a:r>
              <a:rPr lang="en-US" altLang="ja-JP" sz="1100" dirty="0">
                <a:latin typeface="ＭＳ Ｐ明朝" panose="02020600040205080304" pitchFamily="18" charset="-128"/>
                <a:ea typeface="ＭＳ Ｐ明朝" panose="02020600040205080304" pitchFamily="18" charset="-128"/>
              </a:rPr>
              <a:t>		※</a:t>
            </a:r>
            <a:r>
              <a:rPr lang="ja-JP" altLang="en-US" sz="1100" dirty="0">
                <a:latin typeface="ＭＳ Ｐ明朝" panose="02020600040205080304" pitchFamily="18" charset="-128"/>
                <a:ea typeface="ＭＳ Ｐ明朝" panose="02020600040205080304" pitchFamily="18" charset="-128"/>
              </a:rPr>
              <a:t>参考：</a:t>
            </a:r>
            <a:r>
              <a:rPr lang="en-US" altLang="ja-JP" sz="1100" dirty="0">
                <a:latin typeface="ＭＳ Ｐ明朝" panose="02020600040205080304" pitchFamily="18" charset="-128"/>
                <a:ea typeface="ＭＳ Ｐ明朝" panose="02020600040205080304" pitchFamily="18" charset="-128"/>
              </a:rPr>
              <a:t>2008</a:t>
            </a:r>
            <a:r>
              <a:rPr lang="ja-JP" altLang="en-US" sz="1100" dirty="0">
                <a:latin typeface="ＭＳ Ｐ明朝" panose="02020600040205080304" pitchFamily="18" charset="-128"/>
                <a:ea typeface="ＭＳ Ｐ明朝" panose="02020600040205080304" pitchFamily="18" charset="-128"/>
              </a:rPr>
              <a:t>年度通年予算として見込まれていた府の文化関係事業費　総額：約１０億円</a:t>
            </a:r>
            <a:endParaRPr lang="en-US" altLang="ja-JP" sz="1100" dirty="0">
              <a:latin typeface="ＭＳ Ｐ明朝" panose="02020600040205080304" pitchFamily="18" charset="-128"/>
              <a:ea typeface="ＭＳ Ｐ明朝" panose="02020600040205080304" pitchFamily="18" charset="-128"/>
            </a:endParaRPr>
          </a:p>
          <a:p>
            <a:pPr marL="266700" indent="-266700"/>
            <a:r>
              <a:rPr lang="en-US" altLang="ja-JP" sz="1100" dirty="0">
                <a:latin typeface="ＭＳ Ｐ明朝" panose="02020600040205080304" pitchFamily="18" charset="-128"/>
                <a:ea typeface="ＭＳ Ｐ明朝" panose="02020600040205080304" pitchFamily="18" charset="-128"/>
              </a:rPr>
              <a:t>		</a:t>
            </a:r>
            <a:r>
              <a:rPr lang="ja-JP" altLang="en-US" sz="1100" dirty="0">
                <a:latin typeface="ＭＳ Ｐ明朝" panose="02020600040205080304" pitchFamily="18" charset="-128"/>
                <a:ea typeface="ＭＳ Ｐ明朝" panose="02020600040205080304" pitchFamily="18" charset="-128"/>
              </a:rPr>
              <a:t>　　　　　（</a:t>
            </a:r>
            <a:r>
              <a:rPr lang="en-US" altLang="ja-JP" sz="1100" dirty="0">
                <a:latin typeface="ＭＳ Ｐ明朝" panose="02020600040205080304" pitchFamily="18" charset="-128"/>
                <a:ea typeface="ＭＳ Ｐ明朝" panose="02020600040205080304" pitchFamily="18" charset="-128"/>
              </a:rPr>
              <a:t>2008</a:t>
            </a:r>
            <a:r>
              <a:rPr lang="ja-JP" altLang="en-US" sz="1100" dirty="0">
                <a:latin typeface="ＭＳ Ｐ明朝" panose="02020600040205080304" pitchFamily="18" charset="-128"/>
                <a:ea typeface="ＭＳ Ｐ明朝" panose="02020600040205080304" pitchFamily="18" charset="-128"/>
              </a:rPr>
              <a:t>年</a:t>
            </a:r>
            <a:r>
              <a:rPr lang="en-US" altLang="ja-JP" sz="1100" dirty="0">
                <a:latin typeface="ＭＳ Ｐ明朝" panose="02020600040205080304" pitchFamily="18" charset="-128"/>
                <a:ea typeface="ＭＳ Ｐ明朝" panose="02020600040205080304" pitchFamily="18" charset="-128"/>
              </a:rPr>
              <a:t>3</a:t>
            </a:r>
            <a:r>
              <a:rPr lang="ja-JP" altLang="en-US" sz="1100" dirty="0">
                <a:latin typeface="ＭＳ Ｐ明朝" panose="02020600040205080304" pitchFamily="18" charset="-128"/>
                <a:ea typeface="ＭＳ Ｐ明朝" panose="02020600040205080304" pitchFamily="18" charset="-128"/>
              </a:rPr>
              <a:t>月「財政再建プログラム（案）　主要検討事業（文化関係事業）の「</a:t>
            </a:r>
            <a:r>
              <a:rPr lang="en-US" altLang="ja-JP" sz="1100" dirty="0">
                <a:latin typeface="ＭＳ Ｐ明朝" panose="02020600040205080304" pitchFamily="18" charset="-128"/>
                <a:ea typeface="ＭＳ Ｐ明朝" panose="02020600040205080304" pitchFamily="18" charset="-128"/>
              </a:rPr>
              <a:t>H20</a:t>
            </a:r>
            <a:r>
              <a:rPr lang="ja-JP" altLang="en-US" sz="1100" dirty="0">
                <a:latin typeface="ＭＳ Ｐ明朝" panose="02020600040205080304" pitchFamily="18" charset="-128"/>
                <a:ea typeface="ＭＳ Ｐ明朝" panose="02020600040205080304" pitchFamily="18" charset="-128"/>
              </a:rPr>
              <a:t>通年見込額（一般財源））</a:t>
            </a:r>
            <a:endParaRPr lang="en-US" altLang="ja-JP" sz="1100" dirty="0">
              <a:latin typeface="ＭＳ Ｐ明朝" panose="02020600040205080304" pitchFamily="18" charset="-128"/>
              <a:ea typeface="ＭＳ Ｐ明朝" panose="02020600040205080304" pitchFamily="18" charset="-128"/>
            </a:endParaRPr>
          </a:p>
          <a:p>
            <a:r>
              <a:rPr lang="ja-JP" altLang="en-US" sz="1100" dirty="0">
                <a:latin typeface="ＭＳ Ｐ明朝" panose="02020600040205080304" pitchFamily="18" charset="-128"/>
                <a:ea typeface="ＭＳ Ｐ明朝" panose="02020600040205080304" pitchFamily="18" charset="-128"/>
              </a:rPr>
              <a:t>　　　　　</a:t>
            </a:r>
            <a:r>
              <a:rPr lang="en-US" altLang="ja-JP" sz="1100" dirty="0">
                <a:latin typeface="ＭＳ Ｐ明朝" panose="02020600040205080304" pitchFamily="18" charset="-128"/>
                <a:ea typeface="ＭＳ Ｐ明朝" panose="02020600040205080304" pitchFamily="18" charset="-128"/>
              </a:rPr>
              <a:t>&lt;</a:t>
            </a:r>
            <a:r>
              <a:rPr lang="ja-JP" altLang="en-US" sz="1100" dirty="0">
                <a:latin typeface="ＭＳ Ｐ明朝" panose="02020600040205080304" pitchFamily="18" charset="-128"/>
                <a:ea typeface="ＭＳ Ｐ明朝" panose="02020600040205080304" pitchFamily="18" charset="-128"/>
              </a:rPr>
              <a:t>市</a:t>
            </a:r>
            <a:r>
              <a:rPr lang="en-US" altLang="ja-JP" sz="1100" dirty="0">
                <a:latin typeface="ＭＳ Ｐ明朝" panose="02020600040205080304" pitchFamily="18" charset="-128"/>
                <a:ea typeface="ＭＳ Ｐ明朝" panose="02020600040205080304" pitchFamily="18" charset="-128"/>
              </a:rPr>
              <a:t>&gt;</a:t>
            </a:r>
            <a:r>
              <a:rPr lang="ja-JP" altLang="en-US" sz="1100" dirty="0">
                <a:latin typeface="ＭＳ Ｐ明朝" panose="02020600040205080304" pitchFamily="18" charset="-128"/>
                <a:ea typeface="ＭＳ Ｐ明朝" panose="02020600040205080304" pitchFamily="18" charset="-128"/>
              </a:rPr>
              <a:t>　</a:t>
            </a:r>
            <a:r>
              <a:rPr lang="en-US" altLang="ja-JP" sz="1100" dirty="0">
                <a:latin typeface="ＭＳ Ｐ明朝" panose="02020600040205080304" pitchFamily="18" charset="-128"/>
                <a:ea typeface="ＭＳ Ｐ明朝" panose="02020600040205080304" pitchFamily="18" charset="-128"/>
              </a:rPr>
              <a:t>	</a:t>
            </a:r>
            <a:r>
              <a:rPr lang="ja-JP" altLang="en-US" sz="1100" dirty="0" smtClean="0">
                <a:latin typeface="ＭＳ Ｐ明朝" panose="02020600040205080304" pitchFamily="18" charset="-128"/>
                <a:ea typeface="ＭＳ Ｐ明朝" panose="02020600040205080304" pitchFamily="18" charset="-128"/>
              </a:rPr>
              <a:t>・</a:t>
            </a:r>
            <a:r>
              <a:rPr lang="ja-JP" altLang="ja-JP" sz="1100" dirty="0">
                <a:latin typeface="ＭＳ Ｐ明朝" panose="02020600040205080304" pitchFamily="18" charset="-128"/>
                <a:ea typeface="ＭＳ Ｐ明朝" panose="02020600040205080304" pitchFamily="18" charset="-128"/>
              </a:rPr>
              <a:t>文楽協会、大阪フィルハーモニー協会への</a:t>
            </a:r>
            <a:r>
              <a:rPr lang="ja-JP" altLang="ja-JP" sz="1100" dirty="0" smtClean="0">
                <a:latin typeface="ＭＳ Ｐ明朝" panose="02020600040205080304" pitchFamily="18" charset="-128"/>
                <a:ea typeface="ＭＳ Ｐ明朝" panose="02020600040205080304" pitchFamily="18" charset="-128"/>
              </a:rPr>
              <a:t>助成</a:t>
            </a:r>
            <a:r>
              <a:rPr lang="ja-JP" altLang="en-US" sz="1100" dirty="0" smtClean="0">
                <a:latin typeface="ＭＳ Ｐ明朝" panose="02020600040205080304" pitchFamily="18" charset="-128"/>
                <a:ea typeface="ＭＳ Ｐ明朝" panose="02020600040205080304" pitchFamily="18" charset="-128"/>
              </a:rPr>
              <a:t>                   </a:t>
            </a:r>
            <a:r>
              <a:rPr lang="en-US" altLang="ja-JP" sz="1100" dirty="0" smtClean="0">
                <a:latin typeface="ＭＳ Ｐ明朝" panose="02020600040205080304" pitchFamily="18" charset="-128"/>
                <a:ea typeface="ＭＳ Ｐ明朝" panose="02020600040205080304" pitchFamily="18" charset="-128"/>
              </a:rPr>
              <a:t>	</a:t>
            </a:r>
            <a:r>
              <a:rPr lang="ja-JP" altLang="en-US" sz="1100" dirty="0" smtClean="0">
                <a:latin typeface="ＭＳ Ｐ明朝" panose="02020600040205080304" pitchFamily="18" charset="-128"/>
                <a:ea typeface="ＭＳ Ｐ明朝" panose="02020600040205080304" pitchFamily="18" charset="-128"/>
              </a:rPr>
              <a:t> ・</a:t>
            </a:r>
            <a:r>
              <a:rPr lang="ja-JP" altLang="ja-JP" sz="1100" dirty="0" smtClean="0">
                <a:latin typeface="ＭＳ Ｐ明朝" panose="02020600040205080304" pitchFamily="18" charset="-128"/>
                <a:ea typeface="ＭＳ Ｐ明朝" panose="02020600040205080304" pitchFamily="18" charset="-128"/>
              </a:rPr>
              <a:t>文楽</a:t>
            </a:r>
            <a:r>
              <a:rPr lang="ja-JP" altLang="ja-JP" sz="1100" dirty="0">
                <a:latin typeface="ＭＳ Ｐ明朝" panose="02020600040205080304" pitchFamily="18" charset="-128"/>
                <a:ea typeface="ＭＳ Ｐ明朝" panose="02020600040205080304" pitchFamily="18" charset="-128"/>
              </a:rPr>
              <a:t>・歌舞伎等の芸術体験事業</a:t>
            </a:r>
            <a:r>
              <a:rPr lang="en-US" altLang="ja-JP" sz="1100" dirty="0">
                <a:latin typeface="ＭＳ Ｐ明朝" panose="02020600040205080304" pitchFamily="18" charset="-128"/>
                <a:ea typeface="ＭＳ Ｐ明朝" panose="02020600040205080304" pitchFamily="18" charset="-128"/>
              </a:rPr>
              <a:t> </a:t>
            </a:r>
          </a:p>
          <a:p>
            <a:r>
              <a:rPr lang="en-US" altLang="ja-JP" sz="1100" dirty="0" smtClean="0">
                <a:latin typeface="ＭＳ Ｐ明朝" panose="02020600040205080304" pitchFamily="18" charset="-128"/>
                <a:ea typeface="ＭＳ Ｐ明朝" panose="02020600040205080304" pitchFamily="18" charset="-128"/>
              </a:rPr>
              <a:t>	</a:t>
            </a:r>
            <a:r>
              <a:rPr lang="ja-JP" altLang="ja-JP" sz="1100" dirty="0" smtClean="0">
                <a:latin typeface="ＭＳ Ｐ明朝" panose="02020600040205080304" pitchFamily="18" charset="-128"/>
                <a:ea typeface="ＭＳ Ｐ明朝" panose="02020600040205080304" pitchFamily="18" charset="-128"/>
              </a:rPr>
              <a:t>・</a:t>
            </a:r>
            <a:r>
              <a:rPr lang="ja-JP" altLang="ja-JP" sz="1100" dirty="0">
                <a:latin typeface="ＭＳ Ｐ明朝" panose="02020600040205080304" pitchFamily="18" charset="-128"/>
                <a:ea typeface="ＭＳ Ｐ明朝" panose="02020600040205080304" pitchFamily="18" charset="-128"/>
              </a:rPr>
              <a:t>芸術創造館や中央公会堂の管理</a:t>
            </a:r>
            <a:r>
              <a:rPr lang="ja-JP" altLang="ja-JP" sz="1100" dirty="0" smtClean="0">
                <a:latin typeface="ＭＳ Ｐ明朝" panose="02020600040205080304" pitchFamily="18" charset="-128"/>
                <a:ea typeface="ＭＳ Ｐ明朝" panose="02020600040205080304" pitchFamily="18" charset="-128"/>
              </a:rPr>
              <a:t>運営</a:t>
            </a:r>
            <a:r>
              <a:rPr lang="en-US" altLang="ja-JP" sz="1100" dirty="0" smtClean="0">
                <a:latin typeface="ＭＳ Ｐ明朝" panose="02020600040205080304" pitchFamily="18" charset="-128"/>
                <a:ea typeface="ＭＳ Ｐ明朝" panose="02020600040205080304" pitchFamily="18" charset="-128"/>
              </a:rPr>
              <a:t>        </a:t>
            </a:r>
            <a:r>
              <a:rPr lang="ja-JP" altLang="en-US" sz="1100" dirty="0" smtClean="0">
                <a:latin typeface="ＭＳ Ｐ明朝" panose="02020600040205080304" pitchFamily="18" charset="-128"/>
                <a:ea typeface="ＭＳ Ｐ明朝" panose="02020600040205080304" pitchFamily="18" charset="-128"/>
              </a:rPr>
              <a:t>　　　                  　　・</a:t>
            </a:r>
            <a:r>
              <a:rPr lang="ja-JP" altLang="en-US" sz="1100" dirty="0">
                <a:latin typeface="ＭＳ Ｐ明朝" panose="02020600040205080304" pitchFamily="18" charset="-128"/>
                <a:ea typeface="ＭＳ Ｐ明朝" panose="02020600040205080304" pitchFamily="18" charset="-128"/>
              </a:rPr>
              <a:t>大阪クラシックの開催</a:t>
            </a:r>
            <a:endParaRPr lang="ja-JP" altLang="ja-JP" sz="1100" dirty="0">
              <a:latin typeface="ＭＳ Ｐ明朝" panose="02020600040205080304" pitchFamily="18" charset="-128"/>
              <a:ea typeface="ＭＳ Ｐ明朝" panose="02020600040205080304" pitchFamily="18" charset="-128"/>
            </a:endParaRPr>
          </a:p>
          <a:p>
            <a:r>
              <a:rPr lang="en-US" altLang="ja-JP" sz="1100" dirty="0" smtClean="0">
                <a:latin typeface="ＭＳ Ｐ明朝" panose="02020600040205080304" pitchFamily="18" charset="-128"/>
                <a:ea typeface="ＭＳ Ｐ明朝" panose="02020600040205080304" pitchFamily="18" charset="-128"/>
              </a:rPr>
              <a:t>	</a:t>
            </a:r>
            <a:r>
              <a:rPr lang="ja-JP" altLang="ja-JP" sz="1100" dirty="0" smtClean="0">
                <a:latin typeface="ＭＳ Ｐ明朝" panose="02020600040205080304" pitchFamily="18" charset="-128"/>
                <a:ea typeface="ＭＳ Ｐ明朝" panose="02020600040205080304" pitchFamily="18" charset="-128"/>
              </a:rPr>
              <a:t>・</a:t>
            </a:r>
            <a:r>
              <a:rPr lang="ja-JP" altLang="en-US" sz="1100" dirty="0">
                <a:latin typeface="ＭＳ Ｐ明朝" panose="02020600040205080304" pitchFamily="18" charset="-128"/>
                <a:ea typeface="ＭＳ Ｐ明朝" panose="02020600040205080304" pitchFamily="18" charset="-128"/>
              </a:rPr>
              <a:t>大阪アジアン映画祭の開催　　　　　　　　　　</a:t>
            </a:r>
            <a:r>
              <a:rPr lang="ja-JP" altLang="en-US" sz="1100" dirty="0" smtClean="0">
                <a:latin typeface="ＭＳ Ｐ明朝" panose="02020600040205080304" pitchFamily="18" charset="-128"/>
                <a:ea typeface="ＭＳ Ｐ明朝" panose="02020600040205080304" pitchFamily="18" charset="-128"/>
              </a:rPr>
              <a:t>　　　　                   　</a:t>
            </a:r>
            <a:r>
              <a:rPr lang="ja-JP" altLang="ja-JP" sz="1100" dirty="0" smtClean="0">
                <a:latin typeface="ＭＳ Ｐ明朝" panose="02020600040205080304" pitchFamily="18" charset="-128"/>
                <a:ea typeface="ＭＳ Ｐ明朝" panose="02020600040205080304" pitchFamily="18" charset="-128"/>
              </a:rPr>
              <a:t>・</a:t>
            </a:r>
            <a:r>
              <a:rPr lang="ja-JP" altLang="ja-JP" sz="1100" dirty="0">
                <a:latin typeface="ＭＳ Ｐ明朝" panose="02020600040205080304" pitchFamily="18" charset="-128"/>
                <a:ea typeface="ＭＳ Ｐ明朝" panose="02020600040205080304" pitchFamily="18" charset="-128"/>
              </a:rPr>
              <a:t>舞台芸術活動振興事業</a:t>
            </a:r>
            <a:r>
              <a:rPr lang="ja-JP" altLang="en-US" sz="1100" dirty="0">
                <a:latin typeface="ＭＳ Ｐ明朝" panose="02020600040205080304" pitchFamily="18" charset="-128"/>
                <a:ea typeface="ＭＳ Ｐ明朝" panose="02020600040205080304" pitchFamily="18" charset="-128"/>
              </a:rPr>
              <a:t>　</a:t>
            </a:r>
            <a:endParaRPr lang="en-US" altLang="ja-JP" sz="1100" dirty="0">
              <a:latin typeface="ＭＳ Ｐ明朝" panose="02020600040205080304" pitchFamily="18" charset="-128"/>
              <a:ea typeface="ＭＳ Ｐ明朝" panose="02020600040205080304" pitchFamily="18" charset="-128"/>
            </a:endParaRPr>
          </a:p>
          <a:p>
            <a:r>
              <a:rPr lang="ja-JP" altLang="en-US" sz="1100" dirty="0">
                <a:latin typeface="ＭＳ Ｐ明朝" panose="02020600040205080304" pitchFamily="18" charset="-128"/>
                <a:ea typeface="ＭＳ Ｐ明朝" panose="02020600040205080304" pitchFamily="18" charset="-128"/>
              </a:rPr>
              <a:t>　　　　　　　　　　 ・「咲くやこの花賞」「織田作之助賞」「三好達治賞」等芸術・文化の奨励 　　　　　　　　　など　　</a:t>
            </a:r>
            <a:endParaRPr lang="ja-JP" altLang="ja-JP" sz="1100" dirty="0">
              <a:latin typeface="ＭＳ Ｐ明朝" panose="02020600040205080304" pitchFamily="18" charset="-128"/>
              <a:ea typeface="ＭＳ Ｐ明朝" panose="02020600040205080304" pitchFamily="18" charset="-128"/>
            </a:endParaRPr>
          </a:p>
          <a:p>
            <a:r>
              <a:rPr lang="ja-JP" altLang="en-US" sz="1100" dirty="0">
                <a:latin typeface="ＭＳ Ｐ明朝" panose="02020600040205080304" pitchFamily="18" charset="-128"/>
                <a:ea typeface="ＭＳ Ｐ明朝" panose="02020600040205080304" pitchFamily="18" charset="-128"/>
              </a:rPr>
              <a:t>　　　　　　　　　　 </a:t>
            </a:r>
            <a:r>
              <a:rPr lang="en-US" altLang="ja-JP" sz="1100" dirty="0">
                <a:latin typeface="ＭＳ Ｐ明朝" panose="02020600040205080304" pitchFamily="18" charset="-128"/>
                <a:ea typeface="ＭＳ Ｐ明朝" panose="02020600040205080304" pitchFamily="18" charset="-128"/>
              </a:rPr>
              <a:t>※</a:t>
            </a:r>
            <a:r>
              <a:rPr lang="ja-JP" altLang="en-US" sz="1100" dirty="0">
                <a:latin typeface="ＭＳ Ｐ明朝" panose="02020600040205080304" pitchFamily="18" charset="-128"/>
                <a:ea typeface="ＭＳ Ｐ明朝" panose="02020600040205080304" pitchFamily="18" charset="-128"/>
              </a:rPr>
              <a:t>参考：</a:t>
            </a:r>
            <a:r>
              <a:rPr lang="en-US" altLang="ja-JP" sz="1100" dirty="0">
                <a:latin typeface="ＭＳ Ｐ明朝" panose="02020600040205080304" pitchFamily="18" charset="-128"/>
                <a:ea typeface="ＭＳ Ｐ明朝" panose="02020600040205080304" pitchFamily="18" charset="-128"/>
              </a:rPr>
              <a:t>2009</a:t>
            </a:r>
            <a:r>
              <a:rPr lang="ja-JP" altLang="en-US" sz="1100" dirty="0">
                <a:latin typeface="ＭＳ Ｐ明朝" panose="02020600040205080304" pitchFamily="18" charset="-128"/>
                <a:ea typeface="ＭＳ Ｐ明朝" panose="02020600040205080304" pitchFamily="18" charset="-128"/>
              </a:rPr>
              <a:t>年度の大阪市の文化関係事業費　総額：約８億円</a:t>
            </a:r>
            <a:endParaRPr lang="en-US" altLang="ja-JP" sz="1100" dirty="0">
              <a:latin typeface="ＭＳ Ｐ明朝" panose="02020600040205080304" pitchFamily="18" charset="-128"/>
              <a:ea typeface="ＭＳ Ｐ明朝" panose="02020600040205080304" pitchFamily="18" charset="-128"/>
            </a:endParaRPr>
          </a:p>
          <a:p>
            <a:pPr marL="266700" indent="-266700"/>
            <a:r>
              <a:rPr lang="ja-JP" altLang="en-US" sz="1100" dirty="0">
                <a:latin typeface="ＭＳ Ｐ明朝" panose="02020600040205080304" pitchFamily="18" charset="-128"/>
                <a:ea typeface="ＭＳ Ｐ明朝" panose="02020600040205080304" pitchFamily="18" charset="-128"/>
              </a:rPr>
              <a:t>　　　　　　　　　　　　　　　　（</a:t>
            </a:r>
            <a:r>
              <a:rPr lang="en-US" altLang="ja-JP" sz="1100" dirty="0">
                <a:latin typeface="ＭＳ Ｐ明朝" panose="02020600040205080304" pitchFamily="18" charset="-128"/>
                <a:ea typeface="ＭＳ Ｐ明朝" panose="02020600040205080304" pitchFamily="18" charset="-128"/>
              </a:rPr>
              <a:t>2009</a:t>
            </a:r>
            <a:r>
              <a:rPr lang="ja-JP" altLang="en-US" sz="1100" dirty="0">
                <a:latin typeface="ＭＳ Ｐ明朝" panose="02020600040205080304" pitchFamily="18" charset="-128"/>
                <a:ea typeface="ＭＳ Ｐ明朝" panose="02020600040205080304" pitchFamily="18" charset="-128"/>
              </a:rPr>
              <a:t>年</a:t>
            </a:r>
            <a:r>
              <a:rPr lang="en-US" altLang="ja-JP" sz="1100" dirty="0">
                <a:latin typeface="ＭＳ Ｐ明朝" panose="02020600040205080304" pitchFamily="18" charset="-128"/>
                <a:ea typeface="ＭＳ Ｐ明朝" panose="02020600040205080304" pitchFamily="18" charset="-128"/>
              </a:rPr>
              <a:t>6</a:t>
            </a:r>
            <a:r>
              <a:rPr lang="ja-JP" altLang="en-US" sz="1100" dirty="0">
                <a:latin typeface="ＭＳ Ｐ明朝" panose="02020600040205080304" pitchFamily="18" charset="-128"/>
                <a:ea typeface="ＭＳ Ｐ明朝" panose="02020600040205080304" pitchFamily="18" charset="-128"/>
              </a:rPr>
              <a:t>月「事務</a:t>
            </a:r>
            <a:r>
              <a:rPr lang="ja-JP" altLang="en-US" sz="1100" dirty="0" smtClean="0">
                <a:latin typeface="ＭＳ Ｐ明朝" panose="02020600040205080304" pitchFamily="18" charset="-128"/>
                <a:ea typeface="ＭＳ Ｐ明朝" panose="02020600040205080304" pitchFamily="18" charset="-128"/>
              </a:rPr>
              <a:t>事業総点検の資料公表」に</a:t>
            </a:r>
            <a:r>
              <a:rPr lang="ja-JP" altLang="en-US" sz="1100" dirty="0">
                <a:latin typeface="ＭＳ Ｐ明朝" panose="02020600040205080304" pitchFamily="18" charset="-128"/>
                <a:ea typeface="ＭＳ Ｐ明朝" panose="02020600040205080304" pitchFamily="18" charset="-128"/>
              </a:rPr>
              <a:t>おける文化関係掲載事業の</a:t>
            </a:r>
            <a:r>
              <a:rPr lang="en-US" altLang="ja-JP" sz="1100" dirty="0">
                <a:latin typeface="ＭＳ Ｐ明朝" panose="02020600040205080304" pitchFamily="18" charset="-128"/>
                <a:ea typeface="ＭＳ Ｐ明朝" panose="02020600040205080304" pitchFamily="18" charset="-128"/>
              </a:rPr>
              <a:t>2009</a:t>
            </a:r>
            <a:r>
              <a:rPr lang="ja-JP" altLang="en-US" sz="1100" dirty="0">
                <a:latin typeface="ＭＳ Ｐ明朝" panose="02020600040205080304" pitchFamily="18" charset="-128"/>
                <a:ea typeface="ＭＳ Ｐ明朝" panose="02020600040205080304" pitchFamily="18" charset="-128"/>
              </a:rPr>
              <a:t>年度予算額）</a:t>
            </a:r>
            <a:endParaRPr lang="en-US" altLang="ja-JP" sz="1100" dirty="0">
              <a:latin typeface="ＭＳ Ｐ明朝" panose="02020600040205080304" pitchFamily="18" charset="-128"/>
              <a:ea typeface="ＭＳ Ｐ明朝" panose="02020600040205080304" pitchFamily="18" charset="-128"/>
            </a:endParaRPr>
          </a:p>
          <a:p>
            <a:pPr marL="266700" indent="-266700"/>
            <a:endParaRPr lang="en-US" altLang="ja-JP" sz="1400" dirty="0">
              <a:latin typeface="ＭＳ Ｐ明朝" panose="02020600040205080304" pitchFamily="18" charset="-128"/>
              <a:ea typeface="ＭＳ Ｐ明朝" panose="02020600040205080304" pitchFamily="18" charset="-128"/>
            </a:endParaRPr>
          </a:p>
          <a:p>
            <a:pPr marL="182563" indent="-182563"/>
            <a:r>
              <a:rPr kumimoji="1" lang="ja-JP" altLang="en-US" sz="1400" dirty="0" smtClean="0">
                <a:latin typeface="ＭＳ Ｐ明朝" panose="02020600040205080304" pitchFamily="18" charset="-128"/>
                <a:ea typeface="ＭＳ Ｐ明朝" panose="02020600040205080304" pitchFamily="18" charset="-128"/>
              </a:rPr>
              <a:t>○その中に、「文化」は重要なものだが不採算のため、公的支援を行うことは行政として当然の役割であるという認識で、特定の文化関係団体への補助金交付による運営支援もあったが、</a:t>
            </a:r>
            <a:r>
              <a:rPr lang="ja-JP" altLang="en-US" sz="1400" dirty="0" smtClean="0">
                <a:latin typeface="ＭＳ Ｐ明朝" panose="02020600040205080304" pitchFamily="18" charset="-128"/>
                <a:ea typeface="ＭＳ Ｐ明朝" panose="02020600040205080304" pitchFamily="18" charset="-128"/>
              </a:rPr>
              <a:t>団体運営支援には、目標設定や達成状況の管理が難しいという問題点、公金の使途や効果についての透明性の課題があることから、支援のありかたを抜本的に見直した。</a:t>
            </a:r>
            <a:endParaRPr lang="en-US" altLang="ja-JP" sz="1400" dirty="0" smtClean="0">
              <a:latin typeface="ＭＳ Ｐ明朝" panose="02020600040205080304" pitchFamily="18" charset="-128"/>
              <a:ea typeface="ＭＳ Ｐ明朝" panose="02020600040205080304" pitchFamily="18" charset="-128"/>
            </a:endParaRPr>
          </a:p>
          <a:p>
            <a:pPr marL="182563" indent="-182563"/>
            <a:r>
              <a:rPr kumimoji="1" lang="ja-JP" altLang="en-US" sz="1400" dirty="0" smtClean="0">
                <a:latin typeface="ＭＳ Ｐ明朝" panose="02020600040205080304" pitchFamily="18" charset="-128"/>
                <a:ea typeface="ＭＳ Ｐ明朝" panose="02020600040205080304" pitchFamily="18" charset="-128"/>
              </a:rPr>
              <a:t>　　　　＜文化関係団体への支援</a:t>
            </a:r>
            <a:r>
              <a:rPr lang="ja-JP" altLang="en-US" sz="1400" dirty="0" smtClean="0">
                <a:latin typeface="ＭＳ Ｐ明朝" panose="02020600040205080304" pitchFamily="18" charset="-128"/>
                <a:ea typeface="ＭＳ Ｐ明朝" panose="02020600040205080304" pitchFamily="18" charset="-128"/>
              </a:rPr>
              <a:t>の考え方</a:t>
            </a:r>
            <a:r>
              <a:rPr kumimoji="1" lang="ja-JP" altLang="en-US" sz="1400" dirty="0" smtClean="0">
                <a:latin typeface="ＭＳ Ｐ明朝" panose="02020600040205080304" pitchFamily="18" charset="-128"/>
                <a:ea typeface="ＭＳ Ｐ明朝" panose="02020600040205080304" pitchFamily="18" charset="-128"/>
              </a:rPr>
              <a:t>の整理＞</a:t>
            </a:r>
            <a:endParaRPr kumimoji="1" lang="en-US" altLang="ja-JP" sz="1400" dirty="0" smtClean="0">
              <a:latin typeface="ＭＳ Ｐ明朝" panose="02020600040205080304" pitchFamily="18" charset="-128"/>
              <a:ea typeface="ＭＳ Ｐ明朝" panose="02020600040205080304" pitchFamily="18" charset="-128"/>
            </a:endParaRPr>
          </a:p>
          <a:p>
            <a:pPr marL="266700" indent="-266700"/>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①　特定団体の支援は行わない（一義的には自立的な運営をめざす）</a:t>
            </a:r>
            <a:endParaRPr lang="en-US" altLang="ja-JP" sz="1400" dirty="0" smtClean="0">
              <a:latin typeface="ＭＳ Ｐ明朝" panose="02020600040205080304" pitchFamily="18" charset="-128"/>
              <a:ea typeface="ＭＳ Ｐ明朝" panose="02020600040205080304" pitchFamily="18" charset="-128"/>
            </a:endParaRPr>
          </a:p>
          <a:p>
            <a:pPr marL="266700" indent="-266700"/>
            <a:r>
              <a:rPr kumimoji="1" lang="ja-JP" altLang="en-US" sz="1400" dirty="0">
                <a:latin typeface="ＭＳ Ｐ明朝" panose="02020600040205080304" pitchFamily="18" charset="-128"/>
                <a:ea typeface="ＭＳ Ｐ明朝" panose="02020600040205080304" pitchFamily="18" charset="-128"/>
              </a:rPr>
              <a:t>　</a:t>
            </a:r>
            <a:r>
              <a:rPr kumimoji="1" lang="ja-JP" altLang="en-US" sz="1400" dirty="0" smtClean="0">
                <a:latin typeface="ＭＳ Ｐ明朝" panose="02020600040205080304" pitchFamily="18" charset="-128"/>
                <a:ea typeface="ＭＳ Ｐ明朝" panose="02020600040205080304" pitchFamily="18" charset="-128"/>
              </a:rPr>
              <a:t>　　　　②　支援を行う場合は、団体運営への補助ではなく、事業に対する補助とする</a:t>
            </a:r>
            <a:endParaRPr kumimoji="1" lang="en-US" altLang="ja-JP" sz="1400" dirty="0" smtClean="0">
              <a:latin typeface="ＭＳ Ｐ明朝" panose="02020600040205080304" pitchFamily="18" charset="-128"/>
              <a:ea typeface="ＭＳ Ｐ明朝" panose="02020600040205080304" pitchFamily="18" charset="-128"/>
            </a:endParaRPr>
          </a:p>
          <a:p>
            <a:pPr marL="901700" indent="-901700"/>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③　補助を行う際にも、競争環境の中での一般補助の手法を用い、また、成果や実績に応じてインセンティブを設けるなどの工夫も行う</a:t>
            </a:r>
            <a:endParaRPr lang="en-US" altLang="ja-JP" sz="1400" dirty="0" smtClean="0">
              <a:latin typeface="ＭＳ Ｐ明朝" panose="02020600040205080304" pitchFamily="18" charset="-128"/>
              <a:ea typeface="ＭＳ Ｐ明朝" panose="02020600040205080304" pitchFamily="18" charset="-128"/>
            </a:endParaRPr>
          </a:p>
          <a:p>
            <a:pPr marL="266700" indent="-266700"/>
            <a:r>
              <a:rPr kumimoji="1" lang="ja-JP" altLang="en-US" sz="1400" dirty="0">
                <a:latin typeface="ＭＳ Ｐ明朝" panose="02020600040205080304" pitchFamily="18" charset="-128"/>
                <a:ea typeface="ＭＳ Ｐ明朝" panose="02020600040205080304" pitchFamily="18" charset="-128"/>
              </a:rPr>
              <a:t>　</a:t>
            </a:r>
            <a:r>
              <a:rPr kumimoji="1" lang="ja-JP" altLang="en-US" sz="1400" dirty="0" smtClean="0">
                <a:latin typeface="ＭＳ Ｐ明朝" panose="02020600040205080304" pitchFamily="18" charset="-128"/>
                <a:ea typeface="ＭＳ Ｐ明朝" panose="02020600040205080304" pitchFamily="18" charset="-128"/>
              </a:rPr>
              <a:t>　　　　④　費用対効果を踏まえた補助対象や補助金額の決定を行う</a:t>
            </a:r>
            <a:endParaRPr kumimoji="1" lang="en-US" altLang="ja-JP" sz="1400" dirty="0" smtClean="0">
              <a:latin typeface="ＭＳ Ｐ明朝" panose="02020600040205080304" pitchFamily="18" charset="-128"/>
              <a:ea typeface="ＭＳ Ｐ明朝" panose="02020600040205080304" pitchFamily="18" charset="-128"/>
            </a:endParaRPr>
          </a:p>
          <a:p>
            <a:pPr marL="266700" indent="-266700"/>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⑤　費用対効果や事業の効果検証には、行政ではなく、芸術文化の専門家による評価を行う</a:t>
            </a:r>
            <a:endParaRPr kumimoji="1" lang="en-US" altLang="ja-JP" sz="1400" dirty="0" smtClean="0">
              <a:latin typeface="ＭＳ Ｐ明朝" panose="02020600040205080304" pitchFamily="18" charset="-128"/>
              <a:ea typeface="ＭＳ Ｐ明朝" panose="02020600040205080304" pitchFamily="18" charset="-128"/>
            </a:endParaRPr>
          </a:p>
          <a:p>
            <a:pPr marL="266700" indent="-266700">
              <a:spcBef>
                <a:spcPts val="600"/>
              </a:spcBef>
            </a:pPr>
            <a:r>
              <a:rPr kumimoji="1" lang="ja-JP" altLang="en-US" sz="1400" dirty="0" smtClean="0">
                <a:latin typeface="ＭＳ Ｐ明朝" panose="02020600040205080304" pitchFamily="18" charset="-128"/>
                <a:ea typeface="ＭＳ Ｐ明朝" panose="02020600040205080304" pitchFamily="18" charset="-128"/>
              </a:rPr>
              <a:t>○　この方針に基づき、</a:t>
            </a:r>
            <a:r>
              <a:rPr lang="ja-JP" altLang="en-US" sz="1400" dirty="0" smtClean="0">
                <a:latin typeface="ＭＳ Ｐ明朝" panose="02020600040205080304" pitchFamily="18" charset="-128"/>
                <a:ea typeface="ＭＳ Ｐ明朝" panose="02020600040205080304" pitchFamily="18" charset="-128"/>
              </a:rPr>
              <a:t>大阪センチュリー交響楽団、</a:t>
            </a:r>
            <a:r>
              <a:rPr kumimoji="1" lang="ja-JP" altLang="en-US" sz="1400" dirty="0" smtClean="0">
                <a:latin typeface="ＭＳ Ｐ明朝" panose="02020600040205080304" pitchFamily="18" charset="-128"/>
                <a:ea typeface="ＭＳ Ｐ明朝" panose="02020600040205080304" pitchFamily="18" charset="-128"/>
              </a:rPr>
              <a:t>大阪フィルハーモニー交響楽団、</a:t>
            </a:r>
            <a:r>
              <a:rPr lang="ja-JP" altLang="en-US" sz="1400" dirty="0" smtClean="0">
                <a:latin typeface="ＭＳ Ｐ明朝" panose="02020600040205080304" pitchFamily="18" charset="-128"/>
                <a:ea typeface="ＭＳ Ｐ明朝" panose="02020600040205080304" pitchFamily="18" charset="-128"/>
              </a:rPr>
              <a:t>文楽協会、</a:t>
            </a:r>
            <a:r>
              <a:rPr kumimoji="1" lang="ja-JP" altLang="en-US" sz="1400" dirty="0" smtClean="0">
                <a:latin typeface="ＭＳ Ｐ明朝" panose="02020600040205080304" pitchFamily="18" charset="-128"/>
                <a:ea typeface="ＭＳ Ｐ明朝" panose="02020600040205080304" pitchFamily="18" charset="-128"/>
              </a:rPr>
              <a:t>大阪市音楽団の自立化や支援手法の改革を行った。</a:t>
            </a:r>
            <a:r>
              <a:rPr lang="ja-JP" altLang="en-US" sz="1400" dirty="0">
                <a:latin typeface="ＭＳ Ｐ明朝" panose="02020600040205080304" pitchFamily="18" charset="-128"/>
                <a:ea typeface="ＭＳ Ｐ明朝" panose="02020600040205080304" pitchFamily="18" charset="-128"/>
              </a:rPr>
              <a:t>また、府市文化振興会議の部会として新たに「大阪アーツカウンシル」を設置</a:t>
            </a:r>
            <a:r>
              <a:rPr lang="ja-JP" altLang="en-US" sz="1400" dirty="0" smtClean="0">
                <a:latin typeface="ＭＳ Ｐ明朝" panose="02020600040205080304" pitchFamily="18" charset="-128"/>
                <a:ea typeface="ＭＳ Ｐ明朝" panose="02020600040205080304" pitchFamily="18" charset="-128"/>
              </a:rPr>
              <a:t>し府市の文化課が所管する事業（＊）を芸術文化の専門家が検証、評価等を行う体制を整えた</a:t>
            </a:r>
            <a:r>
              <a:rPr kumimoji="1" lang="ja-JP" altLang="en-US" sz="1400" dirty="0" smtClean="0">
                <a:latin typeface="ＭＳ Ｐ明朝" panose="02020600040205080304" pitchFamily="18" charset="-128"/>
                <a:ea typeface="ＭＳ Ｐ明朝" panose="02020600040205080304" pitchFamily="18" charset="-128"/>
              </a:rPr>
              <a:t>。</a:t>
            </a:r>
            <a:r>
              <a:rPr lang="ja-JP" altLang="en-US" sz="1050" dirty="0">
                <a:latin typeface="ＭＳ Ｐ明朝" panose="02020600040205080304" pitchFamily="18" charset="-128"/>
                <a:ea typeface="ＭＳ Ｐ明朝" panose="02020600040205080304" pitchFamily="18" charset="-128"/>
              </a:rPr>
              <a:t>　（＊）市では、文化課文化担当の所管事業</a:t>
            </a:r>
            <a:endParaRPr kumimoji="1" lang="en-US" altLang="ja-JP" sz="1050" dirty="0" smtClean="0">
              <a:latin typeface="ＭＳ Ｐ明朝" panose="02020600040205080304" pitchFamily="18" charset="-128"/>
              <a:ea typeface="ＭＳ Ｐ明朝" panose="02020600040205080304" pitchFamily="18" charset="-128"/>
            </a:endParaRPr>
          </a:p>
          <a:p>
            <a:pPr marL="266700" indent="-266700">
              <a:spcBef>
                <a:spcPts val="600"/>
              </a:spcBef>
            </a:pPr>
            <a:r>
              <a:rPr lang="ja-JP" altLang="en-US" sz="1050" dirty="0">
                <a:latin typeface="ＭＳ Ｐ明朝" panose="02020600040205080304" pitchFamily="18" charset="-128"/>
                <a:ea typeface="ＭＳ Ｐ明朝" panose="02020600040205080304" pitchFamily="18" charset="-128"/>
              </a:rPr>
              <a:t>　</a:t>
            </a:r>
            <a:r>
              <a:rPr lang="ja-JP" altLang="en-US" sz="1050" dirty="0" smtClean="0">
                <a:latin typeface="ＭＳ Ｐ明朝" panose="02020600040205080304" pitchFamily="18" charset="-128"/>
                <a:ea typeface="ＭＳ Ｐ明朝" panose="02020600040205080304" pitchFamily="18" charset="-128"/>
              </a:rPr>
              <a:t>　　　</a:t>
            </a:r>
            <a:r>
              <a:rPr lang="en-US" altLang="ja-JP" sz="1050" dirty="0" smtClean="0">
                <a:latin typeface="ＭＳ Ｐ明朝" panose="02020600040205080304" pitchFamily="18" charset="-128"/>
                <a:ea typeface="ＭＳ Ｐ明朝" panose="02020600040205080304" pitchFamily="18" charset="-128"/>
              </a:rPr>
              <a:t>※</a:t>
            </a:r>
            <a:r>
              <a:rPr lang="ja-JP" altLang="en-US" sz="1050" dirty="0" smtClean="0">
                <a:latin typeface="ＭＳ Ｐ明朝" panose="02020600040205080304" pitchFamily="18" charset="-128"/>
                <a:ea typeface="ＭＳ Ｐ明朝" panose="02020600040205080304" pitchFamily="18" charset="-128"/>
              </a:rPr>
              <a:t>アーツカウンシルでの評価対象事業（</a:t>
            </a:r>
            <a:r>
              <a:rPr lang="en-US" altLang="ja-JP" sz="1050" dirty="0" smtClean="0">
                <a:latin typeface="ＭＳ Ｐ明朝" panose="02020600040205080304" pitchFamily="18" charset="-128"/>
                <a:ea typeface="ＭＳ Ｐ明朝" panose="02020600040205080304" pitchFamily="18" charset="-128"/>
              </a:rPr>
              <a:t>2014</a:t>
            </a:r>
            <a:r>
              <a:rPr lang="ja-JP" altLang="en-US" sz="1050" dirty="0" smtClean="0">
                <a:latin typeface="ＭＳ Ｐ明朝" panose="02020600040205080304" pitchFamily="18" charset="-128"/>
                <a:ea typeface="ＭＳ Ｐ明朝" panose="02020600040205080304" pitchFamily="18" charset="-128"/>
              </a:rPr>
              <a:t>年度予算）　　府：１８件　事業予算合計　２億　４２４万円　、大阪市　：　２５件　事業予算合計　３億３，７６０万円</a:t>
            </a:r>
            <a:endParaRPr kumimoji="1" lang="en-US" altLang="ja-JP" sz="1050" dirty="0" smtClean="0">
              <a:latin typeface="ＭＳ Ｐ明朝" panose="02020600040205080304" pitchFamily="18" charset="-128"/>
              <a:ea typeface="ＭＳ Ｐ明朝" panose="02020600040205080304" pitchFamily="18" charset="-128"/>
            </a:endParaRPr>
          </a:p>
        </p:txBody>
      </p:sp>
      <p:sp>
        <p:nvSpPr>
          <p:cNvPr id="8"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３．</a:t>
            </a:r>
            <a:r>
              <a:rPr lang="ja-JP" altLang="en-US" sz="2000" b="1" dirty="0" smtClean="0">
                <a:solidFill>
                  <a:schemeClr val="bg1"/>
                </a:solidFill>
                <a:latin typeface="ＭＳ ゴシック" pitchFamily="49" charset="-128"/>
                <a:ea typeface="ＭＳ ゴシック" pitchFamily="49" charset="-128"/>
              </a:rPr>
              <a:t>　文化支援施策の改革　～関係団体支援手法の転換～</a:t>
            </a:r>
            <a:r>
              <a:rPr lang="en-US" altLang="ja-JP" sz="1600" b="1" dirty="0" smtClean="0">
                <a:solidFill>
                  <a:schemeClr val="bg1"/>
                </a:solidFill>
                <a:latin typeface="ＭＳ ゴシック" pitchFamily="49" charset="-128"/>
                <a:ea typeface="ＭＳ ゴシック" pitchFamily="49" charset="-128"/>
              </a:rPr>
              <a:t> </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54</a:t>
            </a:fld>
            <a:endParaRPr kumimoji="1" lang="ja-JP" altLang="en-US" dirty="0"/>
          </a:p>
        </p:txBody>
      </p:sp>
    </p:spTree>
    <p:extLst>
      <p:ext uri="{BB962C8B-B14F-4D97-AF65-F5344CB8AC3E}">
        <p14:creationId xmlns:p14="http://schemas.microsoft.com/office/powerpoint/2010/main" val="2254457847"/>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16464" y="21556"/>
            <a:ext cx="9739938" cy="358331"/>
          </a:xfrm>
          <a:prstGeom prst="rect">
            <a:avLst/>
          </a:prstGeom>
          <a:noFill/>
        </p:spPr>
        <p:txBody>
          <a:bodyPr wrap="square" lIns="65306" tIns="32653" rIns="65306" bIns="32653" rtlCol="0">
            <a:spAutoFit/>
          </a:bodyPr>
          <a:lstStyle/>
          <a:p>
            <a:r>
              <a:rPr lang="ja-JP" altLang="en-US" dirty="0" smtClean="0"/>
              <a:t>文化関係団体支援の転換　</a:t>
            </a:r>
            <a:r>
              <a:rPr lang="ja-JP" altLang="en-US" sz="1400" dirty="0" smtClean="0"/>
              <a:t>（団体運営補助からニーズや実績を踏まえ、透明性が確保された支援手法へ）</a:t>
            </a:r>
            <a:endParaRPr kumimoji="1" lang="ja-JP" altLang="en-US" sz="1400" dirty="0"/>
          </a:p>
        </p:txBody>
      </p:sp>
      <p:sp>
        <p:nvSpPr>
          <p:cNvPr id="4" name="正方形/長方形 3"/>
          <p:cNvSpPr/>
          <p:nvPr/>
        </p:nvSpPr>
        <p:spPr>
          <a:xfrm>
            <a:off x="118660" y="838200"/>
            <a:ext cx="3898236" cy="2260600"/>
          </a:xfrm>
          <a:prstGeom prst="rect">
            <a:avLst/>
          </a:prstGeom>
          <a:noFill/>
          <a:ln w="12700">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65306" tIns="32653" rIns="65306" bIns="32653" rtlCol="0" anchor="t"/>
          <a:lstStyle/>
          <a:p>
            <a:pPr marL="92075" indent="-92075">
              <a:spcBef>
                <a:spcPts val="600"/>
              </a:spcBef>
            </a:pPr>
            <a:r>
              <a:rPr lang="ja-JP" altLang="en-US" sz="1400" b="1" dirty="0" smtClean="0">
                <a:solidFill>
                  <a:schemeClr val="tx1"/>
                </a:solidFill>
                <a:latin typeface="ＭＳ Ｐゴシック" panose="020B0600070205080204" pitchFamily="50" charset="-128"/>
                <a:ea typeface="ＭＳ Ｐゴシック" panose="020B0600070205080204" pitchFamily="50" charset="-128"/>
              </a:rPr>
              <a:t>団体運営補助の見直しの必要性</a:t>
            </a:r>
            <a:endParaRPr lang="en-US" altLang="ja-JP" sz="1400" b="1" dirty="0" smtClean="0">
              <a:solidFill>
                <a:schemeClr val="tx1"/>
              </a:solidFill>
              <a:latin typeface="ＭＳ Ｐゴシック" panose="020B0600070205080204" pitchFamily="50" charset="-128"/>
              <a:ea typeface="ＭＳ Ｐゴシック" panose="020B0600070205080204" pitchFamily="50" charset="-128"/>
            </a:endParaRPr>
          </a:p>
          <a:p>
            <a:pPr marL="92075" indent="-92075">
              <a:spcBef>
                <a:spcPts val="600"/>
              </a:spcBef>
            </a:pPr>
            <a:r>
              <a:rPr lang="ja-JP" altLang="en-US" sz="1400" dirty="0" smtClean="0">
                <a:solidFill>
                  <a:schemeClr val="tx1"/>
                </a:solidFill>
                <a:latin typeface="ＭＳ Ｐ明朝" panose="02020600040205080304" pitchFamily="18" charset="-128"/>
                <a:ea typeface="ＭＳ Ｐ明朝" panose="02020600040205080304" pitchFamily="18" charset="-128"/>
              </a:rPr>
              <a:t>・特定の団体が、継続的に公的補助を受けている実態があり、固定的で既得権益化しているのではないかとの疑念があった</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92075" indent="-92075">
              <a:spcBef>
                <a:spcPts val="600"/>
              </a:spcBef>
            </a:pPr>
            <a:r>
              <a:rPr lang="ja-JP" altLang="en-US" sz="1400" dirty="0" smtClean="0">
                <a:solidFill>
                  <a:schemeClr val="tx1"/>
                </a:solidFill>
                <a:latin typeface="ＭＳ Ｐ明朝" panose="02020600040205080304" pitchFamily="18" charset="-128"/>
                <a:ea typeface="ＭＳ Ｐ明朝" panose="02020600040205080304" pitchFamily="18" charset="-128"/>
              </a:rPr>
              <a:t>・団体運営補助は、その使途が分かりにくく、府民や市民に還元されていない可能性があった</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92075" indent="-92075">
              <a:spcBef>
                <a:spcPts val="600"/>
              </a:spcBef>
            </a:pPr>
            <a:r>
              <a:rPr lang="ja-JP" altLang="en-US" sz="1400" dirty="0" smtClean="0">
                <a:solidFill>
                  <a:schemeClr val="tx1"/>
                </a:solidFill>
                <a:latin typeface="ＭＳ Ｐ明朝" panose="02020600040205080304" pitchFamily="18" charset="-128"/>
                <a:ea typeface="ＭＳ Ｐ明朝" panose="02020600040205080304" pitchFamily="18" charset="-128"/>
              </a:rPr>
              <a:t>・継続的な補助金の交付に依存し、法人の経営や事業運営が戦略的に行われていないケースがあった</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p:txBody>
      </p:sp>
      <p:sp>
        <p:nvSpPr>
          <p:cNvPr id="5" name="Rectangle 2"/>
          <p:cNvSpPr txBox="1">
            <a:spLocks noChangeArrowheads="1"/>
          </p:cNvSpPr>
          <p:nvPr/>
        </p:nvSpPr>
        <p:spPr bwMode="auto">
          <a:xfrm>
            <a:off x="118660" y="516826"/>
            <a:ext cx="3898236" cy="219773"/>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en-US" altLang="ja-JP" sz="1200" dirty="0" smtClean="0">
                <a:solidFill>
                  <a:schemeClr val="bg1"/>
                </a:solidFill>
                <a:latin typeface="ＭＳ ゴシック" pitchFamily="49" charset="-128"/>
                <a:ea typeface="ＭＳ ゴシック" pitchFamily="49" charset="-128"/>
              </a:rPr>
              <a:t> </a:t>
            </a:r>
            <a:r>
              <a:rPr lang="ja-JP" altLang="en-US" sz="1200" dirty="0" smtClean="0">
                <a:solidFill>
                  <a:schemeClr val="bg1"/>
                </a:solidFill>
                <a:latin typeface="ＭＳ ゴシック" pitchFamily="49" charset="-128"/>
                <a:ea typeface="ＭＳ ゴシック" pitchFamily="49" charset="-128"/>
              </a:rPr>
              <a:t>改革前の課題</a:t>
            </a:r>
            <a:endParaRPr lang="en-US" altLang="ja-JP" sz="1200" dirty="0" smtClean="0">
              <a:solidFill>
                <a:schemeClr val="bg1"/>
              </a:solidFill>
              <a:latin typeface="ＭＳ ゴシック" pitchFamily="49" charset="-128"/>
              <a:ea typeface="ＭＳ ゴシック" pitchFamily="49" charset="-128"/>
            </a:endParaRPr>
          </a:p>
        </p:txBody>
      </p:sp>
      <p:sp>
        <p:nvSpPr>
          <p:cNvPr id="6" name="正方形/長方形 5"/>
          <p:cNvSpPr/>
          <p:nvPr/>
        </p:nvSpPr>
        <p:spPr>
          <a:xfrm>
            <a:off x="300858" y="4652889"/>
            <a:ext cx="3485826" cy="1872208"/>
          </a:xfrm>
          <a:prstGeom prst="rect">
            <a:avLst/>
          </a:prstGeom>
          <a:noFill/>
          <a:ln w="6350">
            <a:solidFill>
              <a:schemeClr val="accent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lIns="65306" tIns="32653" rIns="65306" bIns="32653" rtlCol="0" anchor="t"/>
          <a:lstStyle/>
          <a:p>
            <a:pPr marL="92075" indent="-92075">
              <a:spcBef>
                <a:spcPts val="600"/>
              </a:spcBef>
            </a:pPr>
            <a:r>
              <a:rPr lang="ja-JP" altLang="en-US" sz="1100" dirty="0" smtClean="0">
                <a:solidFill>
                  <a:schemeClr val="tx1"/>
                </a:solidFill>
                <a:latin typeface="ＭＳ Ｐ明朝" panose="02020600040205080304" pitchFamily="18" charset="-128"/>
                <a:ea typeface="ＭＳ Ｐ明朝" panose="02020600040205080304" pitchFamily="18" charset="-128"/>
              </a:rPr>
              <a:t>＜参考＞</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marL="92075" indent="-92075">
              <a:spcBef>
                <a:spcPts val="600"/>
              </a:spcBef>
            </a:pPr>
            <a:r>
              <a:rPr lang="ja-JP" altLang="en-US" sz="1100" dirty="0" smtClean="0">
                <a:solidFill>
                  <a:schemeClr val="tx1"/>
                </a:solidFill>
                <a:latin typeface="ＭＳ Ｐ明朝" panose="02020600040205080304" pitchFamily="18" charset="-128"/>
                <a:ea typeface="ＭＳ Ｐ明朝" panose="02020600040205080304" pitchFamily="18" charset="-128"/>
              </a:rPr>
              <a:t>「</a:t>
            </a:r>
            <a:r>
              <a:rPr lang="ja-JP" altLang="en-US" sz="1100" dirty="0">
                <a:solidFill>
                  <a:schemeClr val="tx1"/>
                </a:solidFill>
                <a:latin typeface="ＭＳ Ｐ明朝" panose="02020600040205080304" pitchFamily="18" charset="-128"/>
                <a:ea typeface="ＭＳ Ｐ明朝" panose="02020600040205080304" pitchFamily="18" charset="-128"/>
              </a:rPr>
              <a:t>私が考える文化行政論」（橋下知事の主張として</a:t>
            </a:r>
            <a:r>
              <a:rPr lang="en-US" altLang="ja-JP" sz="1100" dirty="0">
                <a:solidFill>
                  <a:schemeClr val="tx1"/>
                </a:solidFill>
                <a:latin typeface="ＭＳ Ｐ明朝" panose="02020600040205080304" pitchFamily="18" charset="-128"/>
                <a:ea typeface="ＭＳ Ｐ明朝" panose="02020600040205080304" pitchFamily="18" charset="-128"/>
              </a:rPr>
              <a:t>2010</a:t>
            </a:r>
            <a:r>
              <a:rPr lang="ja-JP" altLang="en-US" sz="1100" dirty="0">
                <a:solidFill>
                  <a:schemeClr val="tx1"/>
                </a:solidFill>
                <a:latin typeface="ＭＳ Ｐ明朝" panose="02020600040205080304" pitchFamily="18" charset="-128"/>
                <a:ea typeface="ＭＳ Ｐ明朝" panose="02020600040205080304" pitchFamily="18" charset="-128"/>
              </a:rPr>
              <a:t>年</a:t>
            </a:r>
            <a:r>
              <a:rPr lang="en-US" altLang="ja-JP" sz="1100" dirty="0">
                <a:solidFill>
                  <a:schemeClr val="tx1"/>
                </a:solidFill>
                <a:latin typeface="ＭＳ Ｐ明朝" panose="02020600040205080304" pitchFamily="18" charset="-128"/>
                <a:ea typeface="ＭＳ Ｐ明朝" panose="02020600040205080304" pitchFamily="18" charset="-128"/>
              </a:rPr>
              <a:t>9</a:t>
            </a:r>
            <a:r>
              <a:rPr lang="ja-JP" altLang="en-US" sz="1100" dirty="0">
                <a:solidFill>
                  <a:schemeClr val="tx1"/>
                </a:solidFill>
                <a:latin typeface="ＭＳ Ｐ明朝" panose="02020600040205080304" pitchFamily="18" charset="-128"/>
                <a:ea typeface="ＭＳ Ｐ明朝" panose="02020600040205080304" pitchFamily="18" charset="-128"/>
              </a:rPr>
              <a:t>月</a:t>
            </a:r>
            <a:r>
              <a:rPr lang="en-US" altLang="ja-JP" sz="1100" dirty="0">
                <a:solidFill>
                  <a:schemeClr val="tx1"/>
                </a:solidFill>
                <a:latin typeface="ＭＳ Ｐ明朝" panose="02020600040205080304" pitchFamily="18" charset="-128"/>
                <a:ea typeface="ＭＳ Ｐ明朝" panose="02020600040205080304" pitchFamily="18" charset="-128"/>
              </a:rPr>
              <a:t>8</a:t>
            </a:r>
            <a:r>
              <a:rPr lang="ja-JP" altLang="en-US" sz="1100" dirty="0" smtClean="0">
                <a:solidFill>
                  <a:schemeClr val="tx1"/>
                </a:solidFill>
                <a:latin typeface="ＭＳ Ｐ明朝" panose="02020600040205080304" pitchFamily="18" charset="-128"/>
                <a:ea typeface="ＭＳ Ｐ明朝" panose="02020600040205080304" pitchFamily="18" charset="-128"/>
              </a:rPr>
              <a:t>日府</a:t>
            </a:r>
            <a:r>
              <a:rPr lang="en-US" altLang="ja-JP" sz="1100" dirty="0" smtClean="0">
                <a:solidFill>
                  <a:schemeClr val="tx1"/>
                </a:solidFill>
                <a:latin typeface="ＭＳ Ｐ明朝" panose="02020600040205080304" pitchFamily="18" charset="-128"/>
                <a:ea typeface="ＭＳ Ｐ明朝" panose="02020600040205080304" pitchFamily="18" charset="-128"/>
              </a:rPr>
              <a:t>HP</a:t>
            </a:r>
            <a:r>
              <a:rPr lang="ja-JP" altLang="en-US" sz="1100" dirty="0" smtClean="0">
                <a:solidFill>
                  <a:schemeClr val="tx1"/>
                </a:solidFill>
                <a:latin typeface="ＭＳ Ｐ明朝" panose="02020600040205080304" pitchFamily="18" charset="-128"/>
                <a:ea typeface="ＭＳ Ｐ明朝" panose="02020600040205080304" pitchFamily="18" charset="-128"/>
              </a:rPr>
              <a:t>に掲載）</a:t>
            </a:r>
            <a:endParaRPr lang="ja-JP" altLang="en-US" sz="1100" dirty="0">
              <a:solidFill>
                <a:schemeClr val="tx1"/>
              </a:solidFill>
              <a:latin typeface="ＭＳ Ｐ明朝" panose="02020600040205080304" pitchFamily="18" charset="-128"/>
              <a:ea typeface="ＭＳ Ｐ明朝" panose="02020600040205080304" pitchFamily="18" charset="-128"/>
            </a:endParaRPr>
          </a:p>
          <a:p>
            <a:pPr marL="92075" indent="-92075">
              <a:spcBef>
                <a:spcPts val="600"/>
              </a:spcBef>
            </a:pPr>
            <a:r>
              <a:rPr lang="ja-JP" altLang="en-US" sz="1100" dirty="0" smtClean="0">
                <a:solidFill>
                  <a:schemeClr val="tx1"/>
                </a:solidFill>
                <a:latin typeface="ＭＳ Ｐ明朝" panose="02020600040205080304" pitchFamily="18" charset="-128"/>
                <a:ea typeface="ＭＳ Ｐ明朝" panose="02020600040205080304" pitchFamily="18" charset="-128"/>
              </a:rPr>
              <a:t>・行政</a:t>
            </a:r>
            <a:r>
              <a:rPr lang="ja-JP" altLang="en-US" sz="1100" dirty="0">
                <a:solidFill>
                  <a:schemeClr val="tx1"/>
                </a:solidFill>
                <a:latin typeface="ＭＳ Ｐ明朝" panose="02020600040205080304" pitchFamily="18" charset="-128"/>
                <a:ea typeface="ＭＳ Ｐ明朝" panose="02020600040205080304" pitchFamily="18" charset="-128"/>
              </a:rPr>
              <a:t>の役割は</a:t>
            </a:r>
            <a:r>
              <a:rPr lang="ja-JP" altLang="en-US" sz="1100" dirty="0" smtClean="0">
                <a:solidFill>
                  <a:schemeClr val="tx1"/>
                </a:solidFill>
                <a:latin typeface="ＭＳ Ｐ明朝" panose="02020600040205080304" pitchFamily="18" charset="-128"/>
                <a:ea typeface="ＭＳ Ｐ明朝" panose="02020600040205080304" pitchFamily="18" charset="-128"/>
              </a:rPr>
              <a:t>、アーティスト</a:t>
            </a:r>
            <a:r>
              <a:rPr lang="ja-JP" altLang="en-US" sz="1100" dirty="0">
                <a:solidFill>
                  <a:schemeClr val="tx1"/>
                </a:solidFill>
                <a:latin typeface="ＭＳ Ｐ明朝" panose="02020600040205080304" pitchFamily="18" charset="-128"/>
                <a:ea typeface="ＭＳ Ｐ明朝" panose="02020600040205080304" pitchFamily="18" charset="-128"/>
              </a:rPr>
              <a:t>に活動の場を提供する</a:t>
            </a:r>
            <a:r>
              <a:rPr lang="ja-JP" altLang="en-US" sz="1100" dirty="0" smtClean="0">
                <a:solidFill>
                  <a:schemeClr val="tx1"/>
                </a:solidFill>
                <a:latin typeface="ＭＳ Ｐ明朝" panose="02020600040205080304" pitchFamily="18" charset="-128"/>
                <a:ea typeface="ＭＳ Ｐ明朝" panose="02020600040205080304" pitchFamily="18" charset="-128"/>
              </a:rPr>
              <a:t>こと。活動</a:t>
            </a:r>
            <a:r>
              <a:rPr lang="ja-JP" altLang="en-US" sz="1100" dirty="0">
                <a:solidFill>
                  <a:schemeClr val="tx1"/>
                </a:solidFill>
                <a:latin typeface="ＭＳ Ｐ明朝" panose="02020600040205080304" pitchFamily="18" charset="-128"/>
                <a:ea typeface="ＭＳ Ｐ明朝" panose="02020600040205080304" pitchFamily="18" charset="-128"/>
              </a:rPr>
              <a:t>できる環境が整えば、アーティストが自然に集まってくれる都市</a:t>
            </a:r>
            <a:r>
              <a:rPr lang="ja-JP" altLang="en-US" sz="1100" dirty="0" smtClean="0">
                <a:solidFill>
                  <a:schemeClr val="tx1"/>
                </a:solidFill>
                <a:latin typeface="ＭＳ Ｐ明朝" panose="02020600040205080304" pitchFamily="18" charset="-128"/>
                <a:ea typeface="ＭＳ Ｐ明朝" panose="02020600040205080304" pitchFamily="18" charset="-128"/>
              </a:rPr>
              <a:t>に</a:t>
            </a:r>
            <a:r>
              <a:rPr lang="ja-JP" altLang="en-US" sz="1100" dirty="0">
                <a:solidFill>
                  <a:schemeClr val="tx1"/>
                </a:solidFill>
                <a:latin typeface="ＭＳ Ｐ明朝" panose="02020600040205080304" pitchFamily="18" charset="-128"/>
                <a:ea typeface="ＭＳ Ｐ明朝" panose="02020600040205080304" pitchFamily="18" charset="-128"/>
              </a:rPr>
              <a:t>なる</a:t>
            </a:r>
          </a:p>
          <a:p>
            <a:pPr marL="92075" indent="-92075"/>
            <a:r>
              <a:rPr lang="ja-JP" altLang="en-US" sz="1100" dirty="0" smtClean="0">
                <a:solidFill>
                  <a:schemeClr val="tx1"/>
                </a:solidFill>
                <a:latin typeface="ＭＳ Ｐ明朝" panose="02020600040205080304" pitchFamily="18" charset="-128"/>
                <a:ea typeface="ＭＳ Ｐ明朝" panose="02020600040205080304" pitchFamily="18" charset="-128"/>
              </a:rPr>
              <a:t>・税を投入するためには、努力を重ね、審査</a:t>
            </a:r>
            <a:r>
              <a:rPr lang="ja-JP" altLang="en-US" sz="1100" dirty="0">
                <a:solidFill>
                  <a:schemeClr val="tx1"/>
                </a:solidFill>
                <a:latin typeface="ＭＳ Ｐ明朝" panose="02020600040205080304" pitchFamily="18" charset="-128"/>
                <a:ea typeface="ＭＳ Ｐ明朝" panose="02020600040205080304" pitchFamily="18" charset="-128"/>
              </a:rPr>
              <a:t>などのプロセスを通じて</a:t>
            </a:r>
            <a:r>
              <a:rPr lang="ja-JP" altLang="en-US" sz="1100" dirty="0" smtClean="0">
                <a:solidFill>
                  <a:schemeClr val="tx1"/>
                </a:solidFill>
                <a:latin typeface="ＭＳ Ｐ明朝" panose="02020600040205080304" pitchFamily="18" charset="-128"/>
                <a:ea typeface="ＭＳ Ｐ明朝" panose="02020600040205080304" pitchFamily="18" charset="-128"/>
              </a:rPr>
              <a:t>、一部</a:t>
            </a:r>
            <a:r>
              <a:rPr lang="ja-JP" altLang="en-US" sz="1100" dirty="0">
                <a:solidFill>
                  <a:schemeClr val="tx1"/>
                </a:solidFill>
                <a:latin typeface="ＭＳ Ｐ明朝" panose="02020600040205080304" pitchFamily="18" charset="-128"/>
                <a:ea typeface="ＭＳ Ｐ明朝" panose="02020600040205080304" pitchFamily="18" charset="-128"/>
              </a:rPr>
              <a:t>の識者だけではなく、幅広く府民に評価されることが</a:t>
            </a:r>
            <a:r>
              <a:rPr lang="ja-JP" altLang="en-US" sz="1100" dirty="0" smtClean="0">
                <a:solidFill>
                  <a:schemeClr val="tx1"/>
                </a:solidFill>
                <a:latin typeface="ＭＳ Ｐ明朝" panose="02020600040205080304" pitchFamily="18" charset="-128"/>
                <a:ea typeface="ＭＳ Ｐ明朝" panose="02020600040205080304" pitchFamily="18" charset="-128"/>
              </a:rPr>
              <a:t>重要</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p:txBody>
      </p:sp>
      <p:sp>
        <p:nvSpPr>
          <p:cNvPr id="7" name="正方形/長方形 6"/>
          <p:cNvSpPr/>
          <p:nvPr/>
        </p:nvSpPr>
        <p:spPr>
          <a:xfrm>
            <a:off x="116464" y="3186635"/>
            <a:ext cx="3900432" cy="3433003"/>
          </a:xfrm>
          <a:prstGeom prst="rect">
            <a:avLst/>
          </a:prstGeom>
          <a:noFill/>
          <a:ln w="12700">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65306" tIns="32653" rIns="65306" bIns="32653" rtlCol="0" anchor="t"/>
          <a:lstStyle/>
          <a:p>
            <a:pPr>
              <a:spcBef>
                <a:spcPts val="600"/>
              </a:spcBef>
            </a:pPr>
            <a:r>
              <a:rPr lang="ja-JP" altLang="en-US" sz="1400" b="1" dirty="0" smtClean="0">
                <a:solidFill>
                  <a:schemeClr val="tx1"/>
                </a:solidFill>
                <a:latin typeface="ＭＳ Ｐゴシック" panose="020B0600070205080204" pitchFamily="50" charset="-128"/>
                <a:ea typeface="ＭＳ Ｐゴシック" panose="020B0600070205080204" pitchFamily="50" charset="-128"/>
              </a:rPr>
              <a:t>第三者による事業評価体制の構築の必要性</a:t>
            </a:r>
            <a:endParaRPr lang="en-US" altLang="ja-JP" sz="1400" b="1" dirty="0" smtClean="0">
              <a:solidFill>
                <a:schemeClr val="tx1"/>
              </a:solidFill>
              <a:latin typeface="ＭＳ Ｐゴシック" panose="020B0600070205080204" pitchFamily="50" charset="-128"/>
              <a:ea typeface="ＭＳ Ｐゴシック" panose="020B0600070205080204" pitchFamily="50" charset="-128"/>
            </a:endParaRPr>
          </a:p>
          <a:p>
            <a:pPr marL="92075" indent="-92075">
              <a:spcBef>
                <a:spcPts val="600"/>
              </a:spcBef>
            </a:pPr>
            <a:r>
              <a:rPr lang="ja-JP" altLang="en-US" sz="1400" dirty="0" smtClean="0">
                <a:solidFill>
                  <a:schemeClr val="tx1"/>
                </a:solidFill>
                <a:latin typeface="ＭＳ Ｐ明朝" panose="02020600040205080304" pitchFamily="18" charset="-128"/>
                <a:ea typeface="ＭＳ Ｐ明朝" panose="02020600040205080304" pitchFamily="18" charset="-128"/>
              </a:rPr>
              <a:t>・多岐にわたる文化関係の事業について、大阪全体を俯瞰した文化戦略や、府民・市民のニーズを踏まえながらも専門的な観点で事業を評価する体制がなかった</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p:txBody>
      </p:sp>
      <p:sp>
        <p:nvSpPr>
          <p:cNvPr id="8" name="右矢印 7"/>
          <p:cNvSpPr/>
          <p:nvPr/>
        </p:nvSpPr>
        <p:spPr>
          <a:xfrm>
            <a:off x="4190256" y="1684813"/>
            <a:ext cx="234026" cy="3003645"/>
          </a:xfrm>
          <a:prstGeom prst="rightArrow">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lIns="65306" tIns="32653" rIns="65306" bIns="32653" rtlCol="0" anchor="ctr"/>
          <a:lstStyle/>
          <a:p>
            <a:pPr algn="ctr"/>
            <a:endParaRPr kumimoji="1" lang="ja-JP" altLang="en-US"/>
          </a:p>
        </p:txBody>
      </p:sp>
      <p:sp>
        <p:nvSpPr>
          <p:cNvPr id="9" name="正方形/長方形 8"/>
          <p:cNvSpPr/>
          <p:nvPr/>
        </p:nvSpPr>
        <p:spPr>
          <a:xfrm>
            <a:off x="4554984" y="838200"/>
            <a:ext cx="2912099" cy="5781439"/>
          </a:xfrm>
          <a:prstGeom prst="rect">
            <a:avLst/>
          </a:prstGeom>
        </p:spPr>
        <p:style>
          <a:lnRef idx="1">
            <a:schemeClr val="accent1"/>
          </a:lnRef>
          <a:fillRef idx="2">
            <a:schemeClr val="accent1"/>
          </a:fillRef>
          <a:effectRef idx="1">
            <a:schemeClr val="accent1"/>
          </a:effectRef>
          <a:fontRef idx="minor">
            <a:schemeClr val="dk1"/>
          </a:fontRef>
        </p:style>
        <p:txBody>
          <a:bodyPr lIns="36000" rIns="36000" rtlCol="0" anchor="ctr"/>
          <a:lstStyle/>
          <a:p>
            <a:r>
              <a:rPr lang="ja-JP" altLang="en-US" sz="1400" b="1" dirty="0">
                <a:solidFill>
                  <a:schemeClr val="tx1"/>
                </a:solidFill>
                <a:latin typeface="ＭＳ Ｐゴシック" panose="020B0600070205080204" pitchFamily="50" charset="-128"/>
                <a:ea typeface="ＭＳ Ｐゴシック" panose="020B0600070205080204" pitchFamily="50" charset="-128"/>
              </a:rPr>
              <a:t>＜文化関係団体への</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rPr>
              <a:t>支援の考え方＞</a:t>
            </a:r>
            <a:endParaRPr lang="en-US" altLang="ja-JP" sz="1400" b="1" dirty="0" smtClean="0">
              <a:solidFill>
                <a:schemeClr val="tx1"/>
              </a:solidFill>
              <a:latin typeface="ＭＳ Ｐゴシック" panose="020B0600070205080204" pitchFamily="50" charset="-128"/>
              <a:ea typeface="ＭＳ Ｐゴシック" panose="020B0600070205080204" pitchFamily="50" charset="-128"/>
            </a:endParaRPr>
          </a:p>
          <a:p>
            <a:endParaRPr lang="en-US" altLang="ja-JP" sz="1400" b="1" dirty="0" smtClean="0">
              <a:solidFill>
                <a:schemeClr val="tx1"/>
              </a:solidFill>
            </a:endParaRPr>
          </a:p>
          <a:p>
            <a:endParaRPr lang="ja-JP" altLang="en-US" sz="1400" b="1" dirty="0">
              <a:solidFill>
                <a:schemeClr val="tx1"/>
              </a:solidFill>
            </a:endParaRPr>
          </a:p>
          <a:p>
            <a:pPr marL="182563" indent="-182563"/>
            <a:r>
              <a:rPr lang="ja-JP" altLang="en-US" sz="1400" dirty="0" smtClean="0">
                <a:solidFill>
                  <a:schemeClr val="tx1"/>
                </a:solidFill>
                <a:latin typeface="ＭＳ Ｐ明朝" panose="02020600040205080304" pitchFamily="18" charset="-128"/>
                <a:ea typeface="ＭＳ Ｐ明朝" panose="02020600040205080304" pitchFamily="18" charset="-128"/>
              </a:rPr>
              <a:t>①特定</a:t>
            </a:r>
            <a:r>
              <a:rPr lang="ja-JP" altLang="en-US" sz="1400" dirty="0">
                <a:solidFill>
                  <a:schemeClr val="tx1"/>
                </a:solidFill>
                <a:latin typeface="ＭＳ Ｐ明朝" panose="02020600040205080304" pitchFamily="18" charset="-128"/>
                <a:ea typeface="ＭＳ Ｐ明朝" panose="02020600040205080304" pitchFamily="18" charset="-128"/>
              </a:rPr>
              <a:t>団体の支援は行わない（一義的には自立的な運営をめざす</a:t>
            </a:r>
            <a:r>
              <a:rPr lang="ja-JP" altLang="en-US" sz="1400" dirty="0" smtClean="0">
                <a:solidFill>
                  <a:schemeClr val="tx1"/>
                </a:solidFill>
                <a:latin typeface="ＭＳ Ｐ明朝" panose="02020600040205080304" pitchFamily="18" charset="-128"/>
                <a:ea typeface="ＭＳ Ｐ明朝" panose="02020600040205080304" pitchFamily="18" charset="-128"/>
              </a:rPr>
              <a:t>）</a:t>
            </a: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2563" indent="-182563"/>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2563" indent="-182563"/>
            <a:endParaRPr lang="ja-JP" altLang="en-US" sz="1400" dirty="0">
              <a:solidFill>
                <a:schemeClr val="tx1"/>
              </a:solidFill>
              <a:latin typeface="ＭＳ Ｐ明朝" panose="02020600040205080304" pitchFamily="18" charset="-128"/>
              <a:ea typeface="ＭＳ Ｐ明朝" panose="02020600040205080304" pitchFamily="18" charset="-128"/>
            </a:endParaRPr>
          </a:p>
          <a:p>
            <a:pPr marL="182563" indent="-182563"/>
            <a:r>
              <a:rPr lang="ja-JP" altLang="en-US" sz="1400" dirty="0" smtClean="0">
                <a:solidFill>
                  <a:schemeClr val="tx1"/>
                </a:solidFill>
                <a:latin typeface="ＭＳ Ｐ明朝" panose="02020600040205080304" pitchFamily="18" charset="-128"/>
                <a:ea typeface="ＭＳ Ｐ明朝" panose="02020600040205080304" pitchFamily="18" charset="-128"/>
              </a:rPr>
              <a:t>②支援</a:t>
            </a:r>
            <a:r>
              <a:rPr lang="ja-JP" altLang="en-US" sz="1400" dirty="0">
                <a:solidFill>
                  <a:schemeClr val="tx1"/>
                </a:solidFill>
                <a:latin typeface="ＭＳ Ｐ明朝" panose="02020600040205080304" pitchFamily="18" charset="-128"/>
                <a:ea typeface="ＭＳ Ｐ明朝" panose="02020600040205080304" pitchFamily="18" charset="-128"/>
              </a:rPr>
              <a:t>を行う場合は、団体運営への補助ではなく、事業に対する補助とする</a:t>
            </a:r>
          </a:p>
          <a:p>
            <a:pPr marL="182563" indent="-182563"/>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2563" indent="-182563"/>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2563" indent="-182563"/>
            <a:r>
              <a:rPr lang="ja-JP" altLang="en-US" sz="1400" dirty="0" smtClean="0">
                <a:solidFill>
                  <a:schemeClr val="tx1"/>
                </a:solidFill>
                <a:latin typeface="ＭＳ Ｐ明朝" panose="02020600040205080304" pitchFamily="18" charset="-128"/>
                <a:ea typeface="ＭＳ Ｐ明朝" panose="02020600040205080304" pitchFamily="18" charset="-128"/>
              </a:rPr>
              <a:t>③補助</a:t>
            </a:r>
            <a:r>
              <a:rPr lang="ja-JP" altLang="en-US" sz="1400" dirty="0">
                <a:solidFill>
                  <a:schemeClr val="tx1"/>
                </a:solidFill>
                <a:latin typeface="ＭＳ Ｐ明朝" panose="02020600040205080304" pitchFamily="18" charset="-128"/>
                <a:ea typeface="ＭＳ Ｐ明朝" panose="02020600040205080304" pitchFamily="18" charset="-128"/>
              </a:rPr>
              <a:t>を行う際にも、競争環境の中での一般補助の手法を用い、また、成果や実績に応じてインセンティブを設けるなどの工夫も行う</a:t>
            </a:r>
          </a:p>
          <a:p>
            <a:pPr marL="182563" indent="-182563"/>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2563" indent="-182563"/>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2563" indent="-182563"/>
            <a:r>
              <a:rPr lang="ja-JP" altLang="en-US" sz="1400" dirty="0" smtClean="0">
                <a:solidFill>
                  <a:schemeClr val="tx1"/>
                </a:solidFill>
                <a:latin typeface="ＭＳ Ｐ明朝" panose="02020600040205080304" pitchFamily="18" charset="-128"/>
                <a:ea typeface="ＭＳ Ｐ明朝" panose="02020600040205080304" pitchFamily="18" charset="-128"/>
              </a:rPr>
              <a:t>④費用対</a:t>
            </a:r>
            <a:r>
              <a:rPr lang="ja-JP" altLang="en-US" sz="1400" dirty="0">
                <a:solidFill>
                  <a:schemeClr val="tx1"/>
                </a:solidFill>
                <a:latin typeface="ＭＳ Ｐ明朝" panose="02020600040205080304" pitchFamily="18" charset="-128"/>
                <a:ea typeface="ＭＳ Ｐ明朝" panose="02020600040205080304" pitchFamily="18" charset="-128"/>
              </a:rPr>
              <a:t>効果を踏まえた補助対象や補助金額の決定を行う</a:t>
            </a:r>
          </a:p>
          <a:p>
            <a:pPr marL="182563" indent="-182563"/>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2563" indent="-182563"/>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marL="182563" indent="-182563"/>
            <a:r>
              <a:rPr lang="ja-JP" altLang="en-US" sz="1400" dirty="0" smtClean="0">
                <a:solidFill>
                  <a:schemeClr val="tx1"/>
                </a:solidFill>
                <a:latin typeface="ＭＳ Ｐ明朝" panose="02020600040205080304" pitchFamily="18" charset="-128"/>
                <a:ea typeface="ＭＳ Ｐ明朝" panose="02020600040205080304" pitchFamily="18" charset="-128"/>
              </a:rPr>
              <a:t>⑤費用対</a:t>
            </a:r>
            <a:r>
              <a:rPr lang="ja-JP" altLang="en-US" sz="1400" dirty="0">
                <a:solidFill>
                  <a:schemeClr val="tx1"/>
                </a:solidFill>
                <a:latin typeface="ＭＳ Ｐ明朝" panose="02020600040205080304" pitchFamily="18" charset="-128"/>
                <a:ea typeface="ＭＳ Ｐ明朝" panose="02020600040205080304" pitchFamily="18" charset="-128"/>
              </a:rPr>
              <a:t>効果や事業の効果検証には、行政ではなく、芸術文化の専門家による評価を行う</a:t>
            </a:r>
          </a:p>
        </p:txBody>
      </p:sp>
      <p:sp>
        <p:nvSpPr>
          <p:cNvPr id="13" name="正方形/長方形 12"/>
          <p:cNvSpPr/>
          <p:nvPr/>
        </p:nvSpPr>
        <p:spPr>
          <a:xfrm>
            <a:off x="7635675" y="4349331"/>
            <a:ext cx="2069854" cy="2270308"/>
          </a:xfrm>
          <a:prstGeom prst="rect">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65306" tIns="32653" rIns="36000" bIns="32653" rtlCol="0" anchor="t"/>
          <a:lstStyle/>
          <a:p>
            <a:pPr marL="85725" indent="-85725">
              <a:spcBef>
                <a:spcPts val="300"/>
              </a:spcBef>
            </a:pP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大阪ｱｰﾂｶｳﾝｼﾙ」体制の構築</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pPr marL="85725" indent="-85725" algn="r">
              <a:spcBef>
                <a:spcPts val="300"/>
              </a:spcBef>
            </a:pP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pPr marL="85725" indent="-85725" algn="r">
              <a:spcBef>
                <a:spcPts val="300"/>
              </a:spcBef>
            </a:pP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pPr marL="85725" indent="-85725">
              <a:spcBef>
                <a:spcPts val="3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府市の共同体制＞</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85725" indent="-85725">
              <a:spcBef>
                <a:spcPts val="3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府市の重要な文化施策</a:t>
            </a:r>
            <a:r>
              <a:rPr lang="ja-JP" altLang="en-US" sz="1200" dirty="0">
                <a:solidFill>
                  <a:schemeClr val="tx1"/>
                </a:solidFill>
                <a:latin typeface="ＭＳ Ｐ明朝" panose="02020600040205080304" pitchFamily="18" charset="-128"/>
                <a:ea typeface="ＭＳ Ｐ明朝" panose="02020600040205080304" pitchFamily="18" charset="-128"/>
              </a:rPr>
              <a:t>について調査・審議する「大阪府市文化振興会議</a:t>
            </a:r>
            <a:r>
              <a:rPr lang="ja-JP" altLang="en-US" sz="1200" dirty="0" smtClean="0">
                <a:solidFill>
                  <a:schemeClr val="tx1"/>
                </a:solidFill>
                <a:latin typeface="ＭＳ Ｐ明朝" panose="02020600040205080304" pitchFamily="18" charset="-128"/>
                <a:ea typeface="ＭＳ Ｐ明朝" panose="02020600040205080304" pitchFamily="18" charset="-128"/>
              </a:rPr>
              <a:t>」設置</a:t>
            </a:r>
            <a:endParaRPr lang="ja-JP" altLang="en-US" sz="1200" dirty="0">
              <a:solidFill>
                <a:schemeClr val="tx1"/>
              </a:solidFill>
              <a:latin typeface="ＭＳ Ｐ明朝" panose="02020600040205080304" pitchFamily="18" charset="-128"/>
              <a:ea typeface="ＭＳ Ｐ明朝" panose="02020600040205080304" pitchFamily="18" charset="-128"/>
            </a:endParaRPr>
          </a:p>
          <a:p>
            <a:pPr marL="85725" indent="-85725">
              <a:spcBef>
                <a:spcPts val="3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第三者・専門家</a:t>
            </a:r>
            <a:r>
              <a:rPr lang="ja-JP" altLang="en-US" sz="1200" dirty="0">
                <a:solidFill>
                  <a:schemeClr val="tx1"/>
                </a:solidFill>
                <a:latin typeface="ＭＳ Ｐ明朝" panose="02020600040205080304" pitchFamily="18" charset="-128"/>
                <a:ea typeface="ＭＳ Ｐ明朝" panose="02020600040205080304" pitchFamily="18" charset="-128"/>
              </a:rPr>
              <a:t>の立場</a:t>
            </a:r>
            <a:r>
              <a:rPr lang="ja-JP" altLang="en-US" sz="1200" dirty="0" smtClean="0">
                <a:solidFill>
                  <a:schemeClr val="tx1"/>
                </a:solidFill>
                <a:latin typeface="ＭＳ Ｐ明朝" panose="02020600040205080304" pitchFamily="18" charset="-128"/>
                <a:ea typeface="ＭＳ Ｐ明朝" panose="02020600040205080304" pitchFamily="18" charset="-128"/>
              </a:rPr>
              <a:t>から事業の検証、評価等を行うアーツカウンシル部会を設置</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p:txBody>
      </p:sp>
      <p:sp>
        <p:nvSpPr>
          <p:cNvPr id="15" name="Rectangle 2"/>
          <p:cNvSpPr txBox="1">
            <a:spLocks noChangeArrowheads="1"/>
          </p:cNvSpPr>
          <p:nvPr/>
        </p:nvSpPr>
        <p:spPr bwMode="auto">
          <a:xfrm>
            <a:off x="4554984" y="516826"/>
            <a:ext cx="5150544" cy="219773"/>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en-US" altLang="ja-JP" sz="1200" dirty="0" smtClean="0">
                <a:solidFill>
                  <a:schemeClr val="bg1"/>
                </a:solidFill>
                <a:latin typeface="ＭＳ ゴシック" pitchFamily="49" charset="-128"/>
                <a:ea typeface="ＭＳ ゴシック" pitchFamily="49" charset="-128"/>
              </a:rPr>
              <a:t> </a:t>
            </a:r>
            <a:r>
              <a:rPr lang="ja-JP" altLang="en-US" sz="1200" dirty="0" smtClean="0">
                <a:solidFill>
                  <a:schemeClr val="bg1"/>
                </a:solidFill>
                <a:latin typeface="ＭＳ ゴシック" pitchFamily="49" charset="-128"/>
                <a:ea typeface="ＭＳ ゴシック" pitchFamily="49" charset="-128"/>
              </a:rPr>
              <a:t>改革の取組み</a:t>
            </a:r>
            <a:endParaRPr lang="en-US" altLang="ja-JP" sz="1200" dirty="0" smtClean="0">
              <a:solidFill>
                <a:schemeClr val="bg1"/>
              </a:solidFill>
              <a:latin typeface="ＭＳ ゴシック" pitchFamily="49" charset="-128"/>
              <a:ea typeface="ＭＳ ゴシック" pitchFamily="49" charset="-128"/>
            </a:endParaRPr>
          </a:p>
        </p:txBody>
      </p:sp>
      <p:sp>
        <p:nvSpPr>
          <p:cNvPr id="14" name="正方形/長方形 13"/>
          <p:cNvSpPr/>
          <p:nvPr/>
        </p:nvSpPr>
        <p:spPr>
          <a:xfrm>
            <a:off x="7635674" y="838200"/>
            <a:ext cx="2069854" cy="3382889"/>
          </a:xfrm>
          <a:prstGeom prst="rect">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65306" tIns="32653" rIns="36000" bIns="32653" rtlCol="0" anchor="t"/>
          <a:lstStyle/>
          <a:p>
            <a:pPr marL="85725" indent="-85725">
              <a:spcBef>
                <a:spcPts val="300"/>
              </a:spcBef>
            </a:pPr>
            <a:r>
              <a:rPr lang="ja-JP" altLang="en-US" sz="1200" b="1" dirty="0" smtClean="0">
                <a:solidFill>
                  <a:schemeClr val="tx1"/>
                </a:solidFill>
                <a:latin typeface="ＭＳ Ｐゴシック" panose="020B0600070205080204" pitchFamily="50" charset="-128"/>
                <a:ea typeface="ＭＳ Ｐゴシック" panose="020B0600070205080204" pitchFamily="50" charset="-128"/>
              </a:rPr>
              <a:t>団体運営補助の見直し</a:t>
            </a: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pPr marL="85725" indent="-85725" algn="r">
              <a:spcBef>
                <a:spcPts val="300"/>
              </a:spcBef>
            </a:pPr>
            <a:endParaRPr lang="en-US" altLang="ja-JP" sz="1200" b="1" dirty="0" smtClean="0">
              <a:solidFill>
                <a:schemeClr val="tx1"/>
              </a:solidFill>
              <a:latin typeface="ＭＳ Ｐゴシック" panose="020B0600070205080204" pitchFamily="50" charset="-128"/>
              <a:ea typeface="ＭＳ Ｐゴシック" panose="020B0600070205080204" pitchFamily="50" charset="-128"/>
            </a:endParaRPr>
          </a:p>
          <a:p>
            <a:pPr marL="85725" indent="-85725">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大阪センチュリー</a:t>
            </a:r>
            <a:r>
              <a:rPr lang="ja-JP" altLang="en-US" sz="1200" dirty="0">
                <a:solidFill>
                  <a:schemeClr val="tx1"/>
                </a:solidFill>
                <a:latin typeface="ＭＳ Ｐ明朝" panose="02020600040205080304" pitchFamily="18" charset="-128"/>
                <a:ea typeface="ＭＳ Ｐ明朝" panose="02020600040205080304" pitchFamily="18" charset="-128"/>
              </a:rPr>
              <a:t>交響</a:t>
            </a:r>
            <a:r>
              <a:rPr lang="ja-JP" altLang="en-US" sz="1200" dirty="0" smtClean="0">
                <a:solidFill>
                  <a:schemeClr val="tx1"/>
                </a:solidFill>
                <a:latin typeface="ＭＳ Ｐ明朝" panose="02020600040205080304" pitchFamily="18" charset="-128"/>
                <a:ea typeface="ＭＳ Ｐ明朝" panose="02020600040205080304" pitchFamily="18" charset="-128"/>
              </a:rPr>
              <a:t>楽団　　　⇒　自立化</a:t>
            </a:r>
            <a:endParaRPr lang="ja-JP" altLang="en-US" sz="1200" dirty="0">
              <a:solidFill>
                <a:schemeClr val="tx1"/>
              </a:solidFill>
              <a:latin typeface="ＭＳ Ｐ明朝" panose="02020600040205080304" pitchFamily="18" charset="-128"/>
              <a:ea typeface="ＭＳ Ｐ明朝" panose="02020600040205080304" pitchFamily="18" charset="-128"/>
            </a:endParaRPr>
          </a:p>
          <a:p>
            <a:pPr marL="85725" indent="-85725"/>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85725" indent="-85725">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大阪ﾌｨﾙﾊｰﾓﾆｰ交響楽団 </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752475" indent="-752475">
              <a:spcBef>
                <a:spcPts val="3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　⇒　自立化移行中</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752475" indent="-752475"/>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752475" indent="-752475">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rPr>
              <a:t>文楽協会</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354013" indent="-354013">
              <a:spcBef>
                <a:spcPts val="3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　⇒　事業費補助への転換、</a:t>
            </a:r>
            <a:r>
              <a:rPr lang="en-US" altLang="ja-JP" sz="1200" dirty="0" smtClean="0">
                <a:solidFill>
                  <a:schemeClr val="tx1"/>
                </a:solidFill>
                <a:latin typeface="ＭＳ Ｐ明朝" panose="02020600040205080304" pitchFamily="18" charset="-128"/>
                <a:ea typeface="ＭＳ Ｐ明朝" panose="02020600040205080304" pitchFamily="18" charset="-128"/>
              </a:rPr>
              <a:t/>
            </a:r>
            <a:br>
              <a:rPr lang="en-US" altLang="ja-JP" sz="1200" dirty="0" smtClean="0">
                <a:solidFill>
                  <a:schemeClr val="tx1"/>
                </a:solidFill>
                <a:latin typeface="ＭＳ Ｐ明朝" panose="02020600040205080304" pitchFamily="18" charset="-128"/>
                <a:ea typeface="ＭＳ Ｐ明朝" panose="02020600040205080304" pitchFamily="18" charset="-128"/>
              </a:rPr>
            </a:br>
            <a:r>
              <a:rPr lang="ja-JP" altLang="en-US" sz="1200" dirty="0" smtClean="0">
                <a:solidFill>
                  <a:schemeClr val="tx1"/>
                </a:solidFill>
                <a:latin typeface="ＭＳ Ｐ明朝" panose="02020600040205080304" pitchFamily="18" charset="-128"/>
                <a:ea typeface="ＭＳ Ｐ明朝" panose="02020600040205080304" pitchFamily="18" charset="-128"/>
              </a:rPr>
              <a:t>自立化移行中</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752475" indent="-752475">
              <a:spcBef>
                <a:spcPts val="600"/>
              </a:spcBef>
            </a:pPr>
            <a:r>
              <a:rPr lang="ja-JP" altLang="en-US" sz="1200" dirty="0">
                <a:solidFill>
                  <a:schemeClr val="tx1"/>
                </a:solidFill>
                <a:latin typeface="ＭＳ Ｐ明朝" panose="02020600040205080304" pitchFamily="18" charset="-128"/>
                <a:ea typeface="ＭＳ Ｐ明朝" panose="02020600040205080304" pitchFamily="18"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rPr>
              <a:t>大阪市音楽団</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266700" indent="-266700">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　⇒　自立化</a:t>
            </a:r>
            <a:r>
              <a:rPr lang="en-US" altLang="ja-JP" sz="1200" dirty="0" smtClean="0">
                <a:solidFill>
                  <a:schemeClr val="tx1"/>
                </a:solidFill>
                <a:latin typeface="ＭＳ Ｐ明朝" panose="02020600040205080304" pitchFamily="18" charset="-128"/>
                <a:ea typeface="ＭＳ Ｐ明朝" panose="02020600040205080304" pitchFamily="18" charset="-128"/>
              </a:rPr>
              <a:t/>
            </a:r>
            <a:br>
              <a:rPr lang="en-US" altLang="ja-JP" sz="1200" dirty="0" smtClean="0">
                <a:solidFill>
                  <a:schemeClr val="tx1"/>
                </a:solidFill>
                <a:latin typeface="ＭＳ Ｐ明朝" panose="02020600040205080304" pitchFamily="18" charset="-128"/>
                <a:ea typeface="ＭＳ Ｐ明朝" panose="02020600040205080304" pitchFamily="18" charset="-128"/>
              </a:rPr>
            </a:br>
            <a:r>
              <a:rPr lang="ja-JP" altLang="en-US" sz="1200" dirty="0" smtClean="0">
                <a:solidFill>
                  <a:schemeClr val="tx1"/>
                </a:solidFill>
                <a:latin typeface="ＭＳ Ｐ明朝" panose="02020600040205080304" pitchFamily="18" charset="-128"/>
                <a:ea typeface="ＭＳ Ｐ明朝" panose="02020600040205080304" pitchFamily="18" charset="-128"/>
              </a:rPr>
              <a:t>（直営→一般</a:t>
            </a:r>
            <a:r>
              <a:rPr lang="ja-JP" altLang="en-US" sz="1200" dirty="0">
                <a:solidFill>
                  <a:schemeClr val="tx1"/>
                </a:solidFill>
                <a:latin typeface="ＭＳ Ｐ明朝" panose="02020600040205080304" pitchFamily="18" charset="-128"/>
                <a:ea typeface="ＭＳ Ｐ明朝" panose="02020600040205080304" pitchFamily="18" charset="-128"/>
              </a:rPr>
              <a:t>社団</a:t>
            </a:r>
            <a:r>
              <a:rPr lang="ja-JP" altLang="en-US" sz="1200" dirty="0" smtClean="0">
                <a:solidFill>
                  <a:schemeClr val="tx1"/>
                </a:solidFill>
                <a:latin typeface="ＭＳ Ｐ明朝" panose="02020600040205080304" pitchFamily="18" charset="-128"/>
                <a:ea typeface="ＭＳ Ｐ明朝" panose="02020600040205080304" pitchFamily="18" charset="-128"/>
              </a:rPr>
              <a:t>法人化）</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p:txBody>
      </p:sp>
      <p:sp>
        <p:nvSpPr>
          <p:cNvPr id="17" name="スライド番号プレースホルダ 16"/>
          <p:cNvSpPr>
            <a:spLocks noGrp="1"/>
          </p:cNvSpPr>
          <p:nvPr>
            <p:ph type="sldNum" sz="quarter" idx="12"/>
          </p:nvPr>
        </p:nvSpPr>
        <p:spPr/>
        <p:txBody>
          <a:bodyPr/>
          <a:lstStyle/>
          <a:p>
            <a:fld id="{37EF5067-3AB7-4642-9103-42CBD40CC6D9}" type="slidenum">
              <a:rPr kumimoji="1" lang="ja-JP" altLang="en-US" smtClean="0"/>
              <a:pPr/>
              <a:t>55</a:t>
            </a:fld>
            <a:endParaRPr kumimoji="1" lang="ja-JP" altLang="en-US" dirty="0"/>
          </a:p>
        </p:txBody>
      </p:sp>
    </p:spTree>
    <p:extLst>
      <p:ext uri="{BB962C8B-B14F-4D97-AF65-F5344CB8AC3E}">
        <p14:creationId xmlns:p14="http://schemas.microsoft.com/office/powerpoint/2010/main" val="1556462292"/>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81891" y="13287"/>
            <a:ext cx="9628355" cy="650719"/>
          </a:xfrm>
          <a:prstGeom prst="rect">
            <a:avLst/>
          </a:prstGeom>
          <a:noFill/>
        </p:spPr>
        <p:txBody>
          <a:bodyPr wrap="square" lIns="65306" tIns="32653" rIns="65306" bIns="32653" rtlCol="0">
            <a:spAutoFit/>
          </a:bodyPr>
          <a:lstStyle/>
          <a:p>
            <a:r>
              <a:rPr lang="ja-JP" altLang="en-US" dirty="0" smtClean="0"/>
              <a:t>団体への支援策の改革</a:t>
            </a:r>
            <a:endParaRPr lang="en-US" altLang="ja-JP" dirty="0" smtClean="0"/>
          </a:p>
          <a:p>
            <a:r>
              <a:rPr lang="ja-JP" altLang="en-US" dirty="0" smtClean="0"/>
              <a:t>（概要）</a:t>
            </a:r>
            <a:endParaRPr lang="ja-JP" altLang="en-US" dirty="0"/>
          </a:p>
        </p:txBody>
      </p:sp>
      <p:sp>
        <p:nvSpPr>
          <p:cNvPr id="9" name="正方形/長方形 8"/>
          <p:cNvSpPr/>
          <p:nvPr/>
        </p:nvSpPr>
        <p:spPr>
          <a:xfrm>
            <a:off x="194048" y="2001546"/>
            <a:ext cx="2574551" cy="685418"/>
          </a:xfrm>
          <a:prstGeom prst="rect">
            <a:avLst/>
          </a:prstGeom>
          <a:ln>
            <a:solidFill>
              <a:schemeClr val="tx2">
                <a:lumMod val="60000"/>
                <a:lumOff val="40000"/>
              </a:schemeClr>
            </a:solidFill>
          </a:ln>
        </p:spPr>
        <p:style>
          <a:lnRef idx="1">
            <a:schemeClr val="accent1"/>
          </a:lnRef>
          <a:fillRef idx="0">
            <a:schemeClr val="accent1"/>
          </a:fillRef>
          <a:effectRef idx="0">
            <a:schemeClr val="accent1"/>
          </a:effectRef>
          <a:fontRef idx="minor">
            <a:schemeClr val="tx1"/>
          </a:fontRef>
        </p:style>
        <p:txBody>
          <a:bodyPr rtlCol="0" anchor="t"/>
          <a:lstStyle/>
          <a:p>
            <a:r>
              <a:rPr kumimoji="1" lang="ja-JP" altLang="en-US" sz="1400" dirty="0" smtClean="0"/>
              <a:t>（１）大阪センチュリー交響楽団</a:t>
            </a:r>
            <a:endParaRPr kumimoji="1" lang="en-US" altLang="ja-JP" sz="1400" dirty="0" smtClean="0"/>
          </a:p>
          <a:p>
            <a:pPr algn="r"/>
            <a:r>
              <a:rPr lang="ja-JP" altLang="en-US" sz="1400" dirty="0" smtClean="0"/>
              <a:t>（大阪府）</a:t>
            </a:r>
            <a:endParaRPr kumimoji="1" lang="en-US" altLang="ja-JP" sz="1400" dirty="0" smtClean="0"/>
          </a:p>
        </p:txBody>
      </p:sp>
      <p:graphicFrame>
        <p:nvGraphicFramePr>
          <p:cNvPr id="11" name="表 10"/>
          <p:cNvGraphicFramePr>
            <a:graphicFrameLocks noGrp="1"/>
          </p:cNvGraphicFramePr>
          <p:nvPr>
            <p:extLst>
              <p:ext uri="{D42A27DB-BD31-4B8C-83A1-F6EECF244321}">
                <p14:modId xmlns:p14="http://schemas.microsoft.com/office/powerpoint/2010/main" val="957134167"/>
              </p:ext>
            </p:extLst>
          </p:nvPr>
        </p:nvGraphicFramePr>
        <p:xfrm>
          <a:off x="2864768" y="37486"/>
          <a:ext cx="6870880" cy="1882504"/>
        </p:xfrm>
        <a:graphic>
          <a:graphicData uri="http://schemas.openxmlformats.org/drawingml/2006/table">
            <a:tbl>
              <a:tblPr firstRow="1" bandRow="1">
                <a:tableStyleId>{7DF18680-E054-41AD-8BC1-D1AEF772440D}</a:tableStyleId>
              </a:tblPr>
              <a:tblGrid>
                <a:gridCol w="1374176"/>
                <a:gridCol w="1374176"/>
                <a:gridCol w="1374176"/>
                <a:gridCol w="1374176"/>
                <a:gridCol w="1374176"/>
              </a:tblGrid>
              <a:tr h="220352">
                <a:tc gridSpan="5">
                  <a:txBody>
                    <a:bodyPr/>
                    <a:lstStyle/>
                    <a:p>
                      <a:pPr algn="ctr"/>
                      <a:r>
                        <a:rPr kumimoji="1" lang="ja-JP" altLang="en-US" sz="1400" dirty="0" smtClean="0"/>
                        <a:t>文化関係団体への支援の考え方</a:t>
                      </a:r>
                      <a:endParaRPr kumimoji="1" lang="ja-JP" altLang="en-US" sz="1400" dirty="0"/>
                    </a:p>
                  </a:txBody>
                  <a:tcPr/>
                </a:tc>
                <a:tc hMerge="1">
                  <a:txBody>
                    <a:bodyPr/>
                    <a:lstStyle/>
                    <a:p>
                      <a:endParaRPr kumimoji="1" lang="ja-JP" altLang="en-US" dirty="0"/>
                    </a:p>
                  </a:txBody>
                  <a:tcPr/>
                </a:tc>
                <a:tc hMerge="1">
                  <a:txBody>
                    <a:bodyPr/>
                    <a:lstStyle/>
                    <a:p>
                      <a:endParaRPr kumimoji="1" lang="ja-JP" altLang="en-US" dirty="0"/>
                    </a:p>
                  </a:txBody>
                  <a:tcPr/>
                </a:tc>
                <a:tc hMerge="1">
                  <a:txBody>
                    <a:bodyPr/>
                    <a:lstStyle/>
                    <a:p>
                      <a:endParaRPr kumimoji="1" lang="ja-JP" altLang="en-US" dirty="0"/>
                    </a:p>
                  </a:txBody>
                  <a:tcPr/>
                </a:tc>
                <a:tc hMerge="1">
                  <a:txBody>
                    <a:bodyPr/>
                    <a:lstStyle/>
                    <a:p>
                      <a:endParaRPr kumimoji="1" lang="ja-JP" altLang="en-US" dirty="0"/>
                    </a:p>
                  </a:txBody>
                  <a:tcPr/>
                </a:tc>
              </a:tr>
              <a:tr h="1577704">
                <a:tc>
                  <a:txBody>
                    <a:bodyPr/>
                    <a:lstStyle/>
                    <a:p>
                      <a:pPr algn="ctr"/>
                      <a:r>
                        <a:rPr kumimoji="1" lang="ja-JP" altLang="en-US" sz="1200" dirty="0" smtClean="0"/>
                        <a:t>①</a:t>
                      </a:r>
                      <a:endParaRPr kumimoji="1" lang="en-US" altLang="ja-JP" sz="1200" dirty="0" smtClean="0"/>
                    </a:p>
                    <a:p>
                      <a:r>
                        <a:rPr kumimoji="1" lang="ja-JP" altLang="en-US" sz="1200" dirty="0" smtClean="0"/>
                        <a:t>特定団体の支援は行わない（一義的には自立的な運営をめざす）</a:t>
                      </a:r>
                    </a:p>
                    <a:p>
                      <a:endParaRPr kumimoji="1" lang="en-US" altLang="ja-JP" sz="1200" dirty="0" smtClean="0"/>
                    </a:p>
                  </a:txBody>
                  <a:tcPr marL="72000" marR="36000"/>
                </a:tc>
                <a:tc>
                  <a:txBody>
                    <a:bodyPr/>
                    <a:lstStyle/>
                    <a:p>
                      <a:pPr algn="ctr"/>
                      <a:r>
                        <a:rPr kumimoji="1" lang="ja-JP" altLang="en-US" sz="1200" dirty="0" smtClean="0"/>
                        <a:t>②</a:t>
                      </a:r>
                      <a:endParaRPr kumimoji="1" lang="en-US" altLang="ja-JP" sz="1200" dirty="0" smtClean="0"/>
                    </a:p>
                    <a:p>
                      <a:r>
                        <a:rPr kumimoji="1" lang="ja-JP" altLang="en-US" sz="1200" dirty="0" smtClean="0"/>
                        <a:t>支援を行う場合は、団体運営への補助ではなく、事業に対する補助とする</a:t>
                      </a:r>
                    </a:p>
                    <a:p>
                      <a:endParaRPr kumimoji="1" lang="ja-JP" altLang="en-US" sz="1200" dirty="0"/>
                    </a:p>
                  </a:txBody>
                  <a:tcPr marL="72000" marR="36000"/>
                </a:tc>
                <a:tc>
                  <a:txBody>
                    <a:bodyPr/>
                    <a:lstStyle/>
                    <a:p>
                      <a:pPr algn="ctr"/>
                      <a:r>
                        <a:rPr kumimoji="1" lang="ja-JP" altLang="en-US" sz="1200" dirty="0" smtClean="0"/>
                        <a:t>③</a:t>
                      </a:r>
                      <a:endParaRPr kumimoji="1" lang="en-US" altLang="ja-JP" sz="1200" dirty="0" smtClean="0"/>
                    </a:p>
                    <a:p>
                      <a:r>
                        <a:rPr kumimoji="1" lang="ja-JP" altLang="en-US" sz="1200" dirty="0" smtClean="0"/>
                        <a:t>補助を行う際にも、競争環境の中での一般補助の手法を用い、また、成果や実績に応じてインセンティブを設けるなどの工夫も行う</a:t>
                      </a:r>
                      <a:endParaRPr kumimoji="1" lang="ja-JP" altLang="en-US" sz="1200" dirty="0"/>
                    </a:p>
                  </a:txBody>
                  <a:tcPr marL="72000" marR="36000"/>
                </a:tc>
                <a:tc>
                  <a:txBody>
                    <a:bodyPr/>
                    <a:lstStyle/>
                    <a:p>
                      <a:pPr algn="ctr"/>
                      <a:r>
                        <a:rPr kumimoji="1" lang="ja-JP" altLang="en-US" sz="1200" dirty="0" smtClean="0"/>
                        <a:t>④</a:t>
                      </a:r>
                      <a:endParaRPr kumimoji="1" lang="en-US" altLang="ja-JP" sz="1200" dirty="0" smtClean="0"/>
                    </a:p>
                    <a:p>
                      <a:r>
                        <a:rPr kumimoji="1" lang="ja-JP" altLang="en-US" sz="1200" dirty="0" smtClean="0"/>
                        <a:t>費用対効果を踏まえた補助対象や補助金額の決定を行う</a:t>
                      </a:r>
                    </a:p>
                    <a:p>
                      <a:endParaRPr kumimoji="1" lang="ja-JP" altLang="en-US" sz="1200" dirty="0" smtClean="0"/>
                    </a:p>
                    <a:p>
                      <a:endParaRPr kumimoji="1" lang="ja-JP" altLang="en-US" sz="1200" dirty="0"/>
                    </a:p>
                  </a:txBody>
                  <a:tcPr marL="72000" marR="36000"/>
                </a:tc>
                <a:tc>
                  <a:txBody>
                    <a:bodyPr/>
                    <a:lstStyle/>
                    <a:p>
                      <a:pPr algn="ctr"/>
                      <a:r>
                        <a:rPr kumimoji="1" lang="ja-JP" altLang="en-US" sz="1200" dirty="0" smtClean="0"/>
                        <a:t>⑤</a:t>
                      </a:r>
                      <a:endParaRPr kumimoji="1" lang="en-US" altLang="ja-JP" sz="1200" dirty="0" smtClean="0"/>
                    </a:p>
                    <a:p>
                      <a:r>
                        <a:rPr kumimoji="1" lang="ja-JP" altLang="en-US" sz="1200" dirty="0" smtClean="0"/>
                        <a:t>費用対効果や事業の効果検証には、行政ではなく、芸術文化の専門家による評価を行う</a:t>
                      </a:r>
                    </a:p>
                    <a:p>
                      <a:endParaRPr kumimoji="1" lang="ja-JP" altLang="en-US" sz="1200" dirty="0"/>
                    </a:p>
                  </a:txBody>
                  <a:tcPr marL="72000" marR="36000"/>
                </a:tc>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137403651"/>
              </p:ext>
            </p:extLst>
          </p:nvPr>
        </p:nvGraphicFramePr>
        <p:xfrm>
          <a:off x="2864768" y="2004126"/>
          <a:ext cx="6912768" cy="731520"/>
        </p:xfrm>
        <a:graphic>
          <a:graphicData uri="http://schemas.openxmlformats.org/drawingml/2006/table">
            <a:tbl>
              <a:tblPr firstRow="1" bandRow="1">
                <a:tableStyleId>{BDBED569-4797-4DF1-A0F4-6AAB3CD982D8}</a:tableStyleId>
              </a:tblPr>
              <a:tblGrid>
                <a:gridCol w="1377504"/>
                <a:gridCol w="1377504"/>
                <a:gridCol w="1377504"/>
                <a:gridCol w="1377504"/>
                <a:gridCol w="1402752"/>
              </a:tblGrid>
              <a:tr h="225701">
                <a:tc>
                  <a:txBody>
                    <a:bodyPr/>
                    <a:lstStyle/>
                    <a:p>
                      <a:pPr algn="ctr"/>
                      <a:r>
                        <a:rPr kumimoji="1" lang="ja-JP" altLang="en-US" sz="1200" b="0" dirty="0" smtClean="0"/>
                        <a:t>✔</a:t>
                      </a:r>
                      <a:endParaRPr kumimoji="1" lang="en-US" altLang="ja-JP" sz="1200" b="0" dirty="0" smtClean="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r>
              <a:tr h="414721">
                <a:tc gridSpan="5">
                  <a:txBody>
                    <a:bodyPr/>
                    <a:lstStyle/>
                    <a:p>
                      <a:r>
                        <a:rPr kumimoji="1" lang="ja-JP" altLang="en-US" sz="1200" b="0" dirty="0" smtClean="0">
                          <a:latin typeface="ＭＳ Ｐ明朝" panose="02020600040205080304" pitchFamily="18" charset="-128"/>
                          <a:ea typeface="ＭＳ Ｐ明朝" panose="02020600040205080304" pitchFamily="18" charset="-128"/>
                        </a:rPr>
                        <a:t>・補助金を段階的に廃止（</a:t>
                      </a:r>
                      <a:r>
                        <a:rPr kumimoji="1" lang="en-US" altLang="ja-JP" sz="1200" b="0" dirty="0" smtClean="0">
                          <a:latin typeface="ＭＳ Ｐ明朝" panose="02020600040205080304" pitchFamily="18" charset="-128"/>
                          <a:ea typeface="ＭＳ Ｐ明朝" panose="02020600040205080304" pitchFamily="18" charset="-128"/>
                        </a:rPr>
                        <a:t>2008</a:t>
                      </a:r>
                      <a:r>
                        <a:rPr kumimoji="1" lang="ja-JP" altLang="en-US" sz="1200" b="0" dirty="0" smtClean="0">
                          <a:latin typeface="ＭＳ Ｐ明朝" panose="02020600040205080304" pitchFamily="18" charset="-128"/>
                          <a:ea typeface="ＭＳ Ｐ明朝" panose="02020600040205080304" pitchFamily="18" charset="-128"/>
                        </a:rPr>
                        <a:t>年度　</a:t>
                      </a:r>
                      <a:r>
                        <a:rPr kumimoji="1" lang="en-US" altLang="ja-JP" sz="1200" b="0" dirty="0" smtClean="0">
                          <a:latin typeface="ＭＳ Ｐ明朝" panose="02020600040205080304" pitchFamily="18" charset="-128"/>
                          <a:ea typeface="ＭＳ Ｐ明朝" panose="02020600040205080304" pitchFamily="18" charset="-128"/>
                        </a:rPr>
                        <a:t>3.9</a:t>
                      </a:r>
                      <a:r>
                        <a:rPr kumimoji="1" lang="ja-JP" altLang="en-US" sz="1200" b="0" dirty="0" smtClean="0">
                          <a:latin typeface="ＭＳ Ｐ明朝" panose="02020600040205080304" pitchFamily="18" charset="-128"/>
                          <a:ea typeface="ＭＳ Ｐ明朝" panose="02020600040205080304" pitchFamily="18" charset="-128"/>
                        </a:rPr>
                        <a:t>億円　→見直し後：</a:t>
                      </a:r>
                      <a:r>
                        <a:rPr kumimoji="1" lang="en-US" altLang="ja-JP" sz="1200" b="0" dirty="0" smtClean="0">
                          <a:latin typeface="ＭＳ Ｐ明朝" panose="02020600040205080304" pitchFamily="18" charset="-128"/>
                          <a:ea typeface="ＭＳ Ｐ明朝" panose="02020600040205080304" pitchFamily="18" charset="-128"/>
                        </a:rPr>
                        <a:t>2009</a:t>
                      </a:r>
                      <a:r>
                        <a:rPr kumimoji="1" lang="ja-JP" altLang="en-US" sz="1200" b="0" dirty="0" smtClean="0">
                          <a:latin typeface="ＭＳ Ｐ明朝" panose="02020600040205080304" pitchFamily="18" charset="-128"/>
                          <a:ea typeface="ＭＳ Ｐ明朝" panose="02020600040205080304" pitchFamily="18" charset="-128"/>
                        </a:rPr>
                        <a:t>年度　</a:t>
                      </a:r>
                      <a:r>
                        <a:rPr kumimoji="1" lang="en-US" altLang="ja-JP" sz="1200" b="0" dirty="0" smtClean="0">
                          <a:latin typeface="ＭＳ Ｐ明朝" panose="02020600040205080304" pitchFamily="18" charset="-128"/>
                          <a:ea typeface="ＭＳ Ｐ明朝" panose="02020600040205080304" pitchFamily="18" charset="-128"/>
                        </a:rPr>
                        <a:t>1.1</a:t>
                      </a:r>
                      <a:r>
                        <a:rPr kumimoji="1" lang="ja-JP" altLang="en-US" sz="1200" b="0" dirty="0" smtClean="0">
                          <a:latin typeface="ＭＳ Ｐ明朝" panose="02020600040205080304" pitchFamily="18" charset="-128"/>
                          <a:ea typeface="ＭＳ Ｐ明朝" panose="02020600040205080304" pitchFamily="18" charset="-128"/>
                        </a:rPr>
                        <a:t>億円　→　</a:t>
                      </a:r>
                      <a:r>
                        <a:rPr kumimoji="1" lang="en-US" altLang="ja-JP" sz="1200" b="0" dirty="0" smtClean="0">
                          <a:latin typeface="ＭＳ Ｐ明朝" panose="02020600040205080304" pitchFamily="18" charset="-128"/>
                          <a:ea typeface="ＭＳ Ｐ明朝" panose="02020600040205080304" pitchFamily="18" charset="-128"/>
                        </a:rPr>
                        <a:t>2011</a:t>
                      </a:r>
                      <a:r>
                        <a:rPr kumimoji="1" lang="ja-JP" altLang="en-US" sz="1200" b="0" dirty="0" smtClean="0">
                          <a:latin typeface="ＭＳ Ｐ明朝" panose="02020600040205080304" pitchFamily="18" charset="-128"/>
                          <a:ea typeface="ＭＳ Ｐ明朝" panose="02020600040205080304" pitchFamily="18" charset="-128"/>
                        </a:rPr>
                        <a:t>年</a:t>
                      </a:r>
                      <a:r>
                        <a:rPr kumimoji="1" lang="en-US" altLang="ja-JP" sz="1200" b="0" dirty="0" smtClean="0">
                          <a:latin typeface="ＭＳ Ｐ明朝" panose="02020600040205080304" pitchFamily="18" charset="-128"/>
                          <a:ea typeface="ＭＳ Ｐ明朝" panose="02020600040205080304" pitchFamily="18" charset="-128"/>
                        </a:rPr>
                        <a:t>4</a:t>
                      </a:r>
                      <a:r>
                        <a:rPr kumimoji="1" lang="ja-JP" altLang="en-US" sz="1200" b="0" dirty="0" smtClean="0">
                          <a:latin typeface="ＭＳ Ｐ明朝" panose="02020600040205080304" pitchFamily="18" charset="-128"/>
                          <a:ea typeface="ＭＳ Ｐ明朝" panose="02020600040205080304" pitchFamily="18" charset="-128"/>
                        </a:rPr>
                        <a:t>月　０円）</a:t>
                      </a:r>
                      <a:endParaRPr kumimoji="1" lang="en-US" altLang="ja-JP" sz="1200" b="0" dirty="0" smtClean="0">
                        <a:latin typeface="ＭＳ Ｐ明朝" panose="02020600040205080304" pitchFamily="18" charset="-128"/>
                        <a:ea typeface="ＭＳ Ｐ明朝" panose="02020600040205080304" pitchFamily="18" charset="-128"/>
                      </a:endParaRPr>
                    </a:p>
                    <a:p>
                      <a:r>
                        <a:rPr kumimoji="1" lang="ja-JP" altLang="en-US" sz="1200" b="0" dirty="0" smtClean="0">
                          <a:latin typeface="ＭＳ Ｐ明朝" panose="02020600040205080304" pitchFamily="18" charset="-128"/>
                          <a:ea typeface="ＭＳ Ｐ明朝" panose="02020600040205080304" pitchFamily="18" charset="-128"/>
                        </a:rPr>
                        <a:t>・</a:t>
                      </a:r>
                      <a:r>
                        <a:rPr kumimoji="1" lang="en-US" altLang="ja-JP" sz="1200" b="0" dirty="0" smtClean="0">
                          <a:latin typeface="ＭＳ Ｐ明朝" panose="02020600040205080304" pitchFamily="18" charset="-128"/>
                          <a:ea typeface="ＭＳ Ｐ明朝" panose="02020600040205080304" pitchFamily="18" charset="-128"/>
                        </a:rPr>
                        <a:t>2011</a:t>
                      </a:r>
                      <a:r>
                        <a:rPr kumimoji="1" lang="ja-JP" altLang="en-US" sz="1200" b="0" dirty="0" smtClean="0">
                          <a:latin typeface="ＭＳ Ｐ明朝" panose="02020600040205080304" pitchFamily="18" charset="-128"/>
                          <a:ea typeface="ＭＳ Ｐ明朝" panose="02020600040205080304" pitchFamily="18" charset="-128"/>
                        </a:rPr>
                        <a:t>年</a:t>
                      </a:r>
                      <a:r>
                        <a:rPr kumimoji="1" lang="en-US" altLang="ja-JP" sz="1200" b="0" dirty="0" smtClean="0">
                          <a:latin typeface="ＭＳ Ｐ明朝" panose="02020600040205080304" pitchFamily="18" charset="-128"/>
                          <a:ea typeface="ＭＳ Ｐ明朝" panose="02020600040205080304" pitchFamily="18" charset="-128"/>
                        </a:rPr>
                        <a:t>4</a:t>
                      </a:r>
                      <a:r>
                        <a:rPr kumimoji="1" lang="ja-JP" altLang="en-US" sz="1200" b="0" dirty="0" smtClean="0">
                          <a:latin typeface="ＭＳ Ｐ明朝" panose="02020600040205080304" pitchFamily="18" charset="-128"/>
                          <a:ea typeface="ＭＳ Ｐ明朝" panose="02020600040205080304" pitchFamily="18" charset="-128"/>
                        </a:rPr>
                        <a:t>月～　府所管から完全自立化</a:t>
                      </a:r>
                      <a:endParaRPr kumimoji="1" lang="en-US" altLang="ja-JP" sz="1200" b="0" dirty="0" smtClean="0">
                        <a:latin typeface="ＭＳ Ｐ明朝" panose="02020600040205080304" pitchFamily="18" charset="-128"/>
                        <a:ea typeface="ＭＳ Ｐ明朝" panose="02020600040205080304" pitchFamily="18" charset="-128"/>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r>
            </a:tbl>
          </a:graphicData>
        </a:graphic>
      </p:graphicFrame>
      <p:sp>
        <p:nvSpPr>
          <p:cNvPr id="13" name="正方形/長方形 12"/>
          <p:cNvSpPr/>
          <p:nvPr/>
        </p:nvSpPr>
        <p:spPr>
          <a:xfrm>
            <a:off x="184300" y="2781996"/>
            <a:ext cx="2584300" cy="665882"/>
          </a:xfrm>
          <a:prstGeom prst="rect">
            <a:avLst/>
          </a:prstGeom>
          <a:ln>
            <a:solidFill>
              <a:schemeClr val="tx2">
                <a:lumMod val="60000"/>
                <a:lumOff val="40000"/>
              </a:schemeClr>
            </a:solidFill>
          </a:ln>
        </p:spPr>
        <p:style>
          <a:lnRef idx="1">
            <a:schemeClr val="accent1"/>
          </a:lnRef>
          <a:fillRef idx="0">
            <a:schemeClr val="accent1"/>
          </a:fillRef>
          <a:effectRef idx="0">
            <a:schemeClr val="accent1"/>
          </a:effectRef>
          <a:fontRef idx="minor">
            <a:schemeClr val="tx1"/>
          </a:fontRef>
        </p:style>
        <p:txBody>
          <a:bodyPr rtlCol="0" anchor="t"/>
          <a:lstStyle/>
          <a:p>
            <a:r>
              <a:rPr kumimoji="1" lang="ja-JP" altLang="en-US" sz="1400" dirty="0" smtClean="0"/>
              <a:t>（２）</a:t>
            </a:r>
            <a:r>
              <a:rPr kumimoji="1" lang="ja-JP" altLang="en-US" sz="1400" spc="-150" dirty="0" smtClean="0"/>
              <a:t>大阪フィルハーモニー交響楽団</a:t>
            </a:r>
            <a:endParaRPr kumimoji="1" lang="en-US" altLang="ja-JP" sz="1400" spc="-150" dirty="0" smtClean="0"/>
          </a:p>
          <a:p>
            <a:pPr algn="r"/>
            <a:r>
              <a:rPr lang="ja-JP" altLang="en-US" sz="1400" dirty="0" smtClean="0"/>
              <a:t>（大阪市）</a:t>
            </a:r>
            <a:endParaRPr kumimoji="1" lang="en-US" altLang="ja-JP" sz="1400" dirty="0" smtClean="0"/>
          </a:p>
        </p:txBody>
      </p:sp>
      <p:graphicFrame>
        <p:nvGraphicFramePr>
          <p:cNvPr id="14" name="表 13"/>
          <p:cNvGraphicFramePr>
            <a:graphicFrameLocks noGrp="1"/>
          </p:cNvGraphicFramePr>
          <p:nvPr>
            <p:extLst>
              <p:ext uri="{D42A27DB-BD31-4B8C-83A1-F6EECF244321}">
                <p14:modId xmlns:p14="http://schemas.microsoft.com/office/powerpoint/2010/main" val="2018163278"/>
              </p:ext>
            </p:extLst>
          </p:nvPr>
        </p:nvGraphicFramePr>
        <p:xfrm>
          <a:off x="2864768" y="2773488"/>
          <a:ext cx="6912768" cy="731520"/>
        </p:xfrm>
        <a:graphic>
          <a:graphicData uri="http://schemas.openxmlformats.org/drawingml/2006/table">
            <a:tbl>
              <a:tblPr firstRow="1" bandRow="1">
                <a:tableStyleId>{BDBED569-4797-4DF1-A0F4-6AAB3CD982D8}</a:tableStyleId>
              </a:tblPr>
              <a:tblGrid>
                <a:gridCol w="1370797"/>
                <a:gridCol w="1370797"/>
                <a:gridCol w="1370797"/>
                <a:gridCol w="1370797"/>
                <a:gridCol w="1429580"/>
              </a:tblGrid>
              <a:tr h="208374">
                <a:tc>
                  <a:txBody>
                    <a:bodyPr/>
                    <a:lstStyle/>
                    <a:p>
                      <a:pPr algn="ctr"/>
                      <a:r>
                        <a:rPr kumimoji="1" lang="ja-JP" altLang="en-US" sz="1200" b="0" dirty="0" smtClean="0"/>
                        <a:t>✔</a:t>
                      </a:r>
                      <a:endParaRPr kumimoji="1" lang="en-US" altLang="ja-JP" sz="1200" b="0" dirty="0" smtClean="0"/>
                    </a:p>
                  </a:txBody>
                  <a:tcPr marR="0">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solidFill>
                            <a:schemeClr val="tx1"/>
                          </a:solidFill>
                        </a:rPr>
                        <a:t>✔</a:t>
                      </a:r>
                      <a:endParaRPr kumimoji="1" lang="en-US" altLang="ja-JP" sz="1200" b="0" dirty="0" smtClean="0">
                        <a:solidFill>
                          <a:schemeClr val="tx1"/>
                        </a:solidFill>
                      </a:endParaRPr>
                    </a:p>
                  </a:txBody>
                  <a:tcPr marR="0">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t>✔</a:t>
                      </a:r>
                      <a:endParaRPr kumimoji="1" lang="ja-JP" altLang="en-US" sz="1200" b="0" dirty="0"/>
                    </a:p>
                  </a:txBody>
                  <a:tcPr marR="0">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t>✔</a:t>
                      </a:r>
                      <a:endParaRPr kumimoji="1" lang="ja-JP" altLang="en-US" sz="1200" b="0" dirty="0"/>
                    </a:p>
                  </a:txBody>
                  <a:tcPr marR="0">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t>✔</a:t>
                      </a:r>
                      <a:endParaRPr kumimoji="1" lang="ja-JP" altLang="en-US" sz="1200" b="0" dirty="0"/>
                    </a:p>
                  </a:txBody>
                  <a:tcPr marR="0">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r>
              <a:tr h="398398">
                <a:tc gridSpan="5">
                  <a:txBody>
                    <a:bodyPr/>
                    <a:lstStyle/>
                    <a:p>
                      <a:pPr marL="88900" indent="-88900"/>
                      <a:r>
                        <a:rPr kumimoji="1" lang="ja-JP" altLang="en-US" sz="1200" b="0" dirty="0" smtClean="0">
                          <a:solidFill>
                            <a:schemeClr val="tx1"/>
                          </a:solidFill>
                          <a:latin typeface="ＭＳ Ｐ明朝" panose="02020600040205080304" pitchFamily="18" charset="-128"/>
                          <a:ea typeface="ＭＳ Ｐ明朝" panose="02020600040205080304" pitchFamily="18" charset="-128"/>
                        </a:rPr>
                        <a:t>・運営補助から</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3</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間限定で事業補助へと転換。段階的に見直しを行い、</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15</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度からの公募型事業助成への移行により、完全自立化。</a:t>
                      </a:r>
                      <a:r>
                        <a:rPr kumimoji="1" lang="ja-JP" altLang="en-US" sz="1150" b="0" dirty="0" smtClean="0">
                          <a:solidFill>
                            <a:schemeClr val="tx1"/>
                          </a:solidFill>
                          <a:latin typeface="ＭＳ Ｐ明朝" panose="02020600040205080304" pitchFamily="18" charset="-128"/>
                          <a:ea typeface="ＭＳ Ｐ明朝" panose="02020600040205080304" pitchFamily="18" charset="-128"/>
                        </a:rPr>
                        <a:t>（</a:t>
                      </a:r>
                      <a:r>
                        <a:rPr kumimoji="1" lang="en-US" altLang="ja-JP" sz="1150" b="0" dirty="0" smtClean="0">
                          <a:solidFill>
                            <a:schemeClr val="tx1"/>
                          </a:solidFill>
                          <a:latin typeface="ＭＳ Ｐ明朝" panose="02020600040205080304" pitchFamily="18" charset="-128"/>
                          <a:ea typeface="ＭＳ Ｐ明朝" panose="02020600040205080304" pitchFamily="18" charset="-128"/>
                        </a:rPr>
                        <a:t>2011</a:t>
                      </a:r>
                      <a:r>
                        <a:rPr kumimoji="1" lang="ja-JP" altLang="en-US" sz="1150" b="0" dirty="0" smtClean="0">
                          <a:solidFill>
                            <a:schemeClr val="tx1"/>
                          </a:solidFill>
                          <a:latin typeface="ＭＳ Ｐ明朝" panose="02020600040205080304" pitchFamily="18" charset="-128"/>
                          <a:ea typeface="ＭＳ Ｐ明朝" panose="02020600040205080304" pitchFamily="18" charset="-128"/>
                        </a:rPr>
                        <a:t>年度</a:t>
                      </a:r>
                      <a:r>
                        <a:rPr kumimoji="1" lang="en-US" altLang="ja-JP" sz="1150" b="0" dirty="0" smtClean="0">
                          <a:solidFill>
                            <a:schemeClr val="tx1"/>
                          </a:solidFill>
                          <a:latin typeface="ＭＳ Ｐ明朝" panose="02020600040205080304" pitchFamily="18" charset="-128"/>
                          <a:ea typeface="ＭＳ Ｐ明朝" panose="02020600040205080304" pitchFamily="18" charset="-128"/>
                        </a:rPr>
                        <a:t>1.1</a:t>
                      </a:r>
                      <a:r>
                        <a:rPr kumimoji="1" lang="ja-JP" altLang="en-US" sz="1150" b="0" dirty="0" smtClean="0">
                          <a:solidFill>
                            <a:schemeClr val="tx1"/>
                          </a:solidFill>
                          <a:latin typeface="ＭＳ Ｐ明朝" panose="02020600040205080304" pitchFamily="18" charset="-128"/>
                          <a:ea typeface="ＭＳ Ｐ明朝" panose="02020600040205080304" pitchFamily="18" charset="-128"/>
                        </a:rPr>
                        <a:t>億円→見直し後：</a:t>
                      </a:r>
                      <a:r>
                        <a:rPr kumimoji="1" lang="en-US" altLang="ja-JP" sz="1150" b="0" dirty="0" smtClean="0">
                          <a:solidFill>
                            <a:schemeClr val="tx1"/>
                          </a:solidFill>
                          <a:latin typeface="ＭＳ Ｐ明朝" panose="02020600040205080304" pitchFamily="18" charset="-128"/>
                          <a:ea typeface="ＭＳ Ｐ明朝" panose="02020600040205080304" pitchFamily="18" charset="-128"/>
                        </a:rPr>
                        <a:t>2012</a:t>
                      </a:r>
                      <a:r>
                        <a:rPr kumimoji="1" lang="ja-JP" altLang="en-US" sz="1150" b="0" dirty="0" smtClean="0">
                          <a:solidFill>
                            <a:schemeClr val="tx1"/>
                          </a:solidFill>
                          <a:latin typeface="ＭＳ Ｐ明朝" panose="02020600040205080304" pitchFamily="18" charset="-128"/>
                          <a:ea typeface="ＭＳ Ｐ明朝" panose="02020600040205080304" pitchFamily="18" charset="-128"/>
                        </a:rPr>
                        <a:t>年度 </a:t>
                      </a:r>
                      <a:r>
                        <a:rPr kumimoji="1" lang="en-US" altLang="ja-JP" sz="1150" b="0" dirty="0" smtClean="0">
                          <a:solidFill>
                            <a:schemeClr val="tx1"/>
                          </a:solidFill>
                          <a:latin typeface="ＭＳ Ｐ明朝" panose="02020600040205080304" pitchFamily="18" charset="-128"/>
                          <a:ea typeface="ＭＳ Ｐ明朝" panose="02020600040205080304" pitchFamily="18" charset="-128"/>
                        </a:rPr>
                        <a:t>9,900</a:t>
                      </a:r>
                      <a:r>
                        <a:rPr kumimoji="1" lang="ja-JP" altLang="en-US" sz="1150" b="0" dirty="0" smtClean="0">
                          <a:solidFill>
                            <a:schemeClr val="tx1"/>
                          </a:solidFill>
                          <a:latin typeface="ＭＳ Ｐ明朝" panose="02020600040205080304" pitchFamily="18" charset="-128"/>
                          <a:ea typeface="ＭＳ Ｐ明朝" panose="02020600040205080304" pitchFamily="18" charset="-128"/>
                        </a:rPr>
                        <a:t>万円、</a:t>
                      </a:r>
                      <a:r>
                        <a:rPr kumimoji="1" lang="en-US" altLang="ja-JP" sz="1150" b="0" dirty="0" smtClean="0">
                          <a:solidFill>
                            <a:schemeClr val="tx1"/>
                          </a:solidFill>
                          <a:latin typeface="ＭＳ Ｐ明朝" panose="02020600040205080304" pitchFamily="18" charset="-128"/>
                          <a:ea typeface="ＭＳ Ｐ明朝" panose="02020600040205080304" pitchFamily="18" charset="-128"/>
                        </a:rPr>
                        <a:t>2014</a:t>
                      </a:r>
                      <a:r>
                        <a:rPr kumimoji="1" lang="ja-JP" altLang="en-US" sz="1150" b="0" dirty="0" smtClean="0">
                          <a:solidFill>
                            <a:schemeClr val="tx1"/>
                          </a:solidFill>
                          <a:latin typeface="ＭＳ Ｐ明朝" panose="02020600040205080304" pitchFamily="18" charset="-128"/>
                          <a:ea typeface="ＭＳ Ｐ明朝" panose="02020600040205080304" pitchFamily="18" charset="-128"/>
                        </a:rPr>
                        <a:t>年度上限</a:t>
                      </a:r>
                      <a:r>
                        <a:rPr kumimoji="1" lang="en-US" altLang="ja-JP" sz="1150" b="0" dirty="0" smtClean="0">
                          <a:solidFill>
                            <a:schemeClr val="tx1"/>
                          </a:solidFill>
                          <a:latin typeface="ＭＳ Ｐ明朝" panose="02020600040205080304" pitchFamily="18" charset="-128"/>
                          <a:ea typeface="ＭＳ Ｐ明朝" panose="02020600040205080304" pitchFamily="18" charset="-128"/>
                        </a:rPr>
                        <a:t>4,200</a:t>
                      </a:r>
                      <a:r>
                        <a:rPr kumimoji="1" lang="ja-JP" altLang="en-US" sz="1150" b="0" dirty="0" smtClean="0">
                          <a:solidFill>
                            <a:schemeClr val="tx1"/>
                          </a:solidFill>
                          <a:latin typeface="ＭＳ Ｐ明朝" panose="02020600040205080304" pitchFamily="18" charset="-128"/>
                          <a:ea typeface="ＭＳ Ｐ明朝" panose="02020600040205080304" pitchFamily="18" charset="-128"/>
                        </a:rPr>
                        <a:t>万円）</a:t>
                      </a:r>
                      <a:endParaRPr kumimoji="1" lang="en-US" altLang="ja-JP" sz="1150" b="0" dirty="0" smtClean="0">
                        <a:solidFill>
                          <a:schemeClr val="tx1"/>
                        </a:solidFill>
                        <a:latin typeface="ＭＳ Ｐ明朝" panose="02020600040205080304" pitchFamily="18" charset="-128"/>
                        <a:ea typeface="ＭＳ Ｐ明朝" panose="02020600040205080304" pitchFamily="18" charset="-128"/>
                      </a:endParaRPr>
                    </a:p>
                  </a:txBody>
                  <a:tcPr marL="36000" marR="0">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r>
            </a:tbl>
          </a:graphicData>
        </a:graphic>
      </p:graphicFrame>
      <p:sp>
        <p:nvSpPr>
          <p:cNvPr id="15" name="正方形/長方形 14"/>
          <p:cNvSpPr/>
          <p:nvPr/>
        </p:nvSpPr>
        <p:spPr>
          <a:xfrm>
            <a:off x="196191" y="3532424"/>
            <a:ext cx="2572409" cy="919584"/>
          </a:xfrm>
          <a:prstGeom prst="rect">
            <a:avLst/>
          </a:prstGeom>
          <a:ln>
            <a:solidFill>
              <a:schemeClr val="tx2">
                <a:lumMod val="60000"/>
                <a:lumOff val="40000"/>
              </a:schemeClr>
            </a:solidFill>
          </a:ln>
        </p:spPr>
        <p:style>
          <a:lnRef idx="1">
            <a:schemeClr val="accent1"/>
          </a:lnRef>
          <a:fillRef idx="0">
            <a:schemeClr val="accent1"/>
          </a:fillRef>
          <a:effectRef idx="0">
            <a:schemeClr val="accent1"/>
          </a:effectRef>
          <a:fontRef idx="minor">
            <a:schemeClr val="tx1"/>
          </a:fontRef>
        </p:style>
        <p:txBody>
          <a:bodyPr rtlCol="0" anchor="t"/>
          <a:lstStyle/>
          <a:p>
            <a:r>
              <a:rPr kumimoji="1" lang="ja-JP" altLang="en-US" sz="1400" dirty="0" smtClean="0"/>
              <a:t>（３）文楽協会（大阪府、大阪市）</a:t>
            </a:r>
            <a:endParaRPr kumimoji="1" lang="en-US" altLang="ja-JP" sz="1400" dirty="0" smtClean="0"/>
          </a:p>
        </p:txBody>
      </p:sp>
      <p:sp>
        <p:nvSpPr>
          <p:cNvPr id="17" name="正方形/長方形 16"/>
          <p:cNvSpPr/>
          <p:nvPr/>
        </p:nvSpPr>
        <p:spPr>
          <a:xfrm>
            <a:off x="190264" y="4544307"/>
            <a:ext cx="2578336" cy="724389"/>
          </a:xfrm>
          <a:prstGeom prst="rect">
            <a:avLst/>
          </a:prstGeom>
          <a:ln>
            <a:solidFill>
              <a:schemeClr val="tx2">
                <a:lumMod val="60000"/>
                <a:lumOff val="40000"/>
              </a:schemeClr>
            </a:solidFill>
          </a:ln>
        </p:spPr>
        <p:style>
          <a:lnRef idx="1">
            <a:schemeClr val="accent1"/>
          </a:lnRef>
          <a:fillRef idx="0">
            <a:schemeClr val="accent1"/>
          </a:fillRef>
          <a:effectRef idx="0">
            <a:schemeClr val="accent1"/>
          </a:effectRef>
          <a:fontRef idx="minor">
            <a:schemeClr val="tx1"/>
          </a:fontRef>
        </p:style>
        <p:txBody>
          <a:bodyPr rtlCol="0" anchor="t"/>
          <a:lstStyle/>
          <a:p>
            <a:r>
              <a:rPr kumimoji="1" lang="ja-JP" altLang="en-US" sz="1400" dirty="0" smtClean="0"/>
              <a:t>（４）大阪市音楽団（大阪市）</a:t>
            </a:r>
            <a:endParaRPr kumimoji="1" lang="ja-JP" altLang="en-US" sz="1400" dirty="0"/>
          </a:p>
        </p:txBody>
      </p:sp>
      <p:graphicFrame>
        <p:nvGraphicFramePr>
          <p:cNvPr id="20" name="表 19"/>
          <p:cNvGraphicFramePr>
            <a:graphicFrameLocks noGrp="1"/>
          </p:cNvGraphicFramePr>
          <p:nvPr>
            <p:extLst>
              <p:ext uri="{D42A27DB-BD31-4B8C-83A1-F6EECF244321}">
                <p14:modId xmlns:p14="http://schemas.microsoft.com/office/powerpoint/2010/main" val="2231143075"/>
              </p:ext>
            </p:extLst>
          </p:nvPr>
        </p:nvGraphicFramePr>
        <p:xfrm>
          <a:off x="2864768" y="3545506"/>
          <a:ext cx="6912768" cy="914400"/>
        </p:xfrm>
        <a:graphic>
          <a:graphicData uri="http://schemas.openxmlformats.org/drawingml/2006/table">
            <a:tbl>
              <a:tblPr firstRow="1" bandRow="1">
                <a:tableStyleId>{BDBED569-4797-4DF1-A0F4-6AAB3CD982D8}</a:tableStyleId>
              </a:tblPr>
              <a:tblGrid>
                <a:gridCol w="1370797"/>
                <a:gridCol w="1370797"/>
                <a:gridCol w="1370797"/>
                <a:gridCol w="1370797"/>
                <a:gridCol w="1429580"/>
              </a:tblGrid>
              <a:tr h="225701">
                <a:tc>
                  <a:txBody>
                    <a:bodyPr/>
                    <a:lstStyle/>
                    <a:p>
                      <a:pPr algn="ctr"/>
                      <a:r>
                        <a:rPr kumimoji="1" lang="ja-JP" altLang="en-US" sz="1200" b="0" dirty="0" smtClean="0">
                          <a:solidFill>
                            <a:schemeClr val="tx1"/>
                          </a:solidFill>
                        </a:rPr>
                        <a:t>市✔</a:t>
                      </a:r>
                      <a:endParaRPr kumimoji="1" lang="en-US" altLang="ja-JP" sz="1200" b="0" dirty="0" smtClean="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solidFill>
                            <a:schemeClr val="tx1"/>
                          </a:solidFill>
                        </a:rPr>
                        <a:t>府✔、市（一部）✔</a:t>
                      </a:r>
                      <a:endParaRPr kumimoji="1" lang="en-US" altLang="ja-JP" sz="1200" b="0" dirty="0" smtClean="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solidFill>
                            <a:schemeClr val="tx1"/>
                          </a:solidFill>
                        </a:rPr>
                        <a:t>市✔</a:t>
                      </a:r>
                      <a:endParaRPr kumimoji="1" lang="ja-JP" altLang="en-US" sz="1200" b="0" dirty="0">
                        <a:solidFill>
                          <a:schemeClr val="tx1"/>
                        </a:solidFill>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t>府✔、市✔</a:t>
                      </a: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t>市✔</a:t>
                      </a: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r>
              <a:tr h="414721">
                <a:tc gridSpan="5">
                  <a:txBody>
                    <a:bodyPr/>
                    <a:lstStyle/>
                    <a:p>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府：運営補助から事業補助へと転換。（</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08</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度</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500</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万円　→見直し後</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09</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度～</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00</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万円</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a:t>
                      </a:r>
                      <a:endParaRPr kumimoji="1" lang="en-US" altLang="ja-JP" sz="1200" b="0" dirty="0" smtClean="0">
                        <a:solidFill>
                          <a:schemeClr val="tx1"/>
                        </a:solidFill>
                        <a:latin typeface="ＭＳ Ｐ明朝" panose="02020600040205080304" pitchFamily="18" charset="-128"/>
                        <a:ea typeface="ＭＳ Ｐ明朝" panose="02020600040205080304" pitchFamily="18" charset="-128"/>
                      </a:endParaRPr>
                    </a:p>
                    <a:p>
                      <a:pPr marL="88900" marR="0" indent="-88900" algn="l" defTabSz="957816" rtl="0" eaLnBrk="1" fontAlgn="auto" latinLnBrk="0" hangingPunct="1">
                        <a:lnSpc>
                          <a:spcPct val="100000"/>
                        </a:lnSpc>
                        <a:spcBef>
                          <a:spcPts val="0"/>
                        </a:spcBef>
                        <a:spcAft>
                          <a:spcPts val="0"/>
                        </a:spcAft>
                        <a:buClrTx/>
                        <a:buSzTx/>
                        <a:buFontTx/>
                        <a:buNone/>
                        <a:tabLst/>
                        <a:defRPr/>
                      </a:pP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市：運営補助から</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3</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間限定で事業補助へと転換。段階的に見直しを行い、</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15</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度から公募型事業助成へ移行。（</a:t>
                      </a:r>
                      <a:r>
                        <a:rPr kumimoji="1" lang="en-US" altLang="ja-JP" sz="1200" b="0" dirty="0" smtClean="0">
                          <a:solidFill>
                            <a:schemeClr val="tx1"/>
                          </a:solidFill>
                          <a:latin typeface="ＭＳ Ｐ明朝" panose="02020600040205080304" pitchFamily="18" charset="-128"/>
                          <a:ea typeface="ＭＳ Ｐ明朝" panose="02020600040205080304" pitchFamily="18" charset="-128"/>
                        </a:rPr>
                        <a:t>2008</a:t>
                      </a:r>
                      <a:r>
                        <a:rPr kumimoji="1" lang="ja-JP" altLang="en-US" sz="1200" b="0" dirty="0" smtClean="0">
                          <a:solidFill>
                            <a:schemeClr val="tx1"/>
                          </a:solidFill>
                          <a:latin typeface="ＭＳ Ｐ明朝" panose="02020600040205080304" pitchFamily="18" charset="-128"/>
                          <a:ea typeface="ＭＳ Ｐ明朝" panose="02020600040205080304" pitchFamily="18" charset="-128"/>
                        </a:rPr>
                        <a:t>年度</a:t>
                      </a:r>
                      <a:r>
                        <a:rPr kumimoji="1" lang="en-US" altLang="ja-JP" sz="1200" b="0" baseline="0" dirty="0" smtClean="0">
                          <a:solidFill>
                            <a:schemeClr val="tx1"/>
                          </a:solidFill>
                          <a:latin typeface="ＭＳ Ｐ明朝" panose="02020600040205080304" pitchFamily="18" charset="-128"/>
                          <a:ea typeface="ＭＳ Ｐ明朝" panose="02020600040205080304" pitchFamily="18" charset="-128"/>
                        </a:rPr>
                        <a:t>5,200</a:t>
                      </a:r>
                      <a:r>
                        <a:rPr kumimoji="1" lang="ja-JP" altLang="en-US" sz="1200" b="0" baseline="0" dirty="0" smtClean="0">
                          <a:solidFill>
                            <a:schemeClr val="tx1"/>
                          </a:solidFill>
                          <a:latin typeface="ＭＳ Ｐ明朝" panose="02020600040205080304" pitchFamily="18" charset="-128"/>
                          <a:ea typeface="ＭＳ Ｐ明朝" panose="02020600040205080304" pitchFamily="18" charset="-128"/>
                        </a:rPr>
                        <a:t>万円→見直し後：</a:t>
                      </a:r>
                      <a:r>
                        <a:rPr kumimoji="1" lang="en-US" altLang="ja-JP" sz="1200" b="0" baseline="0" dirty="0" smtClean="0">
                          <a:solidFill>
                            <a:schemeClr val="tx1"/>
                          </a:solidFill>
                          <a:latin typeface="ＭＳ Ｐ明朝" panose="02020600040205080304" pitchFamily="18" charset="-128"/>
                          <a:ea typeface="ＭＳ Ｐ明朝" panose="02020600040205080304" pitchFamily="18" charset="-128"/>
                        </a:rPr>
                        <a:t>2013</a:t>
                      </a:r>
                      <a:r>
                        <a:rPr kumimoji="1" lang="ja-JP" altLang="en-US" sz="1200" b="0" baseline="0" dirty="0" smtClean="0">
                          <a:solidFill>
                            <a:schemeClr val="tx1"/>
                          </a:solidFill>
                          <a:latin typeface="ＭＳ Ｐ明朝" panose="02020600040205080304" pitchFamily="18" charset="-128"/>
                          <a:ea typeface="ＭＳ Ｐ明朝" panose="02020600040205080304" pitchFamily="18" charset="-128"/>
                        </a:rPr>
                        <a:t>年度～上限</a:t>
                      </a:r>
                      <a:r>
                        <a:rPr kumimoji="1" lang="en-US" altLang="ja-JP" sz="1200" b="0" baseline="0" dirty="0" smtClean="0">
                          <a:solidFill>
                            <a:schemeClr val="tx1"/>
                          </a:solidFill>
                          <a:latin typeface="ＭＳ Ｐ明朝" panose="02020600040205080304" pitchFamily="18" charset="-128"/>
                          <a:ea typeface="ＭＳ Ｐ明朝" panose="02020600040205080304" pitchFamily="18" charset="-128"/>
                        </a:rPr>
                        <a:t>3,900</a:t>
                      </a:r>
                      <a:r>
                        <a:rPr kumimoji="1" lang="ja-JP" altLang="en-US" sz="1200" b="0" baseline="0" dirty="0" smtClean="0">
                          <a:solidFill>
                            <a:schemeClr val="tx1"/>
                          </a:solidFill>
                          <a:latin typeface="ＭＳ Ｐ明朝" panose="02020600040205080304" pitchFamily="18" charset="-128"/>
                          <a:ea typeface="ＭＳ Ｐ明朝" panose="02020600040205080304" pitchFamily="18" charset="-128"/>
                        </a:rPr>
                        <a:t>万円）</a:t>
                      </a:r>
                      <a:endParaRPr kumimoji="1" lang="en-US" altLang="ja-JP" sz="1200" b="0" dirty="0" smtClean="0">
                        <a:solidFill>
                          <a:schemeClr val="tx1"/>
                        </a:solidFill>
                        <a:latin typeface="ＭＳ Ｐ明朝" panose="02020600040205080304" pitchFamily="18" charset="-128"/>
                        <a:ea typeface="ＭＳ Ｐ明朝" panose="02020600040205080304" pitchFamily="18" charset="-128"/>
                      </a:endParaRPr>
                    </a:p>
                  </a:txBody>
                  <a:tcPr marL="72000" marR="72000">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r>
            </a:tbl>
          </a:graphicData>
        </a:graphic>
      </p:graphicFrame>
      <p:graphicFrame>
        <p:nvGraphicFramePr>
          <p:cNvPr id="21" name="表 20"/>
          <p:cNvGraphicFramePr>
            <a:graphicFrameLocks noGrp="1"/>
          </p:cNvGraphicFramePr>
          <p:nvPr>
            <p:extLst>
              <p:ext uri="{D42A27DB-BD31-4B8C-83A1-F6EECF244321}">
                <p14:modId xmlns:p14="http://schemas.microsoft.com/office/powerpoint/2010/main" val="508966169"/>
              </p:ext>
            </p:extLst>
          </p:nvPr>
        </p:nvGraphicFramePr>
        <p:xfrm>
          <a:off x="2864768" y="4533440"/>
          <a:ext cx="6912768" cy="731520"/>
        </p:xfrm>
        <a:graphic>
          <a:graphicData uri="http://schemas.openxmlformats.org/drawingml/2006/table">
            <a:tbl>
              <a:tblPr firstRow="1" bandRow="1">
                <a:tableStyleId>{BDBED569-4797-4DF1-A0F4-6AAB3CD982D8}</a:tableStyleId>
              </a:tblPr>
              <a:tblGrid>
                <a:gridCol w="1368996"/>
                <a:gridCol w="1368996"/>
                <a:gridCol w="1368996"/>
                <a:gridCol w="1368996"/>
                <a:gridCol w="1436784"/>
              </a:tblGrid>
              <a:tr h="225701">
                <a:tc>
                  <a:txBody>
                    <a:bodyPr/>
                    <a:lstStyle/>
                    <a:p>
                      <a:pPr algn="ctr"/>
                      <a:r>
                        <a:rPr kumimoji="1" lang="ja-JP" altLang="en-US" sz="1200" b="0" dirty="0" smtClean="0"/>
                        <a:t>✔</a:t>
                      </a:r>
                      <a:endParaRPr kumimoji="1" lang="en-US" altLang="ja-JP" sz="1200" b="0" dirty="0" smtClean="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r>
              <a:tr h="414721">
                <a:tc gridSpan="5">
                  <a:txBody>
                    <a:bodyPr/>
                    <a:lstStyle/>
                    <a:p>
                      <a:pPr marL="88900" indent="-88900"/>
                      <a:r>
                        <a:rPr kumimoji="1" lang="ja-JP" altLang="en-US" sz="1200" b="0" dirty="0" smtClean="0">
                          <a:latin typeface="ＭＳ Ｐ明朝" panose="02020600040205080304" pitchFamily="18" charset="-128"/>
                          <a:ea typeface="ＭＳ Ｐ明朝" panose="02020600040205080304" pitchFamily="18" charset="-128"/>
                        </a:rPr>
                        <a:t>・直営の音楽団を廃止。</a:t>
                      </a:r>
                      <a:r>
                        <a:rPr kumimoji="1" lang="en-US" altLang="ja-JP" sz="1200" b="0" dirty="0" smtClean="0">
                          <a:latin typeface="ＭＳ Ｐ明朝" panose="02020600040205080304" pitchFamily="18" charset="-128"/>
                          <a:ea typeface="ＭＳ Ｐ明朝" panose="02020600040205080304" pitchFamily="18" charset="-128"/>
                        </a:rPr>
                        <a:t>2014</a:t>
                      </a:r>
                      <a:r>
                        <a:rPr kumimoji="1" lang="ja-JP" altLang="en-US" sz="1200" b="0" dirty="0" smtClean="0">
                          <a:latin typeface="ＭＳ Ｐ明朝" panose="02020600040205080304" pitchFamily="18" charset="-128"/>
                          <a:ea typeface="ＭＳ Ｐ明朝" panose="02020600040205080304" pitchFamily="18" charset="-128"/>
                        </a:rPr>
                        <a:t>年度から一般社団法人として自立化　（</a:t>
                      </a:r>
                      <a:r>
                        <a:rPr kumimoji="1" lang="en-US" altLang="ja-JP" sz="1200" b="0" dirty="0" smtClean="0">
                          <a:latin typeface="ＭＳ Ｐ明朝" panose="02020600040205080304" pitchFamily="18" charset="-128"/>
                          <a:ea typeface="ＭＳ Ｐ明朝" panose="02020600040205080304" pitchFamily="18" charset="-128"/>
                        </a:rPr>
                        <a:t>2014</a:t>
                      </a:r>
                      <a:r>
                        <a:rPr kumimoji="1" lang="ja-JP" altLang="en-US" sz="1200" b="0" dirty="0" smtClean="0">
                          <a:latin typeface="ＭＳ Ｐ明朝" panose="02020600040205080304" pitchFamily="18" charset="-128"/>
                          <a:ea typeface="ＭＳ Ｐ明朝" panose="02020600040205080304" pitchFamily="18" charset="-128"/>
                        </a:rPr>
                        <a:t>～</a:t>
                      </a:r>
                      <a:r>
                        <a:rPr kumimoji="1" lang="en-US" altLang="ja-JP" sz="1200" b="0" dirty="0" smtClean="0">
                          <a:latin typeface="ＭＳ Ｐ明朝" panose="02020600040205080304" pitchFamily="18" charset="-128"/>
                          <a:ea typeface="ＭＳ Ｐ明朝" panose="02020600040205080304" pitchFamily="18" charset="-128"/>
                        </a:rPr>
                        <a:t>2016</a:t>
                      </a:r>
                      <a:r>
                        <a:rPr kumimoji="1" lang="ja-JP" altLang="en-US" sz="1200" b="0" dirty="0" smtClean="0">
                          <a:latin typeface="ＭＳ Ｐ明朝" panose="02020600040205080304" pitchFamily="18" charset="-128"/>
                          <a:ea typeface="ＭＳ Ｐ明朝" panose="02020600040205080304" pitchFamily="18" charset="-128"/>
                        </a:rPr>
                        <a:t>年度の</a:t>
                      </a:r>
                      <a:r>
                        <a:rPr kumimoji="1" lang="en-US" altLang="ja-JP" sz="1200" b="0" dirty="0" smtClean="0">
                          <a:latin typeface="ＭＳ Ｐ明朝" panose="02020600040205080304" pitchFamily="18" charset="-128"/>
                          <a:ea typeface="ＭＳ Ｐ明朝" panose="02020600040205080304" pitchFamily="18" charset="-128"/>
                        </a:rPr>
                        <a:t>3</a:t>
                      </a:r>
                      <a:r>
                        <a:rPr kumimoji="1" lang="ja-JP" altLang="en-US" sz="1200" b="0" dirty="0" smtClean="0">
                          <a:latin typeface="ＭＳ Ｐ明朝" panose="02020600040205080304" pitchFamily="18" charset="-128"/>
                          <a:ea typeface="ＭＳ Ｐ明朝" panose="02020600040205080304" pitchFamily="18" charset="-128"/>
                        </a:rPr>
                        <a:t>か年限定で、経営基盤確立までの運転資金として計</a:t>
                      </a:r>
                      <a:r>
                        <a:rPr kumimoji="1" lang="en-US" altLang="ja-JP" sz="1200" b="0" dirty="0" smtClean="0">
                          <a:latin typeface="ＭＳ Ｐ明朝" panose="02020600040205080304" pitchFamily="18" charset="-128"/>
                          <a:ea typeface="ＭＳ Ｐ明朝" panose="02020600040205080304" pitchFamily="18" charset="-128"/>
                        </a:rPr>
                        <a:t>3</a:t>
                      </a:r>
                      <a:r>
                        <a:rPr kumimoji="1" lang="ja-JP" altLang="en-US" sz="1200" b="0" dirty="0" smtClean="0">
                          <a:latin typeface="ＭＳ Ｐ明朝" panose="02020600040205080304" pitchFamily="18" charset="-128"/>
                          <a:ea typeface="ＭＳ Ｐ明朝" panose="02020600040205080304" pitchFamily="18" charset="-128"/>
                        </a:rPr>
                        <a:t>億</a:t>
                      </a:r>
                      <a:r>
                        <a:rPr kumimoji="1" lang="en-US" altLang="ja-JP" sz="1200" b="0" dirty="0" smtClean="0">
                          <a:latin typeface="ＭＳ Ｐ明朝" panose="02020600040205080304" pitchFamily="18" charset="-128"/>
                          <a:ea typeface="ＭＳ Ｐ明朝" panose="02020600040205080304" pitchFamily="18" charset="-128"/>
                        </a:rPr>
                        <a:t>3,800</a:t>
                      </a:r>
                      <a:r>
                        <a:rPr kumimoji="1" lang="ja-JP" altLang="en-US" sz="1200" b="0" dirty="0" smtClean="0">
                          <a:latin typeface="ＭＳ Ｐ明朝" panose="02020600040205080304" pitchFamily="18" charset="-128"/>
                          <a:ea typeface="ＭＳ Ｐ明朝" panose="02020600040205080304" pitchFamily="18" charset="-128"/>
                        </a:rPr>
                        <a:t>万円を寄付）</a:t>
                      </a:r>
                      <a:endParaRPr kumimoji="1" lang="en-US" altLang="ja-JP" sz="1200" b="0" dirty="0" smtClean="0">
                        <a:latin typeface="ＭＳ Ｐ明朝" panose="02020600040205080304" pitchFamily="18" charset="-128"/>
                        <a:ea typeface="ＭＳ Ｐ明朝" panose="02020600040205080304" pitchFamily="18" charset="-128"/>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r>
            </a:tbl>
          </a:graphicData>
        </a:graphic>
      </p:graphicFrame>
      <p:graphicFrame>
        <p:nvGraphicFramePr>
          <p:cNvPr id="22" name="表 21"/>
          <p:cNvGraphicFramePr>
            <a:graphicFrameLocks noGrp="1"/>
          </p:cNvGraphicFramePr>
          <p:nvPr>
            <p:extLst>
              <p:ext uri="{D42A27DB-BD31-4B8C-83A1-F6EECF244321}">
                <p14:modId xmlns:p14="http://schemas.microsoft.com/office/powerpoint/2010/main" val="2148459294"/>
              </p:ext>
            </p:extLst>
          </p:nvPr>
        </p:nvGraphicFramePr>
        <p:xfrm>
          <a:off x="2864768" y="5336774"/>
          <a:ext cx="6912768" cy="731520"/>
        </p:xfrm>
        <a:graphic>
          <a:graphicData uri="http://schemas.openxmlformats.org/drawingml/2006/table">
            <a:tbl>
              <a:tblPr firstRow="1" bandRow="1">
                <a:tableStyleId>{BDBED569-4797-4DF1-A0F4-6AAB3CD982D8}</a:tableStyleId>
              </a:tblPr>
              <a:tblGrid>
                <a:gridCol w="1366556"/>
                <a:gridCol w="1366556"/>
                <a:gridCol w="1366556"/>
                <a:gridCol w="1366556"/>
                <a:gridCol w="1446544"/>
              </a:tblGrid>
              <a:tr h="225701">
                <a:tc>
                  <a:txBody>
                    <a:bodyPr/>
                    <a:lstStyle/>
                    <a:p>
                      <a:pPr algn="ctr"/>
                      <a:endParaRPr kumimoji="1" lang="en-US" altLang="ja-JP" sz="1200" b="0" dirty="0" smtClean="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t>✔</a:t>
                      </a: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c>
                  <a:txBody>
                    <a:bodyPr/>
                    <a:lstStyle/>
                    <a:p>
                      <a:pPr algn="ctr"/>
                      <a:r>
                        <a:rPr kumimoji="1" lang="ja-JP" altLang="en-US" sz="1200" b="0" dirty="0" smtClean="0"/>
                        <a:t>✔</a:t>
                      </a:r>
                      <a:endParaRPr kumimoji="1" lang="ja-JP" altLang="en-US" sz="1200" b="0" dirty="0"/>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solidFill>
                      <a:schemeClr val="accent5">
                        <a:tint val="40000"/>
                      </a:schemeClr>
                    </a:solidFill>
                  </a:tcPr>
                </a:tc>
              </a:tr>
              <a:tr h="414721">
                <a:tc gridSpan="5">
                  <a:txBody>
                    <a:bodyPr/>
                    <a:lstStyle/>
                    <a:p>
                      <a:pPr marL="88900" indent="-88900"/>
                      <a:r>
                        <a:rPr kumimoji="1" lang="ja-JP" altLang="en-US" sz="1200" b="0" dirty="0" smtClean="0">
                          <a:latin typeface="ＭＳ Ｐ明朝" panose="02020600040205080304" pitchFamily="18" charset="-128"/>
                          <a:ea typeface="ＭＳ Ｐ明朝" panose="02020600040205080304" pitchFamily="18" charset="-128"/>
                        </a:rPr>
                        <a:t>・</a:t>
                      </a:r>
                      <a:r>
                        <a:rPr kumimoji="1" lang="en-US" altLang="ja-JP" sz="1200" b="0" dirty="0" smtClean="0">
                          <a:latin typeface="ＭＳ Ｐ明朝" panose="02020600040205080304" pitchFamily="18" charset="-128"/>
                          <a:ea typeface="ＭＳ Ｐ明朝" panose="02020600040205080304" pitchFamily="18" charset="-128"/>
                        </a:rPr>
                        <a:t>2013</a:t>
                      </a:r>
                      <a:r>
                        <a:rPr kumimoji="1" lang="ja-JP" altLang="en-US" sz="1200" b="0" dirty="0" smtClean="0">
                          <a:latin typeface="ＭＳ Ｐ明朝" panose="02020600040205080304" pitchFamily="18" charset="-128"/>
                          <a:ea typeface="ＭＳ Ｐ明朝" panose="02020600040205080304" pitchFamily="18" charset="-128"/>
                        </a:rPr>
                        <a:t>年度～府市文化事業の評価・審査、企画、調査を第三者の専門家が行う新たな仕組み「アールカウンシル」を構築（</a:t>
                      </a:r>
                      <a:r>
                        <a:rPr kumimoji="1" lang="en-US" altLang="ja-JP" sz="1200" b="0" dirty="0" smtClean="0">
                          <a:latin typeface="ＭＳ Ｐ明朝" panose="02020600040205080304" pitchFamily="18" charset="-128"/>
                          <a:ea typeface="ＭＳ Ｐ明朝" panose="02020600040205080304" pitchFamily="18" charset="-128"/>
                        </a:rPr>
                        <a:t>2014</a:t>
                      </a:r>
                      <a:r>
                        <a:rPr kumimoji="1" lang="ja-JP" altLang="en-US" sz="1200" b="0" dirty="0" smtClean="0">
                          <a:latin typeface="ＭＳ Ｐ明朝" panose="02020600040205080304" pitchFamily="18" charset="-128"/>
                          <a:ea typeface="ＭＳ Ｐ明朝" panose="02020600040205080304" pitchFamily="18" charset="-128"/>
                        </a:rPr>
                        <a:t>年度：大阪府</a:t>
                      </a:r>
                      <a:r>
                        <a:rPr kumimoji="1" lang="en-US" altLang="ja-JP" sz="1200" b="0" dirty="0" smtClean="0">
                          <a:latin typeface="ＭＳ Ｐ明朝" panose="02020600040205080304" pitchFamily="18" charset="-128"/>
                          <a:ea typeface="ＭＳ Ｐ明朝" panose="02020600040205080304" pitchFamily="18" charset="-128"/>
                        </a:rPr>
                        <a:t>19</a:t>
                      </a:r>
                      <a:r>
                        <a:rPr kumimoji="1" lang="ja-JP" altLang="en-US" sz="1200" b="0" dirty="0" smtClean="0">
                          <a:latin typeface="ＭＳ Ｐ明朝" panose="02020600040205080304" pitchFamily="18" charset="-128"/>
                          <a:ea typeface="ＭＳ Ｐ明朝" panose="02020600040205080304" pitchFamily="18" charset="-128"/>
                        </a:rPr>
                        <a:t>事業約</a:t>
                      </a:r>
                      <a:r>
                        <a:rPr kumimoji="1" lang="en-US" altLang="ja-JP" sz="1200" b="0" dirty="0" smtClean="0">
                          <a:latin typeface="ＭＳ Ｐ明朝" panose="02020600040205080304" pitchFamily="18" charset="-128"/>
                          <a:ea typeface="ＭＳ Ｐ明朝" panose="02020600040205080304" pitchFamily="18" charset="-128"/>
                        </a:rPr>
                        <a:t>2</a:t>
                      </a:r>
                      <a:r>
                        <a:rPr kumimoji="1" lang="ja-JP" altLang="en-US" sz="1200" b="0" dirty="0" smtClean="0">
                          <a:latin typeface="ＭＳ Ｐ明朝" panose="02020600040205080304" pitchFamily="18" charset="-128"/>
                          <a:ea typeface="ＭＳ Ｐ明朝" panose="02020600040205080304" pitchFamily="18" charset="-128"/>
                        </a:rPr>
                        <a:t>億円、大阪市</a:t>
                      </a:r>
                      <a:r>
                        <a:rPr kumimoji="1" lang="en-US" altLang="ja-JP" sz="1200" b="0" dirty="0" smtClean="0">
                          <a:latin typeface="ＭＳ Ｐ明朝" panose="02020600040205080304" pitchFamily="18" charset="-128"/>
                          <a:ea typeface="ＭＳ Ｐ明朝" panose="02020600040205080304" pitchFamily="18" charset="-128"/>
                        </a:rPr>
                        <a:t>25</a:t>
                      </a:r>
                      <a:r>
                        <a:rPr kumimoji="1" lang="ja-JP" altLang="en-US" sz="1200" b="0" dirty="0" smtClean="0">
                          <a:latin typeface="ＭＳ Ｐ明朝" panose="02020600040205080304" pitchFamily="18" charset="-128"/>
                          <a:ea typeface="ＭＳ Ｐ明朝" panose="02020600040205080304" pitchFamily="18" charset="-128"/>
                        </a:rPr>
                        <a:t>事業約</a:t>
                      </a:r>
                      <a:r>
                        <a:rPr kumimoji="1" lang="en-US" altLang="ja-JP" sz="1200" b="0" dirty="0" smtClean="0">
                          <a:latin typeface="ＭＳ Ｐ明朝" panose="02020600040205080304" pitchFamily="18" charset="-128"/>
                          <a:ea typeface="ＭＳ Ｐ明朝" panose="02020600040205080304" pitchFamily="18" charset="-128"/>
                        </a:rPr>
                        <a:t>3.4</a:t>
                      </a:r>
                      <a:r>
                        <a:rPr kumimoji="1" lang="ja-JP" altLang="en-US" sz="1200" b="0" dirty="0" smtClean="0">
                          <a:latin typeface="ＭＳ Ｐ明朝" panose="02020600040205080304" pitchFamily="18" charset="-128"/>
                          <a:ea typeface="ＭＳ Ｐ明朝" panose="02020600040205080304" pitchFamily="18" charset="-128"/>
                        </a:rPr>
                        <a:t>億円の事業が評価・審査対象）</a:t>
                      </a:r>
                      <a:endParaRPr kumimoji="1" lang="en-US" altLang="ja-JP" sz="1200" b="0" dirty="0" smtClean="0">
                        <a:latin typeface="ＭＳ Ｐ明朝" panose="02020600040205080304" pitchFamily="18" charset="-128"/>
                        <a:ea typeface="ＭＳ Ｐ明朝" panose="02020600040205080304" pitchFamily="18" charset="-128"/>
                      </a:endParaRPr>
                    </a:p>
                  </a:txBody>
                  <a:tcPr>
                    <a:lnL w="12700" cap="flat" cmpd="sng" algn="ctr">
                      <a:solidFill>
                        <a:srgbClr val="0070C0"/>
                      </a:solidFill>
                      <a:prstDash val="solid"/>
                      <a:round/>
                      <a:headEnd type="none" w="med" len="med"/>
                      <a:tailEnd type="none" w="med" len="med"/>
                    </a:lnL>
                    <a:lnR w="12700" cap="flat" cmpd="sng" algn="ctr">
                      <a:solidFill>
                        <a:srgbClr val="0070C0"/>
                      </a:solidFill>
                      <a:prstDash val="solid"/>
                      <a:round/>
                      <a:headEnd type="none" w="med" len="med"/>
                      <a:tailEnd type="none" w="med" len="med"/>
                    </a:lnR>
                    <a:lnT w="12700" cap="flat" cmpd="sng" algn="ctr">
                      <a:solidFill>
                        <a:srgbClr val="0070C0"/>
                      </a:solidFill>
                      <a:prstDash val="solid"/>
                      <a:round/>
                      <a:headEnd type="none" w="med" len="med"/>
                      <a:tailEnd type="none" w="med" len="med"/>
                    </a:lnT>
                    <a:lnB w="12700" cap="flat" cmpd="sng" algn="ctr">
                      <a:solidFill>
                        <a:srgbClr val="0070C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c hMerge="1">
                  <a:txBody>
                    <a:bodyPr/>
                    <a:lstStyle/>
                    <a:p>
                      <a:endParaRPr kumimoji="1" lang="ja-JP" altLang="en-US" sz="1200" dirty="0"/>
                    </a:p>
                  </a:txBody>
                  <a:tcPr>
                    <a:lnL w="12700" cap="flat" cmpd="sng" algn="ctr">
                      <a:solidFill>
                        <a:srgbClr val="00B0F0"/>
                      </a:solidFill>
                      <a:prstDash val="solid"/>
                      <a:round/>
                      <a:headEnd type="none" w="med" len="med"/>
                      <a:tailEnd type="none" w="med" len="med"/>
                    </a:lnL>
                    <a:lnR w="12700" cap="flat" cmpd="sng" algn="ctr">
                      <a:solidFill>
                        <a:srgbClr val="00B0F0"/>
                      </a:solidFill>
                      <a:prstDash val="solid"/>
                      <a:round/>
                      <a:headEnd type="none" w="med" len="med"/>
                      <a:tailEnd type="none" w="med" len="med"/>
                    </a:lnR>
                    <a:lnT w="12700" cap="flat" cmpd="sng" algn="ctr">
                      <a:solidFill>
                        <a:srgbClr val="00B0F0"/>
                      </a:solidFill>
                      <a:prstDash val="solid"/>
                      <a:round/>
                      <a:headEnd type="none" w="med" len="med"/>
                      <a:tailEnd type="none" w="med" len="med"/>
                    </a:lnT>
                    <a:lnB w="12700" cap="flat" cmpd="sng" algn="ctr">
                      <a:solidFill>
                        <a:srgbClr val="00B0F0"/>
                      </a:solidFill>
                      <a:prstDash val="solid"/>
                      <a:round/>
                      <a:headEnd type="none" w="med" len="med"/>
                      <a:tailEnd type="none" w="med" len="med"/>
                    </a:lnB>
                    <a:noFill/>
                  </a:tcPr>
                </a:tc>
              </a:tr>
            </a:tbl>
          </a:graphicData>
        </a:graphic>
      </p:graphicFrame>
      <p:sp>
        <p:nvSpPr>
          <p:cNvPr id="23" name="正方形/長方形 22"/>
          <p:cNvSpPr/>
          <p:nvPr/>
        </p:nvSpPr>
        <p:spPr>
          <a:xfrm>
            <a:off x="196192" y="5358508"/>
            <a:ext cx="2572408" cy="667307"/>
          </a:xfrm>
          <a:prstGeom prst="rect">
            <a:avLst/>
          </a:prstGeom>
          <a:ln>
            <a:solidFill>
              <a:schemeClr val="tx2">
                <a:lumMod val="60000"/>
                <a:lumOff val="40000"/>
              </a:schemeClr>
            </a:solidFill>
          </a:ln>
        </p:spPr>
        <p:style>
          <a:lnRef idx="1">
            <a:schemeClr val="accent1"/>
          </a:lnRef>
          <a:fillRef idx="0">
            <a:schemeClr val="accent1"/>
          </a:fillRef>
          <a:effectRef idx="0">
            <a:schemeClr val="accent1"/>
          </a:effectRef>
          <a:fontRef idx="minor">
            <a:schemeClr val="tx1"/>
          </a:fontRef>
        </p:style>
        <p:txBody>
          <a:bodyPr rtlCol="0" anchor="t"/>
          <a:lstStyle/>
          <a:p>
            <a:r>
              <a:rPr kumimoji="1" lang="ja-JP" altLang="en-US" sz="1400" dirty="0" smtClean="0"/>
              <a:t>「大阪アーツカウンシル」体制の構築（大阪府、大阪市）</a:t>
            </a:r>
            <a:endParaRPr kumimoji="1" lang="ja-JP" altLang="en-US" sz="1400" dirty="0"/>
          </a:p>
        </p:txBody>
      </p:sp>
      <p:sp>
        <p:nvSpPr>
          <p:cNvPr id="16" name="スライド番号プレースホルダ 15"/>
          <p:cNvSpPr>
            <a:spLocks noGrp="1"/>
          </p:cNvSpPr>
          <p:nvPr>
            <p:ph type="sldNum" sz="quarter" idx="12"/>
          </p:nvPr>
        </p:nvSpPr>
        <p:spPr/>
        <p:txBody>
          <a:bodyPr/>
          <a:lstStyle/>
          <a:p>
            <a:fld id="{37EF5067-3AB7-4642-9103-42CBD40CC6D9}" type="slidenum">
              <a:rPr kumimoji="1" lang="ja-JP" altLang="en-US" smtClean="0"/>
              <a:pPr/>
              <a:t>56</a:t>
            </a:fld>
            <a:endParaRPr kumimoji="1" lang="ja-JP" altLang="en-US" dirty="0"/>
          </a:p>
        </p:txBody>
      </p:sp>
      <p:grpSp>
        <p:nvGrpSpPr>
          <p:cNvPr id="18" name="グループ化 5"/>
          <p:cNvGrpSpPr/>
          <p:nvPr/>
        </p:nvGrpSpPr>
        <p:grpSpPr>
          <a:xfrm>
            <a:off x="165016" y="6054643"/>
            <a:ext cx="9078460" cy="777521"/>
            <a:chOff x="76116" y="5987515"/>
            <a:chExt cx="9078460" cy="777521"/>
          </a:xfrm>
        </p:grpSpPr>
        <p:sp>
          <p:nvSpPr>
            <p:cNvPr id="19" name="角丸四角形 18"/>
            <p:cNvSpPr/>
            <p:nvPr/>
          </p:nvSpPr>
          <p:spPr>
            <a:xfrm>
              <a:off x="162619" y="6289548"/>
              <a:ext cx="8991957" cy="4754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pPr>
                <a:spcBef>
                  <a:spcPts val="600"/>
                </a:spcBef>
              </a:pPr>
              <a:r>
                <a:rPr lang="ja-JP" altLang="en-US" sz="1400" dirty="0">
                  <a:solidFill>
                    <a:schemeClr val="tx1"/>
                  </a:solidFill>
                  <a:latin typeface="ＭＳ Ｐ明朝" panose="02020600040205080304" pitchFamily="18" charset="-128"/>
                  <a:ea typeface="ＭＳ Ｐ明朝" panose="02020600040205080304" pitchFamily="18" charset="-128"/>
                </a:rPr>
                <a:t>・大阪府：府民文化部、教育委員会事務局</a:t>
              </a:r>
              <a:endParaRPr lang="en-US" altLang="ja-JP" sz="1400" dirty="0">
                <a:solidFill>
                  <a:schemeClr val="tx1"/>
                </a:solidFill>
                <a:latin typeface="ＭＳ Ｐ明朝" panose="02020600040205080304" pitchFamily="18" charset="-128"/>
                <a:ea typeface="ＭＳ Ｐ明朝" panose="02020600040205080304" pitchFamily="18" charset="-128"/>
              </a:endParaRPr>
            </a:p>
            <a:p>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a:solidFill>
                    <a:schemeClr val="tx1"/>
                  </a:solidFill>
                  <a:latin typeface="ＭＳ Ｐ明朝" panose="02020600040205080304" pitchFamily="18" charset="-128"/>
                  <a:ea typeface="ＭＳ Ｐ明朝" panose="02020600040205080304" pitchFamily="18" charset="-128"/>
                </a:rPr>
                <a:t>大阪市：経済戦略局、教育委員会</a:t>
              </a:r>
              <a:r>
                <a:rPr lang="ja-JP" altLang="en-US" sz="1400" dirty="0" smtClean="0">
                  <a:solidFill>
                    <a:schemeClr val="tx1"/>
                  </a:solidFill>
                  <a:latin typeface="ＭＳ Ｐ明朝" panose="02020600040205080304" pitchFamily="18" charset="-128"/>
                  <a:ea typeface="ＭＳ Ｐ明朝" panose="02020600040205080304" pitchFamily="18" charset="-128"/>
                </a:rPr>
                <a:t>事務局</a:t>
              </a:r>
              <a:endParaRPr lang="en-US" altLang="ja-JP" sz="1400" dirty="0">
                <a:solidFill>
                  <a:schemeClr val="tx1"/>
                </a:solidFill>
                <a:latin typeface="ＭＳ Ｐ明朝" panose="02020600040205080304" pitchFamily="18" charset="-128"/>
                <a:ea typeface="ＭＳ Ｐ明朝" panose="02020600040205080304" pitchFamily="18" charset="-128"/>
              </a:endParaRPr>
            </a:p>
          </p:txBody>
        </p:sp>
        <p:sp>
          <p:nvSpPr>
            <p:cNvPr id="24" name="テキスト ボックス 23"/>
            <p:cNvSpPr txBox="1"/>
            <p:nvPr/>
          </p:nvSpPr>
          <p:spPr>
            <a:xfrm>
              <a:off x="76116" y="5987515"/>
              <a:ext cx="6351200" cy="338554"/>
            </a:xfrm>
            <a:prstGeom prst="rect">
              <a:avLst/>
            </a:prstGeom>
            <a:noFill/>
          </p:spPr>
          <p:txBody>
            <a:bodyPr wrap="square" rtlCol="0">
              <a:spAutoFit/>
            </a:bodyPr>
            <a:lstStyle/>
            <a:p>
              <a:r>
                <a:rPr lang="ja-JP" altLang="en-US" sz="1600" dirty="0" smtClean="0"/>
                <a:t>○</a:t>
              </a:r>
              <a:r>
                <a:rPr lang="en-US" altLang="ja-JP" sz="1600" dirty="0"/>
                <a:t>『</a:t>
              </a:r>
              <a:r>
                <a:rPr lang="ja-JP" altLang="en-US" sz="1600" dirty="0"/>
                <a:t>文化支援施策の改革</a:t>
              </a:r>
              <a:r>
                <a:rPr lang="en-US" altLang="ja-JP" sz="1600" dirty="0"/>
                <a:t>』</a:t>
              </a:r>
              <a:r>
                <a:rPr lang="ja-JP" altLang="en-US" sz="1600" dirty="0"/>
                <a:t>テーマの担当</a:t>
              </a:r>
              <a:r>
                <a:rPr lang="ja-JP" altLang="en-US" sz="1600" dirty="0" smtClean="0"/>
                <a:t>部局一覧</a:t>
              </a:r>
              <a:endParaRPr lang="en-US" altLang="ja-JP" sz="1600" dirty="0" smtClean="0"/>
            </a:p>
          </p:txBody>
        </p:sp>
      </p:grpSp>
    </p:spTree>
    <p:extLst>
      <p:ext uri="{BB962C8B-B14F-4D97-AF65-F5344CB8AC3E}">
        <p14:creationId xmlns:p14="http://schemas.microsoft.com/office/powerpoint/2010/main" val="746390732"/>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角丸四角形 11"/>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8"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４．</a:t>
            </a:r>
            <a:r>
              <a:rPr lang="ja-JP" altLang="en-US" sz="2000" b="1" dirty="0" smtClean="0">
                <a:solidFill>
                  <a:schemeClr val="bg1"/>
                </a:solidFill>
                <a:latin typeface="ＭＳ ゴシック" pitchFamily="49" charset="-128"/>
                <a:ea typeface="ＭＳ ゴシック" pitchFamily="49" charset="-128"/>
              </a:rPr>
              <a:t>　観光・都市魅力創造</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9" name="テキスト ボックス 8"/>
          <p:cNvSpPr txBox="1"/>
          <p:nvPr/>
        </p:nvSpPr>
        <p:spPr>
          <a:xfrm>
            <a:off x="344487" y="692696"/>
            <a:ext cx="9320547" cy="5734903"/>
          </a:xfrm>
          <a:prstGeom prst="rect">
            <a:avLst/>
          </a:prstGeom>
          <a:noFill/>
        </p:spPr>
        <p:txBody>
          <a:bodyPr wrap="square" rtlCol="0">
            <a:spAutoFit/>
          </a:bodyPr>
          <a:lstStyle/>
          <a:p>
            <a:pPr marL="180975" indent="-180975">
              <a:lnSpc>
                <a:spcPts val="1600"/>
              </a:lnSpc>
            </a:pPr>
            <a:r>
              <a:rPr lang="ja-JP" altLang="en-US" sz="1400" dirty="0" smtClean="0">
                <a:latin typeface="ＭＳ Ｐ明朝" panose="02020600040205080304" pitchFamily="18" charset="-128"/>
                <a:ea typeface="ＭＳ Ｐ明朝" panose="02020600040205080304" pitchFamily="18" charset="-128"/>
              </a:rPr>
              <a:t>○大阪は、日本の第二の都市、商都として国内では一定の存在感を持っているが、世界主要都市の中での存在感は薄い。（世界の都市総合力ランキング</a:t>
            </a:r>
            <a:r>
              <a:rPr lang="en-US" altLang="ja-JP" sz="1400" dirty="0" smtClean="0">
                <a:latin typeface="ＭＳ Ｐ明朝" panose="02020600040205080304" pitchFamily="18" charset="-128"/>
                <a:ea typeface="ＭＳ Ｐ明朝" panose="02020600040205080304" pitchFamily="18" charset="-128"/>
              </a:rPr>
              <a:t>2014</a:t>
            </a:r>
            <a:r>
              <a:rPr lang="ja-JP" altLang="en-US" sz="1400" dirty="0" smtClean="0">
                <a:latin typeface="ＭＳ Ｐ明朝" panose="02020600040205080304" pitchFamily="18" charset="-128"/>
                <a:ea typeface="ＭＳ Ｐ明朝" panose="02020600040205080304" pitchFamily="18" charset="-128"/>
              </a:rPr>
              <a:t>で</a:t>
            </a:r>
            <a:r>
              <a:rPr lang="en-US" altLang="ja-JP" sz="1400" dirty="0" smtClean="0">
                <a:latin typeface="ＭＳ Ｐ明朝" panose="02020600040205080304" pitchFamily="18" charset="-128"/>
                <a:ea typeface="ＭＳ Ｐ明朝" panose="02020600040205080304" pitchFamily="18" charset="-128"/>
              </a:rPr>
              <a:t>26</a:t>
            </a:r>
            <a:r>
              <a:rPr lang="ja-JP" altLang="en-US" sz="1400" dirty="0" smtClean="0">
                <a:latin typeface="ＭＳ Ｐ明朝" panose="02020600040205080304" pitchFamily="18" charset="-128"/>
                <a:ea typeface="ＭＳ Ｐ明朝" panose="02020600040205080304" pitchFamily="18" charset="-128"/>
              </a:rPr>
              <a:t>位）</a:t>
            </a:r>
            <a:endParaRPr lang="en-US" altLang="ja-JP" sz="1400" dirty="0" smtClean="0">
              <a:latin typeface="ＭＳ Ｐ明朝" panose="02020600040205080304" pitchFamily="18" charset="-128"/>
              <a:ea typeface="ＭＳ Ｐ明朝" panose="02020600040205080304" pitchFamily="18" charset="-128"/>
            </a:endParaRPr>
          </a:p>
          <a:p>
            <a:pPr marL="180975">
              <a:lnSpc>
                <a:spcPts val="1600"/>
              </a:lnSpc>
            </a:pPr>
            <a:r>
              <a:rPr lang="ja-JP" altLang="en-US" sz="1400" dirty="0" smtClean="0">
                <a:latin typeface="ＭＳ Ｐ明朝" panose="02020600040205080304" pitchFamily="18" charset="-128"/>
                <a:ea typeface="ＭＳ Ｐ明朝" panose="02020600040205080304" pitchFamily="18" charset="-128"/>
              </a:rPr>
              <a:t>都市ランキング等で上位を占める主要都市の多くは、ビジネス環境や交通インフラ、観光資源をバランスよく持っている。</a:t>
            </a:r>
            <a:endParaRPr lang="en-US" altLang="ja-JP" sz="1400" dirty="0" smtClean="0">
              <a:latin typeface="ＭＳ Ｐ明朝" panose="02020600040205080304" pitchFamily="18" charset="-128"/>
              <a:ea typeface="ＭＳ Ｐ明朝" panose="02020600040205080304" pitchFamily="18" charset="-128"/>
            </a:endParaRPr>
          </a:p>
          <a:p>
            <a:pPr marL="180975">
              <a:lnSpc>
                <a:spcPts val="1600"/>
              </a:lnSpc>
            </a:pPr>
            <a:endParaRPr lang="en-US" altLang="ja-JP" sz="1400" dirty="0">
              <a:latin typeface="ＭＳ Ｐ明朝" panose="02020600040205080304" pitchFamily="18" charset="-128"/>
              <a:ea typeface="ＭＳ Ｐ明朝" panose="02020600040205080304" pitchFamily="18" charset="-128"/>
            </a:endParaRPr>
          </a:p>
          <a:p>
            <a:pPr marL="180975" indent="-180975">
              <a:lnSpc>
                <a:spcPts val="1600"/>
              </a:lnSpc>
            </a:pPr>
            <a:r>
              <a:rPr lang="ja-JP" altLang="en-US" sz="1400" dirty="0">
                <a:latin typeface="ＭＳ Ｐ明朝" panose="02020600040205080304" pitchFamily="18" charset="-128"/>
                <a:ea typeface="ＭＳ Ｐ明朝" panose="02020600040205080304" pitchFamily="18" charset="-128"/>
              </a:rPr>
              <a:t>○人々の生き生きとした暮らしや活動を維持・発展させていくためにも、世界中から人・モノ・投資等を呼び込むことで、新たな価値を創造する国際都市として、世界の都市間競争に打ち勝つ「強い大阪」を実現することが急務。これまでも取組みを進めてきたが、大阪府・大阪市が連携して、都市の魅力創造を進める戦略がなかった。</a:t>
            </a:r>
          </a:p>
          <a:p>
            <a:pPr marL="180975" indent="-180975">
              <a:lnSpc>
                <a:spcPts val="1600"/>
              </a:lnSpc>
            </a:pPr>
            <a:endParaRPr lang="en-US" altLang="ja-JP" sz="800" dirty="0" smtClean="0">
              <a:latin typeface="ＭＳ Ｐ明朝" panose="02020600040205080304" pitchFamily="18" charset="-128"/>
              <a:ea typeface="ＭＳ Ｐ明朝" panose="02020600040205080304" pitchFamily="18" charset="-128"/>
            </a:endParaRPr>
          </a:p>
          <a:p>
            <a:pPr marL="180975" indent="-180975">
              <a:lnSpc>
                <a:spcPts val="1600"/>
              </a:lnSpc>
            </a:pPr>
            <a:r>
              <a:rPr lang="ja-JP" altLang="en-US" sz="1400" dirty="0" smtClean="0">
                <a:latin typeface="ＭＳ Ｐ明朝" panose="02020600040205080304" pitchFamily="18" charset="-128"/>
                <a:ea typeface="ＭＳ Ｐ明朝" panose="02020600040205080304" pitchFamily="18" charset="-128"/>
              </a:rPr>
              <a:t>○そこで、大阪府</a:t>
            </a:r>
            <a:r>
              <a:rPr lang="ja-JP" altLang="en-US" sz="1400" dirty="0">
                <a:latin typeface="ＭＳ Ｐ明朝" panose="02020600040205080304" pitchFamily="18" charset="-128"/>
                <a:ea typeface="ＭＳ Ｐ明朝" panose="02020600040205080304" pitchFamily="18" charset="-128"/>
              </a:rPr>
              <a:t>、大阪市が連携し、「民が主役、行政はサポート役」との基本的な考え方の</a:t>
            </a:r>
            <a:r>
              <a:rPr lang="ja-JP" altLang="en-US" sz="1400" dirty="0" smtClean="0">
                <a:latin typeface="ＭＳ Ｐ明朝" panose="02020600040205080304" pitchFamily="18" charset="-128"/>
                <a:ea typeface="ＭＳ Ｐ明朝" panose="02020600040205080304" pitchFamily="18" charset="-128"/>
              </a:rPr>
              <a:t>もと、府市の戦略の一本化を図るとともに、事業の企画運営にかかるガバナンス手法を転換し、観光資源の発掘や創出、発信力の強化に注力してきた。</a:t>
            </a:r>
            <a:endParaRPr lang="ja-JP" altLang="en-US" sz="1400" dirty="0">
              <a:latin typeface="ＭＳ Ｐ明朝" panose="02020600040205080304" pitchFamily="18" charset="-128"/>
              <a:ea typeface="ＭＳ Ｐ明朝" panose="02020600040205080304" pitchFamily="18" charset="-128"/>
            </a:endParaRPr>
          </a:p>
          <a:p>
            <a:pPr marL="266700" indent="-266700">
              <a:lnSpc>
                <a:spcPts val="1600"/>
              </a:lnSpc>
            </a:pPr>
            <a:endParaRPr lang="en-US" altLang="ja-JP" sz="800" dirty="0" smtClean="0">
              <a:latin typeface="ＭＳ Ｐ明朝" panose="02020600040205080304" pitchFamily="18" charset="-128"/>
              <a:ea typeface="ＭＳ Ｐ明朝" panose="02020600040205080304" pitchFamily="18" charset="-128"/>
            </a:endParaRPr>
          </a:p>
          <a:p>
            <a:pPr marL="723900" indent="-266700">
              <a:lnSpc>
                <a:spcPts val="1600"/>
              </a:lnSpc>
            </a:pPr>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①大阪市内中心部のまちの特徴を観光資源に</a:t>
            </a:r>
            <a:endParaRPr lang="en-US" altLang="ja-JP" sz="1400" dirty="0" smtClean="0">
              <a:latin typeface="ＭＳ Ｐ明朝" panose="02020600040205080304" pitchFamily="18" charset="-128"/>
              <a:ea typeface="ＭＳ Ｐ明朝" panose="02020600040205080304" pitchFamily="18" charset="-128"/>
            </a:endParaRPr>
          </a:p>
          <a:p>
            <a:pPr marL="723900" indent="-266700">
              <a:lnSpc>
                <a:spcPts val="1600"/>
              </a:lnSpc>
            </a:pPr>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都心部にロの字に流れる川（堂島川・土佐堀川、木津川、道頓堀川、東横堀川）からなる水の回廊を有する</a:t>
            </a:r>
            <a:endParaRPr lang="en-US" altLang="ja-JP" sz="1400" dirty="0" smtClean="0">
              <a:latin typeface="ＭＳ Ｐ明朝" panose="02020600040205080304" pitchFamily="18" charset="-128"/>
              <a:ea typeface="ＭＳ Ｐ明朝" panose="02020600040205080304" pitchFamily="18" charset="-128"/>
            </a:endParaRPr>
          </a:p>
          <a:p>
            <a:pPr marL="723900" indent="-266700">
              <a:lnSpc>
                <a:spcPts val="1600"/>
              </a:lnSpc>
            </a:pPr>
            <a:r>
              <a:rPr lang="en-US" altLang="ja-JP" sz="1400" dirty="0" smtClean="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まちの特徴を活かし、「水都大阪」をめざして、水の回廊で回遊性向上のための船着場や遊歩道の整備、橋梁</a:t>
            </a:r>
            <a:endParaRPr lang="en-US" altLang="ja-JP" sz="1400" dirty="0" smtClean="0">
              <a:latin typeface="ＭＳ Ｐ明朝" panose="02020600040205080304" pitchFamily="18" charset="-128"/>
              <a:ea typeface="ＭＳ Ｐ明朝" panose="02020600040205080304" pitchFamily="18" charset="-128"/>
            </a:endParaRPr>
          </a:p>
          <a:p>
            <a:pPr marL="723900" indent="-266700">
              <a:lnSpc>
                <a:spcPts val="1600"/>
              </a:lnSpc>
            </a:pPr>
            <a:r>
              <a:rPr lang="en-US" altLang="ja-JP" sz="1400" dirty="0" smtClean="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ライトアップ等の魅力向上の取り組みを実施</a:t>
            </a:r>
            <a:endParaRPr lang="en-US" altLang="ja-JP" sz="1400" dirty="0">
              <a:latin typeface="ＭＳ Ｐ明朝" panose="02020600040205080304" pitchFamily="18" charset="-128"/>
              <a:ea typeface="ＭＳ Ｐ明朝" panose="02020600040205080304" pitchFamily="18" charset="-128"/>
            </a:endParaRPr>
          </a:p>
          <a:p>
            <a:pPr marL="723900" indent="-50800">
              <a:lnSpc>
                <a:spcPts val="1600"/>
              </a:lnSpc>
              <a:spcBef>
                <a:spcPts val="600"/>
              </a:spcBef>
            </a:pPr>
            <a:r>
              <a:rPr lang="ja-JP" altLang="en-US" sz="1400" dirty="0" smtClean="0">
                <a:latin typeface="ＭＳ Ｐ明朝" panose="02020600040205080304" pitchFamily="18" charset="-128"/>
                <a:ea typeface="ＭＳ Ｐ明朝" panose="02020600040205080304" pitchFamily="18" charset="-128"/>
              </a:rPr>
              <a:t>②世界</a:t>
            </a:r>
            <a:r>
              <a:rPr lang="ja-JP" altLang="en-US" sz="1400" dirty="0">
                <a:latin typeface="ＭＳ Ｐ明朝" panose="02020600040205080304" pitchFamily="18" charset="-128"/>
                <a:ea typeface="ＭＳ Ｐ明朝" panose="02020600040205080304" pitchFamily="18" charset="-128"/>
              </a:rPr>
              <a:t>に類を</a:t>
            </a:r>
            <a:r>
              <a:rPr lang="ja-JP" altLang="en-US" sz="1400" dirty="0" smtClean="0">
                <a:latin typeface="ＭＳ Ｐ明朝" panose="02020600040205080304" pitchFamily="18" charset="-128"/>
                <a:ea typeface="ＭＳ Ｐ明朝" panose="02020600040205080304" pitchFamily="18" charset="-128"/>
              </a:rPr>
              <a:t>見ない光景観</a:t>
            </a:r>
            <a:r>
              <a:rPr lang="ja-JP" altLang="en-US" sz="1400" dirty="0">
                <a:latin typeface="ＭＳ Ｐ明朝" panose="02020600040205080304" pitchFamily="18" charset="-128"/>
                <a:ea typeface="ＭＳ Ｐ明朝" panose="02020600040205080304" pitchFamily="18" charset="-128"/>
              </a:rPr>
              <a:t>の</a:t>
            </a:r>
            <a:r>
              <a:rPr lang="ja-JP" altLang="en-US" sz="1400" dirty="0" smtClean="0">
                <a:latin typeface="ＭＳ Ｐ明朝" panose="02020600040205080304" pitchFamily="18" charset="-128"/>
                <a:ea typeface="ＭＳ Ｐ明朝" panose="02020600040205080304" pitchFamily="18" charset="-128"/>
              </a:rPr>
              <a:t>創出</a:t>
            </a:r>
            <a:endParaRPr lang="en-US" altLang="ja-JP" sz="1400" dirty="0" smtClean="0">
              <a:latin typeface="ＭＳ Ｐ明朝" panose="02020600040205080304" pitchFamily="18" charset="-128"/>
              <a:ea typeface="ＭＳ Ｐ明朝" panose="02020600040205080304" pitchFamily="18" charset="-128"/>
            </a:endParaRPr>
          </a:p>
          <a:p>
            <a:pPr marL="901700">
              <a:lnSpc>
                <a:spcPts val="1600"/>
              </a:lnSpc>
            </a:pPr>
            <a:r>
              <a:rPr lang="ja-JP" altLang="en-US" sz="1400" dirty="0" smtClean="0">
                <a:latin typeface="ＭＳ Ｐ明朝" panose="02020600040205080304" pitchFamily="18" charset="-128"/>
                <a:ea typeface="ＭＳ Ｐ明朝" panose="02020600040205080304" pitchFamily="18" charset="-128"/>
              </a:rPr>
              <a:t>大阪府</a:t>
            </a:r>
            <a:r>
              <a:rPr lang="ja-JP" altLang="en-US" sz="1400" dirty="0">
                <a:latin typeface="ＭＳ Ｐ明朝" panose="02020600040205080304" pitchFamily="18" charset="-128"/>
                <a:ea typeface="ＭＳ Ｐ明朝" panose="02020600040205080304" pitchFamily="18" charset="-128"/>
              </a:rPr>
              <a:t>の「御堂筋イルミネーション」、大阪市の「</a:t>
            </a:r>
            <a:r>
              <a:rPr lang="en-US" altLang="ja-JP" sz="1400" dirty="0">
                <a:latin typeface="ＭＳ Ｐ明朝" panose="02020600040205080304" pitchFamily="18" charset="-128"/>
                <a:ea typeface="ＭＳ Ｐ明朝" panose="02020600040205080304" pitchFamily="18" charset="-128"/>
              </a:rPr>
              <a:t>OSAKA</a:t>
            </a:r>
            <a:r>
              <a:rPr lang="ja-JP" altLang="en-US" sz="1400" dirty="0">
                <a:latin typeface="ＭＳ Ｐ明朝" panose="02020600040205080304" pitchFamily="18" charset="-128"/>
                <a:ea typeface="ＭＳ Ｐ明朝" panose="02020600040205080304" pitchFamily="18" charset="-128"/>
              </a:rPr>
              <a:t>光のルネサンス」、民間主催の光のプログラム</a:t>
            </a:r>
            <a:r>
              <a:rPr lang="ja-JP" altLang="en-US" sz="1400" dirty="0" smtClean="0">
                <a:latin typeface="ＭＳ Ｐ明朝" panose="02020600040205080304" pitchFamily="18" charset="-128"/>
                <a:ea typeface="ＭＳ Ｐ明朝" panose="02020600040205080304" pitchFamily="18" charset="-128"/>
              </a:rPr>
              <a:t>が一体</a:t>
            </a:r>
            <a:r>
              <a:rPr lang="ja-JP" altLang="en-US" sz="1400" dirty="0">
                <a:latin typeface="ＭＳ Ｐ明朝" panose="02020600040205080304" pitchFamily="18" charset="-128"/>
                <a:ea typeface="ＭＳ Ｐ明朝" panose="02020600040205080304" pitchFamily="18" charset="-128"/>
              </a:rPr>
              <a:t>と</a:t>
            </a:r>
            <a:r>
              <a:rPr lang="ja-JP" altLang="en-US" sz="1400" dirty="0" smtClean="0">
                <a:latin typeface="ＭＳ Ｐ明朝" panose="02020600040205080304" pitchFamily="18" charset="-128"/>
                <a:ea typeface="ＭＳ Ｐ明朝" panose="02020600040205080304" pitchFamily="18" charset="-128"/>
              </a:rPr>
              <a:t>なり、新たに「大阪・光</a:t>
            </a:r>
            <a:r>
              <a:rPr lang="ja-JP" altLang="en-US" sz="1400" dirty="0">
                <a:latin typeface="ＭＳ Ｐ明朝" panose="02020600040205080304" pitchFamily="18" charset="-128"/>
                <a:ea typeface="ＭＳ Ｐ明朝" panose="02020600040205080304" pitchFamily="18" charset="-128"/>
              </a:rPr>
              <a:t>の饗宴</a:t>
            </a:r>
            <a:r>
              <a:rPr lang="ja-JP" altLang="en-US" sz="1400" dirty="0" smtClean="0">
                <a:latin typeface="ＭＳ Ｐ明朝" panose="02020600040205080304" pitchFamily="18" charset="-128"/>
                <a:ea typeface="ＭＳ Ｐ明朝" panose="02020600040205080304" pitchFamily="18" charset="-128"/>
              </a:rPr>
              <a:t>」として実施（</a:t>
            </a:r>
            <a:r>
              <a:rPr lang="en-US" altLang="ja-JP" sz="1400" dirty="0" smtClean="0">
                <a:latin typeface="ＭＳ Ｐ明朝" panose="02020600040205080304" pitchFamily="18" charset="-128"/>
                <a:ea typeface="ＭＳ Ｐ明朝" panose="02020600040205080304" pitchFamily="18" charset="-128"/>
              </a:rPr>
              <a:t>2013</a:t>
            </a:r>
            <a:r>
              <a:rPr lang="ja-JP" altLang="en-US" sz="1400" dirty="0" smtClean="0">
                <a:latin typeface="ＭＳ Ｐ明朝" panose="02020600040205080304" pitchFamily="18" charset="-128"/>
                <a:ea typeface="ＭＳ Ｐ明朝" panose="02020600040205080304" pitchFamily="18" charset="-128"/>
              </a:rPr>
              <a:t>年度～）</a:t>
            </a:r>
            <a:endParaRPr lang="en-US" altLang="ja-JP" sz="1400" dirty="0" smtClean="0">
              <a:latin typeface="ＭＳ Ｐ明朝" panose="02020600040205080304" pitchFamily="18" charset="-128"/>
              <a:ea typeface="ＭＳ Ｐ明朝" panose="02020600040205080304" pitchFamily="18" charset="-128"/>
            </a:endParaRPr>
          </a:p>
          <a:p>
            <a:pPr marL="723900" indent="-266700">
              <a:lnSpc>
                <a:spcPts val="1600"/>
              </a:lnSpc>
            </a:pPr>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　　　</a:t>
            </a:r>
            <a:r>
              <a:rPr lang="en-US" altLang="ja-JP" sz="1400" dirty="0" smtClean="0">
                <a:latin typeface="ＭＳ Ｐ明朝" panose="02020600040205080304" pitchFamily="18" charset="-128"/>
                <a:ea typeface="ＭＳ Ｐ明朝" panose="02020600040205080304" pitchFamily="18" charset="-128"/>
              </a:rPr>
              <a:t>2013</a:t>
            </a:r>
            <a:r>
              <a:rPr lang="ja-JP" altLang="en-US" sz="1400" dirty="0">
                <a:latin typeface="ＭＳ Ｐ明朝" panose="02020600040205080304" pitchFamily="18" charset="-128"/>
                <a:ea typeface="ＭＳ Ｐ明朝" panose="02020600040205080304" pitchFamily="18" charset="-128"/>
              </a:rPr>
              <a:t>年度は来場者が</a:t>
            </a:r>
            <a:r>
              <a:rPr lang="en-US" altLang="ja-JP" sz="1400" dirty="0">
                <a:latin typeface="ＭＳ Ｐ明朝" panose="02020600040205080304" pitchFamily="18" charset="-128"/>
                <a:ea typeface="ＭＳ Ｐ明朝" panose="02020600040205080304" pitchFamily="18" charset="-128"/>
              </a:rPr>
              <a:t>500</a:t>
            </a:r>
            <a:r>
              <a:rPr lang="ja-JP" altLang="en-US" sz="1400" dirty="0">
                <a:latin typeface="ＭＳ Ｐ明朝" panose="02020600040205080304" pitchFamily="18" charset="-128"/>
                <a:ea typeface="ＭＳ Ｐ明朝" panose="02020600040205080304" pitchFamily="18" charset="-128"/>
              </a:rPr>
              <a:t>万人を超えるなど、</a:t>
            </a:r>
            <a:r>
              <a:rPr lang="ja-JP" altLang="en-US" sz="1400" dirty="0" smtClean="0">
                <a:latin typeface="ＭＳ Ｐ明朝" panose="02020600040205080304" pitchFamily="18" charset="-128"/>
                <a:ea typeface="ＭＳ Ｐ明朝" panose="02020600040205080304" pitchFamily="18" charset="-128"/>
              </a:rPr>
              <a:t>大阪の</a:t>
            </a:r>
            <a:r>
              <a:rPr lang="ja-JP" altLang="en-US" sz="1400" dirty="0">
                <a:latin typeface="ＭＳ Ｐ明朝" panose="02020600040205080304" pitchFamily="18" charset="-128"/>
                <a:ea typeface="ＭＳ Ｐ明朝" panose="02020600040205080304" pitchFamily="18" charset="-128"/>
              </a:rPr>
              <a:t>冬の風物詩</a:t>
            </a:r>
            <a:r>
              <a:rPr lang="ja-JP" altLang="en-US" sz="1400" dirty="0" smtClean="0">
                <a:latin typeface="ＭＳ Ｐ明朝" panose="02020600040205080304" pitchFamily="18" charset="-128"/>
                <a:ea typeface="ＭＳ Ｐ明朝" panose="02020600040205080304" pitchFamily="18" charset="-128"/>
              </a:rPr>
              <a:t>としてパワーアップ</a:t>
            </a:r>
            <a:endParaRPr lang="ja-JP" altLang="en-US" sz="1400" dirty="0">
              <a:latin typeface="ＭＳ Ｐ明朝" panose="02020600040205080304" pitchFamily="18" charset="-128"/>
              <a:ea typeface="ＭＳ Ｐ明朝" panose="02020600040205080304" pitchFamily="18" charset="-128"/>
            </a:endParaRPr>
          </a:p>
          <a:p>
            <a:pPr marL="723900" indent="-266700">
              <a:lnSpc>
                <a:spcPts val="1600"/>
              </a:lnSpc>
              <a:spcBef>
                <a:spcPts val="600"/>
              </a:spcBef>
            </a:pPr>
            <a:r>
              <a:rPr lang="ja-JP" altLang="en-US" sz="1400" dirty="0">
                <a:latin typeface="ＭＳ Ｐ明朝" panose="02020600040205080304" pitchFamily="18" charset="-128"/>
                <a:ea typeface="ＭＳ Ｐ明朝" panose="02020600040205080304" pitchFamily="18" charset="-128"/>
              </a:rPr>
              <a:t>　　</a:t>
            </a:r>
            <a:r>
              <a:rPr lang="ja-JP" altLang="en-US" sz="1400" dirty="0" smtClean="0">
                <a:latin typeface="ＭＳ Ｐ明朝" panose="02020600040205080304" pitchFamily="18" charset="-128"/>
                <a:ea typeface="ＭＳ Ｐ明朝" panose="02020600040205080304" pitchFamily="18" charset="-128"/>
              </a:rPr>
              <a:t>③既存</a:t>
            </a:r>
            <a:r>
              <a:rPr lang="ja-JP" altLang="en-US" sz="1400" dirty="0">
                <a:latin typeface="ＭＳ Ｐ明朝" panose="02020600040205080304" pitchFamily="18" charset="-128"/>
                <a:ea typeface="ＭＳ Ｐ明朝" panose="02020600040205080304" pitchFamily="18" charset="-128"/>
              </a:rPr>
              <a:t>の観光資源に新たな魅力を付加</a:t>
            </a:r>
          </a:p>
          <a:p>
            <a:pPr marL="723900" indent="-266700">
              <a:lnSpc>
                <a:spcPts val="1600"/>
              </a:lnSpc>
            </a:pPr>
            <a:r>
              <a:rPr lang="ja-JP" altLang="en-US" sz="1400" dirty="0">
                <a:latin typeface="ＭＳ Ｐ明朝" panose="02020600040205080304" pitchFamily="18" charset="-128"/>
                <a:ea typeface="ＭＳ Ｐ明朝" panose="02020600040205080304" pitchFamily="18" charset="-128"/>
              </a:rPr>
              <a:t>　　　　民間事業者による大阪城公園のパークマネジメント事業開始（</a:t>
            </a:r>
            <a:r>
              <a:rPr lang="en-US" altLang="ja-JP" sz="1400" dirty="0">
                <a:latin typeface="ＭＳ Ｐ明朝" panose="02020600040205080304" pitchFamily="18" charset="-128"/>
                <a:ea typeface="ＭＳ Ｐ明朝" panose="02020600040205080304" pitchFamily="18" charset="-128"/>
              </a:rPr>
              <a:t>2015</a:t>
            </a:r>
            <a:r>
              <a:rPr lang="ja-JP" altLang="en-US" sz="1400" dirty="0">
                <a:latin typeface="ＭＳ Ｐ明朝" panose="02020600040205080304" pitchFamily="18" charset="-128"/>
                <a:ea typeface="ＭＳ Ｐ明朝" panose="02020600040205080304" pitchFamily="18" charset="-128"/>
              </a:rPr>
              <a:t>年度～）</a:t>
            </a:r>
            <a:r>
              <a:rPr lang="ja-JP" altLang="en-US" sz="1400" dirty="0" smtClean="0">
                <a:latin typeface="ＭＳ Ｐ明朝" panose="02020600040205080304" pitchFamily="18" charset="-128"/>
                <a:ea typeface="ＭＳ Ｐ明朝" panose="02020600040205080304" pitchFamily="18" charset="-128"/>
              </a:rPr>
              <a:t>　</a:t>
            </a:r>
            <a:endParaRPr lang="en-US" altLang="ja-JP" sz="1400" dirty="0" smtClean="0">
              <a:latin typeface="ＭＳ Ｐ明朝" panose="02020600040205080304" pitchFamily="18" charset="-128"/>
              <a:ea typeface="ＭＳ Ｐ明朝" panose="02020600040205080304" pitchFamily="18" charset="-128"/>
            </a:endParaRPr>
          </a:p>
          <a:p>
            <a:pPr marL="723900" indent="-50800">
              <a:lnSpc>
                <a:spcPts val="1600"/>
              </a:lnSpc>
              <a:spcBef>
                <a:spcPts val="600"/>
              </a:spcBef>
            </a:pPr>
            <a:r>
              <a:rPr lang="ja-JP" altLang="en-US" sz="1400" dirty="0" smtClean="0">
                <a:latin typeface="ＭＳ Ｐ明朝" panose="02020600040205080304" pitchFamily="18" charset="-128"/>
                <a:ea typeface="ＭＳ Ｐ明朝" panose="02020600040205080304" pitchFamily="18" charset="-128"/>
              </a:rPr>
              <a:t>④大阪府域全体</a:t>
            </a:r>
            <a:r>
              <a:rPr lang="ja-JP" altLang="en-US" sz="1400" dirty="0">
                <a:latin typeface="ＭＳ Ｐ明朝" panose="02020600040205080304" pitchFamily="18" charset="-128"/>
                <a:ea typeface="ＭＳ Ｐ明朝" panose="02020600040205080304" pitchFamily="18" charset="-128"/>
              </a:rPr>
              <a:t>を「ミュージアム」に見立て</a:t>
            </a:r>
            <a:r>
              <a:rPr lang="ja-JP" altLang="en-US" sz="1400" dirty="0" smtClean="0">
                <a:latin typeface="ＭＳ Ｐ明朝" panose="02020600040205080304" pitchFamily="18" charset="-128"/>
                <a:ea typeface="ＭＳ Ｐ明朝" panose="02020600040205080304" pitchFamily="18" charset="-128"/>
              </a:rPr>
              <a:t>、内外に発信</a:t>
            </a:r>
            <a:endParaRPr lang="en-US" altLang="ja-JP" sz="1400" dirty="0" smtClean="0">
              <a:latin typeface="ＭＳ Ｐ明朝" panose="02020600040205080304" pitchFamily="18" charset="-128"/>
              <a:ea typeface="ＭＳ Ｐ明朝" panose="02020600040205080304" pitchFamily="18" charset="-128"/>
            </a:endParaRPr>
          </a:p>
          <a:p>
            <a:pPr marL="895350">
              <a:lnSpc>
                <a:spcPts val="1600"/>
              </a:lnSpc>
              <a:tabLst>
                <a:tab pos="628650" algn="l"/>
              </a:tabLst>
            </a:pPr>
            <a:r>
              <a:rPr lang="ja-JP" altLang="en-US" sz="1400" dirty="0" smtClean="0">
                <a:latin typeface="ＭＳ Ｐ明朝" panose="02020600040205080304" pitchFamily="18" charset="-128"/>
                <a:ea typeface="ＭＳ Ｐ明朝" panose="02020600040205080304" pitchFamily="18" charset="-128"/>
              </a:rPr>
              <a:t>府内各地の魅力的な地域資源を発掘・再発見し、磨き・際立たせ、結びつけることにより、大阪のまちの魅力を内外に発信し、</a:t>
            </a:r>
            <a:r>
              <a:rPr lang="en-US" altLang="ja-JP" sz="1400" dirty="0" smtClean="0">
                <a:latin typeface="ＭＳ Ｐ明朝" panose="02020600040205080304" pitchFamily="18" charset="-128"/>
                <a:ea typeface="ＭＳ Ｐ明朝" panose="02020600040205080304" pitchFamily="18" charset="-128"/>
              </a:rPr>
              <a:t>『</a:t>
            </a:r>
            <a:r>
              <a:rPr lang="ja-JP" altLang="en-US" sz="1400" dirty="0">
                <a:latin typeface="ＭＳ Ｐ明朝" panose="02020600040205080304" pitchFamily="18" charset="-128"/>
                <a:ea typeface="ＭＳ Ｐ明朝" panose="02020600040205080304" pitchFamily="18" charset="-128"/>
              </a:rPr>
              <a:t>「明るく」「楽しく」「わくわく」するまち・大阪</a:t>
            </a:r>
            <a:r>
              <a:rPr lang="en-US" altLang="ja-JP" sz="1400" dirty="0">
                <a:latin typeface="ＭＳ Ｐ明朝" panose="02020600040205080304" pitchFamily="18" charset="-128"/>
                <a:ea typeface="ＭＳ Ｐ明朝" panose="02020600040205080304" pitchFamily="18" charset="-128"/>
              </a:rPr>
              <a:t>』</a:t>
            </a:r>
            <a:r>
              <a:rPr lang="ja-JP" altLang="en-US" sz="1400" dirty="0">
                <a:latin typeface="ＭＳ Ｐ明朝" panose="02020600040205080304" pitchFamily="18" charset="-128"/>
                <a:ea typeface="ＭＳ Ｐ明朝" panose="02020600040205080304" pitchFamily="18" charset="-128"/>
              </a:rPr>
              <a:t>の実現を</a:t>
            </a:r>
            <a:r>
              <a:rPr lang="ja-JP" altLang="en-US" sz="1400" dirty="0" smtClean="0">
                <a:latin typeface="ＭＳ Ｐ明朝" panose="02020600040205080304" pitchFamily="18" charset="-128"/>
                <a:ea typeface="ＭＳ Ｐ明朝" panose="02020600040205080304" pitchFamily="18" charset="-128"/>
              </a:rPr>
              <a:t>めざす「大阪ミュージアム構想」を推進。</a:t>
            </a:r>
            <a:r>
              <a:rPr kumimoji="1" lang="ja-JP" altLang="en-US" sz="1400" dirty="0" smtClean="0">
                <a:latin typeface="ＭＳ Ｐ明朝" panose="02020600040205080304" pitchFamily="18" charset="-128"/>
                <a:ea typeface="ＭＳ Ｐ明朝" panose="02020600040205080304" pitchFamily="18" charset="-128"/>
              </a:rPr>
              <a:t>　　</a:t>
            </a:r>
            <a:endParaRPr kumimoji="1" lang="en-US" altLang="ja-JP" sz="1400" dirty="0" smtClean="0">
              <a:latin typeface="ＭＳ Ｐ明朝" panose="02020600040205080304" pitchFamily="18" charset="-128"/>
              <a:ea typeface="ＭＳ Ｐ明朝" panose="02020600040205080304" pitchFamily="18" charset="-128"/>
            </a:endParaRPr>
          </a:p>
          <a:p>
            <a:pPr marL="628650">
              <a:lnSpc>
                <a:spcPts val="1600"/>
              </a:lnSpc>
              <a:spcBef>
                <a:spcPts val="600"/>
              </a:spcBef>
              <a:tabLst>
                <a:tab pos="628650" algn="l"/>
              </a:tabLst>
            </a:pPr>
            <a:r>
              <a:rPr lang="ja-JP" altLang="en-US" sz="1400" dirty="0" smtClean="0">
                <a:latin typeface="ＭＳ Ｐ明朝" panose="02020600040205080304" pitchFamily="18" charset="-128"/>
                <a:ea typeface="ＭＳ Ｐ明朝" panose="02020600040205080304" pitchFamily="18" charset="-128"/>
              </a:rPr>
              <a:t> ⑤</a:t>
            </a:r>
            <a:r>
              <a:rPr kumimoji="1" lang="ja-JP" altLang="en-US" sz="1400" dirty="0" smtClean="0">
                <a:latin typeface="ＭＳ Ｐ明朝" panose="02020600040205080304" pitchFamily="18" charset="-128"/>
                <a:ea typeface="ＭＳ Ｐ明朝" panose="02020600040205080304" pitchFamily="18" charset="-128"/>
              </a:rPr>
              <a:t>オール大阪で観光プロモーション推進体制を構築</a:t>
            </a:r>
            <a:endParaRPr kumimoji="1" lang="en-US" altLang="ja-JP" sz="1400" dirty="0" smtClean="0">
              <a:latin typeface="ＭＳ Ｐ明朝" panose="02020600040205080304" pitchFamily="18" charset="-128"/>
              <a:ea typeface="ＭＳ Ｐ明朝" panose="02020600040205080304" pitchFamily="18" charset="-128"/>
            </a:endParaRPr>
          </a:p>
          <a:p>
            <a:pPr marL="723900" indent="-266700">
              <a:lnSpc>
                <a:spcPts val="1600"/>
              </a:lnSpc>
            </a:pPr>
            <a:r>
              <a:rPr lang="ja-JP" altLang="en-US" sz="1400" dirty="0" smtClean="0">
                <a:latin typeface="ＭＳ Ｐ明朝" panose="02020600040205080304" pitchFamily="18" charset="-128"/>
                <a:ea typeface="ＭＳ Ｐ明朝" panose="02020600040205080304" pitchFamily="18" charset="-128"/>
              </a:rPr>
              <a:t>　　　　「大阪観光局」を府・市・経済界で設置し、民間の観光のプロ人材による観光プロモーションを実施</a:t>
            </a:r>
            <a:endParaRPr kumimoji="1" lang="en-US" altLang="ja-JP" sz="1400" dirty="0" smtClean="0">
              <a:latin typeface="ＭＳ Ｐ明朝" panose="02020600040205080304" pitchFamily="18" charset="-128"/>
              <a:ea typeface="ＭＳ Ｐ明朝" panose="02020600040205080304" pitchFamily="18" charset="-128"/>
            </a:endParaRPr>
          </a:p>
        </p:txBody>
      </p:sp>
      <p:sp>
        <p:nvSpPr>
          <p:cNvPr id="2" name="左中かっこ 1"/>
          <p:cNvSpPr/>
          <p:nvPr/>
        </p:nvSpPr>
        <p:spPr>
          <a:xfrm>
            <a:off x="848545" y="2924944"/>
            <a:ext cx="186614" cy="2160240"/>
          </a:xfrm>
          <a:prstGeom prst="lef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7" name="左中かっこ 6"/>
          <p:cNvSpPr/>
          <p:nvPr/>
        </p:nvSpPr>
        <p:spPr>
          <a:xfrm>
            <a:off x="845423" y="5163914"/>
            <a:ext cx="189735" cy="1256159"/>
          </a:xfrm>
          <a:prstGeom prst="lef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3" name="テキスト ボックス 2"/>
          <p:cNvSpPr txBox="1"/>
          <p:nvPr/>
        </p:nvSpPr>
        <p:spPr>
          <a:xfrm>
            <a:off x="540180" y="3128268"/>
            <a:ext cx="400110" cy="1440160"/>
          </a:xfrm>
          <a:prstGeom prst="rect">
            <a:avLst/>
          </a:prstGeom>
          <a:noFill/>
        </p:spPr>
        <p:txBody>
          <a:bodyPr vert="eaVert" wrap="square" rtlCol="0">
            <a:spAutoFit/>
          </a:bodyPr>
          <a:lstStyle/>
          <a:p>
            <a:r>
              <a:rPr kumimoji="1" lang="ja-JP" altLang="en-US" sz="1400" dirty="0" smtClean="0"/>
              <a:t>大阪市内中心部</a:t>
            </a:r>
            <a:endParaRPr kumimoji="1" lang="ja-JP" altLang="en-US" sz="1400" dirty="0"/>
          </a:p>
        </p:txBody>
      </p:sp>
      <p:sp>
        <p:nvSpPr>
          <p:cNvPr id="10" name="テキスト ボックス 9"/>
          <p:cNvSpPr txBox="1"/>
          <p:nvPr/>
        </p:nvSpPr>
        <p:spPr>
          <a:xfrm>
            <a:off x="540180" y="5319886"/>
            <a:ext cx="400110" cy="1440160"/>
          </a:xfrm>
          <a:prstGeom prst="rect">
            <a:avLst/>
          </a:prstGeom>
          <a:noFill/>
        </p:spPr>
        <p:txBody>
          <a:bodyPr vert="eaVert" wrap="square" rtlCol="0">
            <a:spAutoFit/>
          </a:bodyPr>
          <a:lstStyle/>
          <a:p>
            <a:r>
              <a:rPr kumimoji="1" lang="ja-JP" altLang="en-US" sz="1400" dirty="0" smtClean="0"/>
              <a:t>大阪府域全体</a:t>
            </a:r>
            <a:endParaRPr kumimoji="1" lang="ja-JP" altLang="en-US" sz="1400" dirty="0"/>
          </a:p>
        </p:txBody>
      </p:sp>
      <p:sp>
        <p:nvSpPr>
          <p:cNvPr id="11" name="スライド番号プレースホルダ 10"/>
          <p:cNvSpPr>
            <a:spLocks noGrp="1"/>
          </p:cNvSpPr>
          <p:nvPr>
            <p:ph type="sldNum" sz="quarter" idx="12"/>
          </p:nvPr>
        </p:nvSpPr>
        <p:spPr/>
        <p:txBody>
          <a:bodyPr/>
          <a:lstStyle/>
          <a:p>
            <a:fld id="{37EF5067-3AB7-4642-9103-42CBD40CC6D9}" type="slidenum">
              <a:rPr kumimoji="1" lang="ja-JP" altLang="en-US" smtClean="0"/>
              <a:pPr/>
              <a:t>57</a:t>
            </a:fld>
            <a:endParaRPr kumimoji="1" lang="ja-JP" altLang="en-US" dirty="0"/>
          </a:p>
        </p:txBody>
      </p:sp>
    </p:spTree>
    <p:extLst>
      <p:ext uri="{BB962C8B-B14F-4D97-AF65-F5344CB8AC3E}">
        <p14:creationId xmlns:p14="http://schemas.microsoft.com/office/powerpoint/2010/main" val="512697665"/>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 name="Rectangle 2"/>
          <p:cNvSpPr txBox="1">
            <a:spLocks noChangeArrowheads="1"/>
          </p:cNvSpPr>
          <p:nvPr/>
        </p:nvSpPr>
        <p:spPr bwMode="auto">
          <a:xfrm>
            <a:off x="0" y="-9939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①　大阪市内中心部のまちの特徴を観光資源に　</a:t>
            </a:r>
            <a:r>
              <a:rPr lang="ja-JP" altLang="en-US" sz="1600" b="1" dirty="0" smtClean="0">
                <a:solidFill>
                  <a:schemeClr val="bg1"/>
                </a:solidFill>
                <a:latin typeface="ＭＳ ゴシック" pitchFamily="49" charset="-128"/>
                <a:ea typeface="ＭＳ ゴシック" pitchFamily="49" charset="-128"/>
              </a:rPr>
              <a:t>～水の回廊での「水都大阪」の取り組み～</a:t>
            </a:r>
            <a:endParaRPr lang="en-US" altLang="ja-JP" sz="1600" b="1" dirty="0" smtClean="0">
              <a:solidFill>
                <a:schemeClr val="bg1"/>
              </a:solidFill>
              <a:latin typeface="ＭＳ ゴシック" pitchFamily="49" charset="-128"/>
              <a:ea typeface="ＭＳ ゴシック" pitchFamily="49" charset="-128"/>
            </a:endParaRPr>
          </a:p>
        </p:txBody>
      </p:sp>
      <p:sp>
        <p:nvSpPr>
          <p:cNvPr id="132" name="正方形/長方形 131"/>
          <p:cNvSpPr/>
          <p:nvPr/>
        </p:nvSpPr>
        <p:spPr>
          <a:xfrm>
            <a:off x="104776" y="323641"/>
            <a:ext cx="9734550" cy="924588"/>
          </a:xfrm>
          <a:prstGeom prst="rect">
            <a:avLst/>
          </a:prstGeom>
          <a:noFill/>
          <a:ln w="254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r>
              <a:rPr lang="ja-JP" altLang="en-US" sz="1600" dirty="0" smtClean="0">
                <a:solidFill>
                  <a:sysClr val="windowText" lastClr="000000"/>
                </a:solidFill>
                <a:latin typeface="ＭＳ Ｐゴシック" panose="020B0600070205080204" pitchFamily="50" charset="-128"/>
                <a:ea typeface="ＭＳ Ｐゴシック" panose="020B0600070205080204" pitchFamily="50" charset="-128"/>
              </a:rPr>
              <a:t>＜取り組み成果＞</a:t>
            </a:r>
            <a:endParaRPr lang="en-US" altLang="ja-JP" sz="1600" dirty="0" smtClean="0">
              <a:solidFill>
                <a:sysClr val="windowText" lastClr="000000"/>
              </a:solidFill>
              <a:latin typeface="ＭＳ Ｐゴシック" panose="020B0600070205080204" pitchFamily="50" charset="-128"/>
              <a:ea typeface="ＭＳ Ｐゴシック" panose="020B0600070205080204" pitchFamily="50" charset="-128"/>
            </a:endParaRPr>
          </a:p>
          <a:p>
            <a:pPr marL="179388"/>
            <a:r>
              <a:rPr lang="ja-JP" altLang="en-US" sz="1400" dirty="0" smtClean="0">
                <a:solidFill>
                  <a:schemeClr val="tx1"/>
                </a:solidFill>
                <a:latin typeface="ＭＳ Ｐ明朝" panose="02020600040205080304" pitchFamily="18" charset="-128"/>
                <a:ea typeface="ＭＳ Ｐ明朝" panose="02020600040205080304" pitchFamily="18" charset="-128"/>
              </a:rPr>
              <a:t>都心部にロの字に流れる川（堂島川・土佐堀川、木津川、道頓堀川、東横堀川）からなる水の回廊を有するまちの特徴を活かし、府民・市民・観光客が、水辺で食、イベント、景観等を年間通じて楽しめる、また、中之島、大阪城、道頓堀など大阪を代表する観光スポットをクルーズ船で巡ることができる、「水都大阪」をめざして、ハード・ソフトの整備</a:t>
            </a:r>
            <a:r>
              <a:rPr lang="ja-JP" altLang="en-US" sz="1400" dirty="0" smtClean="0">
                <a:solidFill>
                  <a:sysClr val="windowText" lastClr="000000"/>
                </a:solidFill>
                <a:latin typeface="ＭＳ Ｐ明朝" panose="02020600040205080304" pitchFamily="18" charset="-128"/>
                <a:ea typeface="ＭＳ Ｐ明朝" panose="02020600040205080304" pitchFamily="18" charset="-128"/>
              </a:rPr>
              <a:t>を進めてきた。</a:t>
            </a:r>
            <a:endParaRPr lang="en-US" altLang="ja-JP" sz="1400" dirty="0" smtClean="0">
              <a:solidFill>
                <a:sysClr val="windowText" lastClr="000000"/>
              </a:solidFill>
              <a:latin typeface="ＭＳ Ｐ明朝" panose="02020600040205080304" pitchFamily="18" charset="-128"/>
              <a:ea typeface="ＭＳ Ｐ明朝" panose="02020600040205080304" pitchFamily="18" charset="-128"/>
            </a:endParaRPr>
          </a:p>
          <a:p>
            <a:r>
              <a:rPr lang="ja-JP" altLang="en-US" sz="1400" dirty="0" smtClean="0">
                <a:solidFill>
                  <a:sysClr val="windowText" lastClr="000000"/>
                </a:solidFill>
                <a:latin typeface="+mj-ea"/>
                <a:ea typeface="+mj-ea"/>
              </a:rPr>
              <a:t>　　</a:t>
            </a:r>
            <a:endParaRPr lang="en-US" altLang="ja-JP" sz="1400" dirty="0" smtClean="0">
              <a:solidFill>
                <a:sysClr val="windowText" lastClr="000000"/>
              </a:solidFill>
              <a:latin typeface="+mj-ea"/>
              <a:ea typeface="+mj-ea"/>
            </a:endParaRPr>
          </a:p>
        </p:txBody>
      </p:sp>
      <p:sp>
        <p:nvSpPr>
          <p:cNvPr id="125" name="スライド番号プレースホルダ 124"/>
          <p:cNvSpPr>
            <a:spLocks noGrp="1"/>
          </p:cNvSpPr>
          <p:nvPr>
            <p:ph type="sldNum" sz="quarter" idx="12"/>
          </p:nvPr>
        </p:nvSpPr>
        <p:spPr/>
        <p:txBody>
          <a:bodyPr/>
          <a:lstStyle/>
          <a:p>
            <a:fld id="{37EF5067-3AB7-4642-9103-42CBD40CC6D9}" type="slidenum">
              <a:rPr kumimoji="1" lang="ja-JP" altLang="en-US" smtClean="0"/>
              <a:pPr/>
              <a:t>58</a:t>
            </a:fld>
            <a:endParaRPr kumimoji="1" lang="ja-JP" altLang="en-US" dirty="0"/>
          </a:p>
        </p:txBody>
      </p:sp>
      <p:pic>
        <p:nvPicPr>
          <p:cNvPr id="122882" name="Picture 2"/>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395288" y="1248229"/>
            <a:ext cx="8809037" cy="53959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27284232"/>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5" name="正方形/長方形 114"/>
          <p:cNvSpPr/>
          <p:nvPr/>
        </p:nvSpPr>
        <p:spPr>
          <a:xfrm>
            <a:off x="-12936" y="-9509"/>
            <a:ext cx="9918936" cy="700192"/>
          </a:xfrm>
          <a:prstGeom prst="rect">
            <a:avLst/>
          </a:prstGeom>
        </p:spPr>
        <p:txBody>
          <a:bodyPr wrap="square">
            <a:spAutoFit/>
          </a:bodyPr>
          <a:lstStyle/>
          <a:p>
            <a:r>
              <a:rPr lang="ja-JP" altLang="en-US" sz="1400" b="1" u="sng" dirty="0" smtClean="0">
                <a:latin typeface="ＭＳ Ｐゴシック" panose="020B0600070205080204" pitchFamily="50" charset="-128"/>
                <a:ea typeface="ＭＳ Ｐゴシック" panose="020B0600070205080204" pitchFamily="50" charset="-128"/>
              </a:rPr>
              <a:t>「水都大阪」をめざした主な取り組み</a:t>
            </a:r>
            <a:endParaRPr lang="en-US" altLang="ja-JP" sz="1400" b="1" u="sng" dirty="0" smtClean="0">
              <a:latin typeface="ＭＳ Ｐゴシック" panose="020B0600070205080204" pitchFamily="50" charset="-128"/>
              <a:ea typeface="ＭＳ Ｐゴシック" panose="020B0600070205080204" pitchFamily="50" charset="-128"/>
            </a:endParaRPr>
          </a:p>
          <a:p>
            <a:pPr>
              <a:spcBef>
                <a:spcPts val="300"/>
              </a:spcBef>
            </a:pPr>
            <a:r>
              <a:rPr lang="ja-JP" altLang="en-US" sz="1200" dirty="0">
                <a:latin typeface="ＭＳ Ｐ明朝" panose="02020600040205080304" pitchFamily="18" charset="-128"/>
                <a:ea typeface="ＭＳ Ｐ明朝" panose="02020600040205080304" pitchFamily="18" charset="-128"/>
              </a:rPr>
              <a:t> </a:t>
            </a:r>
            <a:r>
              <a:rPr lang="en-US" altLang="ja-JP" sz="1100" dirty="0" smtClean="0">
                <a:latin typeface="ＭＳ Ｐ明朝" panose="02020600040205080304" pitchFamily="18" charset="-128"/>
                <a:ea typeface="ＭＳ Ｐ明朝" panose="02020600040205080304" pitchFamily="18" charset="-128"/>
              </a:rPr>
              <a:t>2001</a:t>
            </a:r>
            <a:r>
              <a:rPr lang="ja-JP" altLang="en-US" sz="1100" dirty="0" smtClean="0">
                <a:latin typeface="ＭＳ Ｐ明朝" panose="02020600040205080304" pitchFamily="18" charset="-128"/>
                <a:ea typeface="ＭＳ Ｐ明朝" panose="02020600040205080304" pitchFamily="18" charset="-128"/>
              </a:rPr>
              <a:t>年に「水都大阪の再生」が</a:t>
            </a:r>
            <a:r>
              <a:rPr lang="ja-JP" altLang="en-US" sz="1100" dirty="0">
                <a:latin typeface="ＭＳ Ｐ明朝" panose="02020600040205080304" pitchFamily="18" charset="-128"/>
                <a:ea typeface="ＭＳ Ｐ明朝" panose="02020600040205080304" pitchFamily="18" charset="-128"/>
              </a:rPr>
              <a:t>国</a:t>
            </a:r>
            <a:r>
              <a:rPr lang="ja-JP" altLang="en-US" sz="1100" dirty="0" smtClean="0">
                <a:latin typeface="ＭＳ Ｐ明朝" panose="02020600040205080304" pitchFamily="18" charset="-128"/>
                <a:ea typeface="ＭＳ Ｐ明朝" panose="02020600040205080304" pitchFamily="18" charset="-128"/>
              </a:rPr>
              <a:t>の都市再生プロジェクトに採択されて以来、水の回廊沿いの遊歩道や船着場の整備、橋梁や護岸などのライトアップ、規制緩和による河川空間での賑わい施設などのハード整備と</a:t>
            </a:r>
            <a:r>
              <a:rPr lang="ja-JP" altLang="en-US" sz="1100" dirty="0">
                <a:latin typeface="ＭＳ Ｐ明朝" panose="02020600040205080304" pitchFamily="18" charset="-128"/>
                <a:ea typeface="ＭＳ Ｐ明朝" panose="02020600040205080304" pitchFamily="18" charset="-128"/>
              </a:rPr>
              <a:t>ともに</a:t>
            </a:r>
            <a:r>
              <a:rPr lang="ja-JP" altLang="en-US" sz="1100" dirty="0" smtClean="0">
                <a:latin typeface="ＭＳ Ｐ明朝" panose="02020600040205080304" pitchFamily="18" charset="-128"/>
                <a:ea typeface="ＭＳ Ｐ明朝" panose="02020600040205080304" pitchFamily="18" charset="-128"/>
              </a:rPr>
              <a:t>、水都大阪</a:t>
            </a:r>
            <a:r>
              <a:rPr lang="en-US" altLang="ja-JP" sz="1100" dirty="0" smtClean="0">
                <a:latin typeface="ＭＳ Ｐ明朝" panose="02020600040205080304" pitchFamily="18" charset="-128"/>
                <a:ea typeface="ＭＳ Ｐ明朝" panose="02020600040205080304" pitchFamily="18" charset="-128"/>
              </a:rPr>
              <a:t>2009</a:t>
            </a:r>
            <a:r>
              <a:rPr lang="ja-JP" altLang="en-US" sz="1100" dirty="0">
                <a:latin typeface="ＭＳ Ｐ明朝" panose="02020600040205080304" pitchFamily="18" charset="-128"/>
                <a:ea typeface="ＭＳ Ｐ明朝" panose="02020600040205080304" pitchFamily="18" charset="-128"/>
              </a:rPr>
              <a:t>や</a:t>
            </a:r>
            <a:r>
              <a:rPr lang="ja-JP" altLang="en-US" sz="1100" dirty="0" smtClean="0">
                <a:latin typeface="ＭＳ Ｐ明朝" panose="02020600040205080304" pitchFamily="18" charset="-128"/>
                <a:ea typeface="ＭＳ Ｐ明朝" panose="02020600040205080304" pitchFamily="18" charset="-128"/>
              </a:rPr>
              <a:t>水都フェスなどのソフト事業を展開し、水都に相応しい水辺を活用した賑わいづくりを推進。</a:t>
            </a:r>
            <a:endParaRPr lang="ja-JP" altLang="en-US" sz="1100" dirty="0">
              <a:latin typeface="ＭＳ Ｐ明朝" panose="02020600040205080304" pitchFamily="18" charset="-128"/>
              <a:ea typeface="ＭＳ Ｐ明朝" panose="02020600040205080304" pitchFamily="18" charset="-128"/>
            </a:endParaRPr>
          </a:p>
        </p:txBody>
      </p:sp>
      <p:pic>
        <p:nvPicPr>
          <p:cNvPr id="123906" name="Picture 2"/>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84138" y="735313"/>
            <a:ext cx="9736137" cy="60785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7" name="スライド番号プレースホルダ 96"/>
          <p:cNvSpPr>
            <a:spLocks noGrp="1"/>
          </p:cNvSpPr>
          <p:nvPr>
            <p:ph type="sldNum" sz="quarter" idx="12"/>
          </p:nvPr>
        </p:nvSpPr>
        <p:spPr/>
        <p:txBody>
          <a:bodyPr/>
          <a:lstStyle/>
          <a:p>
            <a:fld id="{37EF5067-3AB7-4642-9103-42CBD40CC6D9}" type="slidenum">
              <a:rPr kumimoji="1" lang="ja-JP" altLang="en-US" smtClean="0"/>
              <a:pPr/>
              <a:t>59</a:t>
            </a:fld>
            <a:endParaRPr kumimoji="1" lang="ja-JP" altLang="en-US" dirty="0"/>
          </a:p>
        </p:txBody>
      </p:sp>
    </p:spTree>
    <p:extLst>
      <p:ext uri="{BB962C8B-B14F-4D97-AF65-F5344CB8AC3E}">
        <p14:creationId xmlns:p14="http://schemas.microsoft.com/office/powerpoint/2010/main" val="4062459635"/>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4" name="Rectangle 2"/>
          <p:cNvSpPr txBox="1">
            <a:spLocks noChangeArrowheads="1"/>
          </p:cNvSpPr>
          <p:nvPr/>
        </p:nvSpPr>
        <p:spPr bwMode="auto">
          <a:xfrm>
            <a:off x="0" y="2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１．大阪駅周辺</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8464" y="431321"/>
            <a:ext cx="9649072" cy="6370975"/>
          </a:xfrm>
          <a:prstGeom prst="rect">
            <a:avLst/>
          </a:prstGeom>
          <a:noFill/>
          <a:ln>
            <a:noFill/>
            <a:prstDash val="sysDash"/>
          </a:ln>
        </p:spPr>
        <p:txBody>
          <a:bodyPr wrap="square" rtlCol="0">
            <a:spAutoFit/>
          </a:bodyPr>
          <a:lstStyle/>
          <a:p>
            <a:endParaRPr lang="en-US" altLang="ja-JP" sz="1200" dirty="0" smtClean="0"/>
          </a:p>
          <a:p>
            <a:endParaRPr lang="en-US" altLang="ja-JP" sz="1200" dirty="0" smtClean="0"/>
          </a:p>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sp>
        <p:nvSpPr>
          <p:cNvPr id="2050" name="Rectangle 2"/>
          <p:cNvSpPr>
            <a:spLocks noChangeArrowheads="1"/>
          </p:cNvSpPr>
          <p:nvPr/>
        </p:nvSpPr>
        <p:spPr bwMode="auto">
          <a:xfrm>
            <a:off x="76200" y="603986"/>
            <a:ext cx="9740900" cy="6093976"/>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noAutofit/>
          </a:bodyPr>
          <a:lstStyle/>
          <a:p>
            <a:pPr>
              <a:lnSpc>
                <a:spcPts val="1800"/>
              </a:lnSpc>
            </a:pPr>
            <a:r>
              <a:rPr lang="ja-JP" altLang="ja-JP" sz="1400" b="1" dirty="0" smtClean="0"/>
              <a:t>１．エリア</a:t>
            </a:r>
            <a:r>
              <a:rPr lang="ja-JP" altLang="en-US" sz="1400" b="1" dirty="0" smtClean="0"/>
              <a:t>の現状</a:t>
            </a:r>
            <a:endParaRPr lang="ja-JP" altLang="ja-JP" sz="1400" dirty="0" smtClean="0"/>
          </a:p>
          <a:p>
            <a:pPr lvl="0">
              <a:lnSpc>
                <a:spcPts val="18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大阪駅周辺はＪＲ、私鉄、市営地下鉄の７駅が集中し、１日に約</a:t>
            </a:r>
            <a:r>
              <a:rPr lang="en-US" altLang="ja-JP" sz="1300" dirty="0" smtClean="0">
                <a:latin typeface="ＭＳ Ｐ明朝" pitchFamily="18" charset="-128"/>
                <a:ea typeface="ＭＳ Ｐ明朝" pitchFamily="18" charset="-128"/>
              </a:rPr>
              <a:t>236</a:t>
            </a:r>
            <a:r>
              <a:rPr lang="ja-JP" altLang="ja-JP" sz="1300" dirty="0" smtClean="0">
                <a:latin typeface="ＭＳ Ｐ明朝" pitchFamily="18" charset="-128"/>
                <a:ea typeface="ＭＳ Ｐ明朝" pitchFamily="18" charset="-128"/>
              </a:rPr>
              <a:t>万人</a:t>
            </a:r>
            <a:r>
              <a:rPr lang="ja-JP" altLang="en-US" sz="1300" dirty="0" smtClean="0">
                <a:latin typeface="ＭＳ Ｐ明朝" pitchFamily="18" charset="-128"/>
                <a:ea typeface="ＭＳ Ｐ明朝" pitchFamily="18" charset="-128"/>
              </a:rPr>
              <a:t>の乗り降りがある</a:t>
            </a:r>
            <a:r>
              <a:rPr lang="ja-JP" altLang="ja-JP" sz="1300" dirty="0" smtClean="0">
                <a:latin typeface="ＭＳ Ｐ明朝" pitchFamily="18" charset="-128"/>
                <a:ea typeface="ＭＳ Ｐ明朝" pitchFamily="18" charset="-128"/>
              </a:rPr>
              <a:t>新宿、池袋に次ぐ日本第</a:t>
            </a:r>
            <a:r>
              <a:rPr lang="en-US" altLang="ja-JP" sz="1300" dirty="0" smtClean="0">
                <a:latin typeface="ＭＳ Ｐ明朝" pitchFamily="18" charset="-128"/>
                <a:ea typeface="ＭＳ Ｐ明朝" pitchFamily="18" charset="-128"/>
              </a:rPr>
              <a:t>3</a:t>
            </a:r>
            <a:r>
              <a:rPr lang="ja-JP" altLang="ja-JP" sz="1300" dirty="0" smtClean="0">
                <a:latin typeface="ＭＳ Ｐ明朝" pitchFamily="18" charset="-128"/>
                <a:ea typeface="ＭＳ Ｐ明朝" pitchFamily="18" charset="-128"/>
              </a:rPr>
              <a:t>位の基幹ターミナル</a:t>
            </a:r>
            <a:r>
              <a:rPr lang="ja-JP" altLang="en-US" sz="1300" dirty="0" smtClean="0">
                <a:latin typeface="ＭＳ Ｐ明朝" pitchFamily="18" charset="-128"/>
                <a:ea typeface="ＭＳ Ｐ明朝" pitchFamily="18" charset="-128"/>
              </a:rPr>
              <a:t>。</a:t>
            </a:r>
            <a:endParaRPr lang="ja-JP" altLang="ja-JP" sz="1300" dirty="0" smtClean="0">
              <a:latin typeface="ＭＳ Ｐ明朝" pitchFamily="18" charset="-128"/>
              <a:ea typeface="ＭＳ Ｐ明朝" pitchFamily="18" charset="-128"/>
            </a:endParaRPr>
          </a:p>
          <a:p>
            <a:pPr marL="180975" lvl="0" indent="-180975">
              <a:lnSpc>
                <a:spcPts val="18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関西のビジネス・商業機能の中枢を担う地域であるとともに、「日本一の百貨店の集積地」</a:t>
            </a:r>
            <a:r>
              <a:rPr lang="en-US" altLang="ja-JP" sz="1300" dirty="0" smtClean="0">
                <a:latin typeface="ＭＳ Ｐ明朝" pitchFamily="18" charset="-128"/>
                <a:ea typeface="ＭＳ Ｐ明朝" pitchFamily="18" charset="-128"/>
              </a:rPr>
              <a:t> </a:t>
            </a:r>
            <a:r>
              <a:rPr lang="ja-JP" altLang="en-US" sz="1300" dirty="0" smtClean="0">
                <a:latin typeface="ＭＳ Ｐ明朝" pitchFamily="18" charset="-128"/>
                <a:ea typeface="ＭＳ Ｐ明朝" pitchFamily="18" charset="-128"/>
              </a:rPr>
              <a:t>（</a:t>
            </a:r>
            <a:r>
              <a:rPr lang="en-US" altLang="ja-JP" sz="1300" dirty="0" smtClean="0">
                <a:latin typeface="ＭＳ Ｐ明朝" pitchFamily="18" charset="-128"/>
                <a:ea typeface="ＭＳ Ｐ明朝" pitchFamily="18" charset="-128"/>
              </a:rPr>
              <a:t>32.5</a:t>
            </a:r>
            <a:r>
              <a:rPr lang="ja-JP" altLang="ja-JP" sz="1300" dirty="0" smtClean="0">
                <a:latin typeface="ＭＳ Ｐ明朝" pitchFamily="18" charset="-128"/>
                <a:ea typeface="ＭＳ Ｐ明朝" pitchFamily="18" charset="-128"/>
              </a:rPr>
              <a:t>ヘクタール（</a:t>
            </a:r>
            <a:r>
              <a:rPr lang="ja-JP" altLang="en-US" sz="1300" dirty="0" smtClean="0">
                <a:latin typeface="ＭＳ Ｐ明朝" pitchFamily="18" charset="-128"/>
                <a:ea typeface="ＭＳ Ｐ明朝" pitchFamily="18" charset="-128"/>
              </a:rPr>
              <a:t>甲子園球場の約</a:t>
            </a:r>
            <a:r>
              <a:rPr lang="en-US" altLang="ja-JP" sz="1300" dirty="0" smtClean="0">
                <a:latin typeface="ＭＳ Ｐ明朝" pitchFamily="18" charset="-128"/>
                <a:ea typeface="ＭＳ Ｐ明朝" pitchFamily="18" charset="-128"/>
              </a:rPr>
              <a:t>8</a:t>
            </a:r>
            <a:r>
              <a:rPr lang="ja-JP" altLang="ja-JP" sz="1300" dirty="0" smtClean="0">
                <a:latin typeface="ＭＳ Ｐ明朝" pitchFamily="18" charset="-128"/>
                <a:ea typeface="ＭＳ Ｐ明朝" pitchFamily="18" charset="-128"/>
              </a:rPr>
              <a:t>倍）の店舗面積</a:t>
            </a:r>
            <a:r>
              <a:rPr lang="ja-JP" altLang="en-US" sz="1300" dirty="0" smtClean="0">
                <a:latin typeface="ＭＳ Ｐ明朝" pitchFamily="18" charset="-128"/>
                <a:ea typeface="ＭＳ Ｐ明朝" pitchFamily="18" charset="-128"/>
              </a:rPr>
              <a:t>）。</a:t>
            </a:r>
            <a:endParaRPr lang="en-US" altLang="ja-JP" sz="1300" dirty="0" smtClean="0">
              <a:latin typeface="ＭＳ Ｐ明朝" pitchFamily="18" charset="-128"/>
              <a:ea typeface="ＭＳ Ｐ明朝" pitchFamily="18" charset="-128"/>
            </a:endParaRPr>
          </a:p>
          <a:p>
            <a:pPr marL="180975" lvl="0" indent="-180975">
              <a:lnSpc>
                <a:spcPts val="18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最後の一等地」と言われる『うめきた』の開発も進んでいる。</a:t>
            </a:r>
            <a:endParaRPr lang="en-US" altLang="ja-JP" sz="1300" dirty="0" smtClean="0">
              <a:latin typeface="ＭＳ Ｐ明朝" pitchFamily="18" charset="-128"/>
              <a:ea typeface="ＭＳ Ｐ明朝" pitchFamily="18" charset="-128"/>
            </a:endParaRPr>
          </a:p>
          <a:p>
            <a:pPr marL="180975" lvl="0" indent="-180975">
              <a:lnSpc>
                <a:spcPts val="1800"/>
              </a:lnSpc>
            </a:pPr>
            <a:endParaRPr lang="ja-JP" altLang="ja-JP" sz="1050" dirty="0" smtClean="0">
              <a:latin typeface="ＭＳ Ｐ明朝" pitchFamily="18" charset="-128"/>
              <a:ea typeface="ＭＳ Ｐ明朝" pitchFamily="18" charset="-128"/>
            </a:endParaRPr>
          </a:p>
          <a:p>
            <a:pPr>
              <a:lnSpc>
                <a:spcPts val="1800"/>
              </a:lnSpc>
            </a:pPr>
            <a:r>
              <a:rPr lang="ja-JP" altLang="ja-JP" sz="1400" b="1" dirty="0" smtClean="0"/>
              <a:t>２．エリアの課題</a:t>
            </a:r>
            <a:endParaRPr lang="ja-JP" altLang="ja-JP" sz="1400" dirty="0" smtClean="0"/>
          </a:p>
          <a:p>
            <a:pPr marL="180975" lvl="0" indent="-180975">
              <a:lnSpc>
                <a:spcPts val="1800"/>
              </a:lnSpc>
            </a:pPr>
            <a:r>
              <a:rPr lang="ja-JP" altLang="en-US" sz="1300" dirty="0" smtClean="0">
                <a:latin typeface="ＭＳ Ｐ明朝" pitchFamily="18" charset="-128"/>
                <a:ea typeface="ＭＳ Ｐ明朝" pitchFamily="18" charset="-128"/>
              </a:rPr>
              <a:t>　・日本を代表する交通ターミナルにもかかわらず、</a:t>
            </a:r>
            <a:r>
              <a:rPr lang="ja-JP" altLang="ja-JP" sz="1300" dirty="0" smtClean="0">
                <a:latin typeface="ＭＳ Ｐ明朝" pitchFamily="18" charset="-128"/>
                <a:ea typeface="ＭＳ Ｐ明朝" pitchFamily="18" charset="-128"/>
              </a:rPr>
              <a:t>地下街含め各事業者（地権者）の連携が不十分で、一体的なエリアマネジメントが描けず、交通機関相互の乗継の悪さや歩行者動線の不便さなど、ターミナルとしての</a:t>
            </a:r>
            <a:r>
              <a:rPr lang="ja-JP" altLang="en-US" sz="1300" dirty="0" smtClean="0">
                <a:latin typeface="ＭＳ Ｐ明朝" pitchFamily="18" charset="-128"/>
                <a:ea typeface="ＭＳ Ｐ明朝" pitchFamily="18" charset="-128"/>
              </a:rPr>
              <a:t>課題</a:t>
            </a:r>
            <a:r>
              <a:rPr lang="ja-JP" altLang="ja-JP" sz="1300" dirty="0" smtClean="0">
                <a:latin typeface="ＭＳ Ｐ明朝" pitchFamily="18" charset="-128"/>
                <a:ea typeface="ＭＳ Ｐ明朝" pitchFamily="18" charset="-128"/>
              </a:rPr>
              <a:t>を抱えている。</a:t>
            </a:r>
          </a:p>
          <a:p>
            <a:pPr marL="180975" lvl="0" indent="-180975">
              <a:lnSpc>
                <a:spcPts val="18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関西国際空港への直通電車が無い</a:t>
            </a:r>
            <a:r>
              <a:rPr lang="ja-JP" altLang="en-US" sz="1300" dirty="0" smtClean="0">
                <a:latin typeface="ＭＳ Ｐ明朝" pitchFamily="18" charset="-128"/>
                <a:ea typeface="ＭＳ Ｐ明朝" pitchFamily="18" charset="-128"/>
              </a:rPr>
              <a:t>うえに</a:t>
            </a:r>
            <a:r>
              <a:rPr lang="ja-JP" altLang="ja-JP" sz="1300" dirty="0" smtClean="0">
                <a:latin typeface="ＭＳ Ｐ明朝" pitchFamily="18" charset="-128"/>
                <a:ea typeface="ＭＳ Ｐ明朝" pitchFamily="18" charset="-128"/>
              </a:rPr>
              <a:t>、所要時間は</a:t>
            </a:r>
            <a:r>
              <a:rPr lang="en-US" altLang="ja-JP" sz="1300" dirty="0" smtClean="0">
                <a:latin typeface="ＭＳ Ｐ明朝" pitchFamily="18" charset="-128"/>
                <a:ea typeface="ＭＳ Ｐ明朝" pitchFamily="18" charset="-128"/>
              </a:rPr>
              <a:t>68</a:t>
            </a:r>
            <a:r>
              <a:rPr lang="ja-JP" altLang="ja-JP" sz="1300" dirty="0" smtClean="0">
                <a:latin typeface="ＭＳ Ｐ明朝" pitchFamily="18" charset="-128"/>
                <a:ea typeface="ＭＳ Ｐ明朝" pitchFamily="18" charset="-128"/>
              </a:rPr>
              <a:t>分を要する。</a:t>
            </a:r>
            <a:r>
              <a:rPr lang="en-US" altLang="ja-JP" sz="1300" dirty="0" smtClean="0">
                <a:latin typeface="ＭＳ Ｐ明朝" pitchFamily="18" charset="-128"/>
                <a:ea typeface="ＭＳ Ｐ明朝" pitchFamily="18" charset="-128"/>
              </a:rPr>
              <a:t>[</a:t>
            </a:r>
            <a:r>
              <a:rPr lang="ja-JP" altLang="ja-JP" sz="1300" dirty="0" smtClean="0">
                <a:latin typeface="ＭＳ Ｐ明朝" pitchFamily="18" charset="-128"/>
                <a:ea typeface="ＭＳ Ｐ明朝" pitchFamily="18" charset="-128"/>
              </a:rPr>
              <a:t>東京駅～成田空港</a:t>
            </a:r>
            <a:r>
              <a:rPr lang="en-US" altLang="ja-JP" sz="1300" dirty="0" smtClean="0">
                <a:latin typeface="ＭＳ Ｐ明朝" pitchFamily="18" charset="-128"/>
                <a:ea typeface="ＭＳ Ｐ明朝" pitchFamily="18" charset="-128"/>
              </a:rPr>
              <a:t>48</a:t>
            </a:r>
            <a:r>
              <a:rPr lang="ja-JP" altLang="ja-JP" sz="1300" dirty="0" smtClean="0">
                <a:latin typeface="ＭＳ Ｐ明朝" pitchFamily="18" charset="-128"/>
                <a:ea typeface="ＭＳ Ｐ明朝" pitchFamily="18" charset="-128"/>
              </a:rPr>
              <a:t>分、品川駅～羽田空港</a:t>
            </a:r>
            <a:r>
              <a:rPr lang="en-US" altLang="ja-JP" sz="1300" dirty="0" smtClean="0">
                <a:latin typeface="ＭＳ Ｐ明朝" pitchFamily="18" charset="-128"/>
                <a:ea typeface="ＭＳ Ｐ明朝" pitchFamily="18" charset="-128"/>
              </a:rPr>
              <a:t>21</a:t>
            </a:r>
            <a:r>
              <a:rPr lang="ja-JP" altLang="ja-JP" sz="1300" dirty="0" smtClean="0">
                <a:latin typeface="ＭＳ Ｐ明朝" pitchFamily="18" charset="-128"/>
                <a:ea typeface="ＭＳ Ｐ明朝" pitchFamily="18" charset="-128"/>
              </a:rPr>
              <a:t>分、名古屋駅～中部国際空港</a:t>
            </a:r>
            <a:r>
              <a:rPr lang="en-US" altLang="ja-JP" sz="1300" dirty="0" smtClean="0">
                <a:latin typeface="ＭＳ Ｐ明朝" pitchFamily="18" charset="-128"/>
                <a:ea typeface="ＭＳ Ｐ明朝" pitchFamily="18" charset="-128"/>
              </a:rPr>
              <a:t>41</a:t>
            </a:r>
            <a:r>
              <a:rPr lang="ja-JP" altLang="ja-JP" sz="1300" dirty="0" smtClean="0">
                <a:latin typeface="ＭＳ Ｐ明朝" pitchFamily="18" charset="-128"/>
                <a:ea typeface="ＭＳ Ｐ明朝" pitchFamily="18" charset="-128"/>
              </a:rPr>
              <a:t>分</a:t>
            </a:r>
            <a:r>
              <a:rPr lang="en-US" altLang="ja-JP" sz="1300" dirty="0" smtClean="0">
                <a:latin typeface="ＭＳ Ｐ明朝" pitchFamily="18" charset="-128"/>
                <a:ea typeface="ＭＳ Ｐ明朝" pitchFamily="18" charset="-128"/>
              </a:rPr>
              <a:t>]</a:t>
            </a:r>
            <a:endParaRPr lang="ja-JP" altLang="ja-JP" sz="1300" dirty="0" smtClean="0">
              <a:latin typeface="ＭＳ Ｐ明朝" pitchFamily="18" charset="-128"/>
              <a:ea typeface="ＭＳ Ｐ明朝" pitchFamily="18" charset="-128"/>
            </a:endParaRPr>
          </a:p>
          <a:p>
            <a:pPr marL="180975" lvl="0" indent="-180975">
              <a:lnSpc>
                <a:spcPts val="18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経済成長期に、集中的に開発された地下</a:t>
            </a:r>
            <a:r>
              <a:rPr lang="ja-JP" altLang="en-US" sz="1300" dirty="0" smtClean="0">
                <a:latin typeface="ＭＳ Ｐ明朝" pitchFamily="18" charset="-128"/>
                <a:ea typeface="ＭＳ Ｐ明朝" pitchFamily="18" charset="-128"/>
              </a:rPr>
              <a:t>空間</a:t>
            </a:r>
            <a:r>
              <a:rPr lang="ja-JP" altLang="ja-JP" sz="1300" dirty="0" smtClean="0">
                <a:latin typeface="ＭＳ Ｐ明朝" pitchFamily="18" charset="-128"/>
                <a:ea typeface="ＭＳ Ｐ明朝" pitchFamily="18" charset="-128"/>
              </a:rPr>
              <a:t>や駅前ビル</a:t>
            </a:r>
            <a:r>
              <a:rPr lang="ja-JP" altLang="en-US" sz="1300" dirty="0" smtClean="0">
                <a:latin typeface="ＭＳ Ｐ明朝" pitchFamily="18" charset="-128"/>
                <a:ea typeface="ＭＳ Ｐ明朝" pitchFamily="18" charset="-128"/>
              </a:rPr>
              <a:t>が</a:t>
            </a:r>
            <a:r>
              <a:rPr lang="ja-JP" altLang="ja-JP" sz="1300" dirty="0" smtClean="0">
                <a:latin typeface="ＭＳ Ｐ明朝" pitchFamily="18" charset="-128"/>
                <a:ea typeface="ＭＳ Ｐ明朝" pitchFamily="18" charset="-128"/>
              </a:rPr>
              <a:t>更新期を迎え、地震・津波対策等の安全対策も含めた戦略的な再整備が求められている。</a:t>
            </a:r>
          </a:p>
          <a:p>
            <a:pPr>
              <a:lnSpc>
                <a:spcPts val="1800"/>
              </a:lnSpc>
            </a:pPr>
            <a:r>
              <a:rPr lang="en-US" altLang="ja-JP" sz="1200" dirty="0" smtClean="0"/>
              <a:t> </a:t>
            </a:r>
            <a:endParaRPr lang="ja-JP" altLang="ja-JP" sz="1200" dirty="0" smtClean="0"/>
          </a:p>
          <a:p>
            <a:pPr>
              <a:lnSpc>
                <a:spcPts val="1800"/>
              </a:lnSpc>
            </a:pPr>
            <a:r>
              <a:rPr lang="ja-JP" altLang="ja-JP" sz="1400" b="1" dirty="0" smtClean="0"/>
              <a:t>３．近年の動向</a:t>
            </a:r>
            <a:endParaRPr lang="ja-JP" altLang="ja-JP" sz="1400" dirty="0" smtClean="0"/>
          </a:p>
          <a:p>
            <a:pPr marL="180975" lvl="0" indent="-180975">
              <a:lnSpc>
                <a:spcPts val="18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百貨店を始めとする商業系施設のリニューアルや新規参入が相次ぎ、</a:t>
            </a:r>
            <a:r>
              <a:rPr lang="en-US" altLang="ja-JP" sz="1300" dirty="0" smtClean="0">
                <a:latin typeface="ＭＳ Ｐ明朝" pitchFamily="18" charset="-128"/>
                <a:ea typeface="ＭＳ Ｐ明朝" pitchFamily="18" charset="-128"/>
              </a:rPr>
              <a:t>2013</a:t>
            </a:r>
            <a:r>
              <a:rPr lang="ja-JP" altLang="ja-JP" sz="1300" dirty="0" smtClean="0">
                <a:latin typeface="ＭＳ Ｐ明朝" pitchFamily="18" charset="-128"/>
                <a:ea typeface="ＭＳ Ｐ明朝" pitchFamily="18" charset="-128"/>
              </a:rPr>
              <a:t>年にオープンしたグランフロント大阪では、初年度の来場者数が</a:t>
            </a:r>
            <a:r>
              <a:rPr lang="en-US" altLang="ja-JP" sz="1300" dirty="0" smtClean="0">
                <a:latin typeface="ＭＳ Ｐ明朝" pitchFamily="18" charset="-128"/>
                <a:ea typeface="ＭＳ Ｐ明朝" pitchFamily="18" charset="-128"/>
              </a:rPr>
              <a:t>5,300</a:t>
            </a:r>
            <a:r>
              <a:rPr lang="ja-JP" altLang="ja-JP" sz="1300" dirty="0" smtClean="0">
                <a:latin typeface="ＭＳ Ｐ明朝" pitchFamily="18" charset="-128"/>
                <a:ea typeface="ＭＳ Ｐ明朝" pitchFamily="18" charset="-128"/>
              </a:rPr>
              <a:t>万人に達するなど（スカイツリータウンを上回る）、予想を上回る活況を呈している。</a:t>
            </a:r>
          </a:p>
          <a:p>
            <a:pPr marL="180975" lvl="0" indent="-180975">
              <a:lnSpc>
                <a:spcPts val="1800"/>
              </a:lnSpc>
            </a:pPr>
            <a:r>
              <a:rPr lang="ja-JP" altLang="en-US" sz="1300" dirty="0" smtClean="0">
                <a:latin typeface="ＭＳ Ｐ明朝" pitchFamily="18" charset="-128"/>
                <a:ea typeface="ＭＳ Ｐ明朝" pitchFamily="18" charset="-128"/>
              </a:rPr>
              <a:t>　・</a:t>
            </a:r>
            <a:r>
              <a:rPr lang="ja-JP" altLang="ja-JP" sz="1300" dirty="0" smtClean="0">
                <a:latin typeface="ＭＳ Ｐ明朝" pitchFamily="18" charset="-128"/>
                <a:ea typeface="ＭＳ Ｐ明朝" pitchFamily="18" charset="-128"/>
              </a:rPr>
              <a:t>これらと連動するように、本社移転を始めとするビジネス系の集積も進み、</a:t>
            </a:r>
            <a:r>
              <a:rPr lang="en-US" altLang="ja-JP" sz="1300" dirty="0" smtClean="0">
                <a:latin typeface="ＭＳ Ｐ明朝" pitchFamily="18" charset="-128"/>
                <a:ea typeface="ＭＳ Ｐ明朝" pitchFamily="18" charset="-128"/>
              </a:rPr>
              <a:t>2022</a:t>
            </a:r>
            <a:r>
              <a:rPr lang="ja-JP" altLang="ja-JP" sz="1300" dirty="0" smtClean="0">
                <a:latin typeface="ＭＳ Ｐ明朝" pitchFamily="18" charset="-128"/>
                <a:ea typeface="ＭＳ Ｐ明朝" pitchFamily="18" charset="-128"/>
              </a:rPr>
              <a:t>年</a:t>
            </a:r>
            <a:r>
              <a:rPr lang="ja-JP" altLang="en-US" sz="1300" dirty="0" smtClean="0">
                <a:latin typeface="ＭＳ Ｐ明朝" pitchFamily="18" charset="-128"/>
                <a:ea typeface="ＭＳ Ｐ明朝" pitchFamily="18" charset="-128"/>
              </a:rPr>
              <a:t>度</a:t>
            </a:r>
            <a:r>
              <a:rPr lang="ja-JP" altLang="ja-JP" sz="1300" dirty="0" smtClean="0">
                <a:latin typeface="ＭＳ Ｐ明朝" pitchFamily="18" charset="-128"/>
                <a:ea typeface="ＭＳ Ｐ明朝" pitchFamily="18" charset="-128"/>
              </a:rPr>
              <a:t>にはうめきたにＪＲ新駅</a:t>
            </a:r>
            <a:r>
              <a:rPr lang="ja-JP" altLang="en-US" sz="1300" dirty="0" smtClean="0">
                <a:latin typeface="ＭＳ Ｐ明朝" pitchFamily="18" charset="-128"/>
                <a:ea typeface="ＭＳ Ｐ明朝" pitchFamily="18" charset="-128"/>
              </a:rPr>
              <a:t>の</a:t>
            </a:r>
            <a:r>
              <a:rPr lang="ja-JP" altLang="ja-JP" sz="1300" dirty="0" smtClean="0">
                <a:latin typeface="ＭＳ Ｐ明朝" pitchFamily="18" charset="-128"/>
                <a:ea typeface="ＭＳ Ｐ明朝" pitchFamily="18" charset="-128"/>
              </a:rPr>
              <a:t>整備</a:t>
            </a:r>
            <a:r>
              <a:rPr lang="ja-JP" altLang="en-US" sz="1300" dirty="0" smtClean="0">
                <a:latin typeface="ＭＳ Ｐ明朝" pitchFamily="18" charset="-128"/>
                <a:ea typeface="ＭＳ Ｐ明朝" pitchFamily="18" charset="-128"/>
              </a:rPr>
              <a:t>が予定</a:t>
            </a:r>
            <a:r>
              <a:rPr lang="ja-JP" altLang="ja-JP" sz="1300" dirty="0" smtClean="0">
                <a:latin typeface="ＭＳ Ｐ明朝" pitchFamily="18" charset="-128"/>
                <a:ea typeface="ＭＳ Ｐ明朝" pitchFamily="18" charset="-128"/>
              </a:rPr>
              <a:t>されるなど、大阪駅周辺への期待が</a:t>
            </a:r>
            <a:r>
              <a:rPr lang="ja-JP" altLang="en-US" sz="1300" dirty="0" smtClean="0">
                <a:latin typeface="ＭＳ Ｐ明朝" pitchFamily="18" charset="-128"/>
                <a:ea typeface="ＭＳ Ｐ明朝" pitchFamily="18" charset="-128"/>
              </a:rPr>
              <a:t>大きく</a:t>
            </a:r>
            <a:r>
              <a:rPr lang="ja-JP" altLang="ja-JP" sz="1300" dirty="0" smtClean="0">
                <a:latin typeface="ＭＳ Ｐ明朝" pitchFamily="18" charset="-128"/>
                <a:ea typeface="ＭＳ Ｐ明朝" pitchFamily="18" charset="-128"/>
              </a:rPr>
              <a:t>高まっている。</a:t>
            </a:r>
          </a:p>
          <a:p>
            <a:pPr>
              <a:lnSpc>
                <a:spcPts val="1800"/>
              </a:lnSpc>
            </a:pPr>
            <a:r>
              <a:rPr lang="en-US" altLang="ja-JP" sz="1200" b="1" dirty="0" smtClean="0"/>
              <a:t> </a:t>
            </a:r>
            <a:endParaRPr lang="ja-JP" altLang="ja-JP" sz="1200" dirty="0" smtClean="0"/>
          </a:p>
          <a:p>
            <a:pPr>
              <a:lnSpc>
                <a:spcPts val="1800"/>
              </a:lnSpc>
            </a:pPr>
            <a:r>
              <a:rPr lang="ja-JP" altLang="ja-JP" sz="1400" b="1" dirty="0" smtClean="0"/>
              <a:t>４．将来像</a:t>
            </a:r>
            <a:endParaRPr lang="ja-JP" altLang="ja-JP" sz="1400" dirty="0" smtClean="0"/>
          </a:p>
          <a:p>
            <a:pPr>
              <a:lnSpc>
                <a:spcPts val="1800"/>
              </a:lnSpc>
            </a:pPr>
            <a:r>
              <a:rPr lang="ja-JP" altLang="en-US" sz="1300" b="1" dirty="0" smtClean="0"/>
              <a:t>　</a:t>
            </a:r>
            <a:r>
              <a:rPr lang="ja-JP" altLang="ja-JP" sz="1300" b="1" dirty="0" smtClean="0"/>
              <a:t>①うめきた</a:t>
            </a:r>
            <a:r>
              <a:rPr lang="en-US" altLang="ja-JP" sz="1300" b="1" dirty="0" smtClean="0"/>
              <a:t>2</a:t>
            </a:r>
            <a:r>
              <a:rPr lang="ja-JP" altLang="ja-JP" sz="1300" b="1" dirty="0" smtClean="0"/>
              <a:t>期の開発</a:t>
            </a:r>
            <a:r>
              <a:rPr lang="ja-JP" altLang="ja-JP" sz="1300" dirty="0" smtClean="0"/>
              <a:t>・・・</a:t>
            </a:r>
            <a:r>
              <a:rPr lang="ja-JP" altLang="ja-JP" sz="1300" dirty="0" smtClean="0">
                <a:latin typeface="ＭＳ Ｐ明朝" pitchFamily="18" charset="-128"/>
                <a:ea typeface="ＭＳ Ｐ明朝" pitchFamily="18" charset="-128"/>
              </a:rPr>
              <a:t>「みどり</a:t>
            </a:r>
            <a:r>
              <a:rPr lang="ja-JP" altLang="en-US" sz="1300" dirty="0" smtClean="0">
                <a:latin typeface="ＭＳ Ｐ明朝" pitchFamily="18" charset="-128"/>
                <a:ea typeface="ＭＳ Ｐ明朝" pitchFamily="18" charset="-128"/>
              </a:rPr>
              <a:t>とイノベーションの融合拠点</a:t>
            </a:r>
            <a:r>
              <a:rPr lang="ja-JP" altLang="ja-JP" sz="1300" dirty="0" smtClean="0">
                <a:latin typeface="ＭＳ Ｐ明朝" pitchFamily="18" charset="-128"/>
                <a:ea typeface="ＭＳ Ｐ明朝" pitchFamily="18" charset="-128"/>
              </a:rPr>
              <a:t>」</a:t>
            </a:r>
            <a:r>
              <a:rPr lang="ja-JP" altLang="en-US" sz="1300" dirty="0" smtClean="0">
                <a:latin typeface="ＭＳ Ｐ明朝" pitchFamily="18" charset="-128"/>
                <a:ea typeface="ＭＳ Ｐ明朝" pitchFamily="18" charset="-128"/>
              </a:rPr>
              <a:t>と</a:t>
            </a:r>
            <a:r>
              <a:rPr lang="ja-JP" altLang="ja-JP" sz="1300" dirty="0" smtClean="0">
                <a:latin typeface="ＭＳ Ｐ明朝" pitchFamily="18" charset="-128"/>
                <a:ea typeface="ＭＳ Ｐ明朝" pitchFamily="18" charset="-128"/>
              </a:rPr>
              <a:t>して圧倒的な魅力を備え、１期地区も含め『大阪の新しい顔』を</a:t>
            </a:r>
            <a:r>
              <a:rPr lang="ja-JP" altLang="en-US" sz="1300" dirty="0" smtClean="0">
                <a:latin typeface="ＭＳ Ｐ明朝" pitchFamily="18" charset="-128"/>
                <a:ea typeface="ＭＳ Ｐ明朝" pitchFamily="18" charset="-128"/>
              </a:rPr>
              <a:t>めざ</a:t>
            </a:r>
            <a:r>
              <a:rPr lang="ja-JP" altLang="ja-JP" sz="1300" dirty="0" smtClean="0">
                <a:latin typeface="ＭＳ Ｐ明朝" pitchFamily="18" charset="-128"/>
                <a:ea typeface="ＭＳ Ｐ明朝" pitchFamily="18" charset="-128"/>
              </a:rPr>
              <a:t>す</a:t>
            </a:r>
            <a:r>
              <a:rPr lang="ja-JP" altLang="en-US" sz="1300" dirty="0" smtClean="0">
                <a:latin typeface="ＭＳ Ｐ明朝" pitchFamily="18" charset="-128"/>
                <a:ea typeface="ＭＳ Ｐ明朝" pitchFamily="18" charset="-128"/>
              </a:rPr>
              <a:t>。</a:t>
            </a:r>
            <a:endParaRPr lang="ja-JP" altLang="ja-JP" sz="1300" dirty="0" smtClean="0">
              <a:latin typeface="ＭＳ Ｐ明朝" pitchFamily="18" charset="-128"/>
              <a:ea typeface="ＭＳ Ｐ明朝" pitchFamily="18" charset="-128"/>
            </a:endParaRPr>
          </a:p>
          <a:p>
            <a:pPr>
              <a:lnSpc>
                <a:spcPts val="1800"/>
              </a:lnSpc>
            </a:pPr>
            <a:r>
              <a:rPr lang="ja-JP" altLang="en-US" sz="1300" b="1" dirty="0" smtClean="0"/>
              <a:t>　</a:t>
            </a:r>
            <a:r>
              <a:rPr lang="ja-JP" altLang="ja-JP" sz="1300" b="1" dirty="0" smtClean="0"/>
              <a:t>②関空アクセスの改善・・・</a:t>
            </a:r>
            <a:r>
              <a:rPr lang="ja-JP" altLang="ja-JP" sz="1300" dirty="0" smtClean="0">
                <a:latin typeface="ＭＳ Ｐ明朝" pitchFamily="18" charset="-128"/>
                <a:ea typeface="ＭＳ Ｐ明朝" pitchFamily="18" charset="-128"/>
              </a:rPr>
              <a:t>ＪＲ新駅（関空まで</a:t>
            </a:r>
            <a:r>
              <a:rPr lang="en-US" altLang="ja-JP" sz="1300" dirty="0" smtClean="0">
                <a:latin typeface="ＭＳ Ｐ明朝" pitchFamily="18" charset="-128"/>
                <a:ea typeface="ＭＳ Ｐ明朝" pitchFamily="18" charset="-128"/>
              </a:rPr>
              <a:t>51</a:t>
            </a:r>
            <a:r>
              <a:rPr lang="ja-JP" altLang="ja-JP" sz="1300" dirty="0" smtClean="0">
                <a:latin typeface="ＭＳ Ｐ明朝" pitchFamily="18" charset="-128"/>
                <a:ea typeface="ＭＳ Ｐ明朝" pitchFamily="18" charset="-128"/>
              </a:rPr>
              <a:t>分）やなにわ筋線（関空まで</a:t>
            </a:r>
            <a:r>
              <a:rPr lang="en-US" altLang="ja-JP" sz="1300" dirty="0" smtClean="0">
                <a:latin typeface="ＭＳ Ｐ明朝" pitchFamily="18" charset="-128"/>
                <a:ea typeface="ＭＳ Ｐ明朝" pitchFamily="18" charset="-128"/>
              </a:rPr>
              <a:t>46</a:t>
            </a:r>
            <a:r>
              <a:rPr lang="ja-JP" altLang="ja-JP" sz="1300" dirty="0" smtClean="0">
                <a:latin typeface="ＭＳ Ｐ明朝" pitchFamily="18" charset="-128"/>
                <a:ea typeface="ＭＳ Ｐ明朝" pitchFamily="18" charset="-128"/>
              </a:rPr>
              <a:t>分）の整備により、関空へのアクセスを最大</a:t>
            </a:r>
            <a:r>
              <a:rPr lang="en-US" altLang="ja-JP" sz="1300" dirty="0" smtClean="0">
                <a:latin typeface="ＭＳ Ｐ明朝" pitchFamily="18" charset="-128"/>
                <a:ea typeface="ＭＳ Ｐ明朝" pitchFamily="18" charset="-128"/>
              </a:rPr>
              <a:t>22</a:t>
            </a:r>
            <a:r>
              <a:rPr lang="ja-JP" altLang="ja-JP" sz="1300" dirty="0" smtClean="0">
                <a:latin typeface="ＭＳ Ｐ明朝" pitchFamily="18" charset="-128"/>
                <a:ea typeface="ＭＳ Ｐ明朝" pitchFamily="18" charset="-128"/>
              </a:rPr>
              <a:t>分短縮。</a:t>
            </a:r>
          </a:p>
          <a:p>
            <a:pPr marL="265113" indent="-265113">
              <a:lnSpc>
                <a:spcPts val="1800"/>
              </a:lnSpc>
            </a:pPr>
            <a:r>
              <a:rPr lang="ja-JP" altLang="ja-JP" sz="1300" dirty="0" smtClean="0"/>
              <a:t>　</a:t>
            </a:r>
            <a:r>
              <a:rPr lang="ja-JP" altLang="ja-JP" sz="1300" b="1" dirty="0" smtClean="0"/>
              <a:t>③一体的なエリアマネジメント</a:t>
            </a:r>
            <a:r>
              <a:rPr lang="ja-JP" altLang="ja-JP" sz="1300" dirty="0" smtClean="0"/>
              <a:t>・・・</a:t>
            </a:r>
            <a:r>
              <a:rPr lang="ja-JP" altLang="ja-JP" sz="1300" dirty="0" smtClean="0">
                <a:latin typeface="ＭＳ Ｐ明朝" pitchFamily="18" charset="-128"/>
                <a:ea typeface="ＭＳ Ｐ明朝" pitchFamily="18" charset="-128"/>
              </a:rPr>
              <a:t>大阪版ＢＩＤ制度の導入</a:t>
            </a:r>
            <a:r>
              <a:rPr lang="ja-JP" altLang="en-US" sz="1300" dirty="0" smtClean="0">
                <a:latin typeface="ＭＳ Ｐ明朝" pitchFamily="18" charset="-128"/>
                <a:ea typeface="ＭＳ Ｐ明朝" pitchFamily="18" charset="-128"/>
              </a:rPr>
              <a:t>などにより</a:t>
            </a:r>
            <a:r>
              <a:rPr lang="ja-JP" altLang="ja-JP" sz="1300" dirty="0" smtClean="0">
                <a:latin typeface="ＭＳ Ｐ明朝" pitchFamily="18" charset="-128"/>
                <a:ea typeface="ＭＳ Ｐ明朝" pitchFamily="18" charset="-128"/>
              </a:rPr>
              <a:t>、交通・商業・地域の各事業主体が一体となり、地下・地上・デッキのシームレスなネットワーク</a:t>
            </a:r>
            <a:r>
              <a:rPr lang="ja-JP" altLang="en-US" sz="1300" dirty="0" smtClean="0">
                <a:latin typeface="ＭＳ Ｐ明朝" pitchFamily="18" charset="-128"/>
                <a:ea typeface="ＭＳ Ｐ明朝" pitchFamily="18" charset="-128"/>
              </a:rPr>
              <a:t>の形成など</a:t>
            </a:r>
            <a:r>
              <a:rPr lang="ja-JP" altLang="ja-JP" sz="1300" dirty="0" smtClean="0">
                <a:latin typeface="ＭＳ Ｐ明朝" pitchFamily="18" charset="-128"/>
                <a:ea typeface="ＭＳ Ｐ明朝" pitchFamily="18" charset="-128"/>
              </a:rPr>
              <a:t>、戦略的なエリアマネジメントを実現</a:t>
            </a:r>
            <a:endParaRPr lang="ja-JP" altLang="ja-JP" sz="1300" dirty="0">
              <a:latin typeface="ＭＳ Ｐ明朝" pitchFamily="18" charset="-128"/>
              <a:ea typeface="ＭＳ Ｐ明朝"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6</a:t>
            </a:fld>
            <a:endParaRPr kumimoji="1" lang="ja-JP" altLang="en-US" dirty="0"/>
          </a:p>
        </p:txBody>
      </p:sp>
    </p:spTree>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②　世界</a:t>
            </a:r>
            <a:r>
              <a:rPr lang="ja-JP" altLang="en-US" sz="2000" b="1" dirty="0">
                <a:solidFill>
                  <a:schemeClr val="bg1"/>
                </a:solidFill>
                <a:latin typeface="ＭＳ ゴシック" pitchFamily="49" charset="-128"/>
                <a:ea typeface="ＭＳ ゴシック" pitchFamily="49" charset="-128"/>
              </a:rPr>
              <a:t>に類を</a:t>
            </a:r>
            <a:r>
              <a:rPr lang="ja-JP" altLang="en-US" sz="2000" b="1" dirty="0" smtClean="0">
                <a:solidFill>
                  <a:schemeClr val="bg1"/>
                </a:solidFill>
                <a:latin typeface="ＭＳ ゴシック" pitchFamily="49" charset="-128"/>
                <a:ea typeface="ＭＳ ゴシック" pitchFamily="49" charset="-128"/>
              </a:rPr>
              <a:t>見ない光景観</a:t>
            </a:r>
            <a:r>
              <a:rPr lang="ja-JP" altLang="en-US" sz="2000" b="1" dirty="0">
                <a:solidFill>
                  <a:schemeClr val="bg1"/>
                </a:solidFill>
                <a:latin typeface="ＭＳ ゴシック" pitchFamily="49" charset="-128"/>
                <a:ea typeface="ＭＳ ゴシック" pitchFamily="49" charset="-128"/>
              </a:rPr>
              <a:t>の</a:t>
            </a:r>
            <a:r>
              <a:rPr lang="ja-JP" altLang="en-US" sz="2000" b="1" dirty="0" smtClean="0">
                <a:solidFill>
                  <a:schemeClr val="bg1"/>
                </a:solidFill>
                <a:latin typeface="ＭＳ ゴシック" pitchFamily="49" charset="-128"/>
                <a:ea typeface="ＭＳ ゴシック" pitchFamily="49" charset="-128"/>
              </a:rPr>
              <a:t>創出　～大阪・光の饗宴事業～</a:t>
            </a:r>
            <a:endParaRPr lang="en-US" altLang="ja-JP" sz="2000" b="1" dirty="0" smtClean="0">
              <a:solidFill>
                <a:schemeClr val="bg1"/>
              </a:solidFill>
              <a:latin typeface="ＭＳ ゴシック" pitchFamily="49" charset="-128"/>
              <a:ea typeface="ＭＳ ゴシック" pitchFamily="49" charset="-128"/>
            </a:endParaRPr>
          </a:p>
        </p:txBody>
      </p:sp>
      <p:sp>
        <p:nvSpPr>
          <p:cNvPr id="29" name="正方形/長方形 28"/>
          <p:cNvSpPr/>
          <p:nvPr/>
        </p:nvSpPr>
        <p:spPr>
          <a:xfrm>
            <a:off x="118271" y="620688"/>
            <a:ext cx="2808000" cy="590465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kumimoji="1" lang="ja-JP" altLang="en-US" dirty="0">
              <a:solidFill>
                <a:schemeClr val="tx1"/>
              </a:solidFill>
            </a:endParaRPr>
          </a:p>
        </p:txBody>
      </p:sp>
      <p:sp>
        <p:nvSpPr>
          <p:cNvPr id="30" name="正方形/長方形 29"/>
          <p:cNvSpPr/>
          <p:nvPr/>
        </p:nvSpPr>
        <p:spPr>
          <a:xfrm>
            <a:off x="3394635" y="620688"/>
            <a:ext cx="2808000" cy="590465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kumimoji="1" lang="ja-JP" altLang="en-US" dirty="0">
              <a:solidFill>
                <a:schemeClr val="tx1"/>
              </a:solidFill>
            </a:endParaRPr>
          </a:p>
        </p:txBody>
      </p:sp>
      <p:sp>
        <p:nvSpPr>
          <p:cNvPr id="31" name="正方形/長方形 30"/>
          <p:cNvSpPr/>
          <p:nvPr/>
        </p:nvSpPr>
        <p:spPr>
          <a:xfrm>
            <a:off x="6718300" y="620688"/>
            <a:ext cx="3059236" cy="5904656"/>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kumimoji="1" lang="ja-JP" altLang="en-US" dirty="0">
              <a:solidFill>
                <a:schemeClr val="tx1"/>
              </a:solidFill>
            </a:endParaRPr>
          </a:p>
        </p:txBody>
      </p:sp>
      <p:sp>
        <p:nvSpPr>
          <p:cNvPr id="32" name="右矢印 31"/>
          <p:cNvSpPr/>
          <p:nvPr/>
        </p:nvSpPr>
        <p:spPr>
          <a:xfrm>
            <a:off x="2984016" y="3645024"/>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右矢印 32"/>
          <p:cNvSpPr/>
          <p:nvPr/>
        </p:nvSpPr>
        <p:spPr>
          <a:xfrm>
            <a:off x="6252103" y="3645024"/>
            <a:ext cx="387586" cy="648072"/>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正方形/長方形 33"/>
          <p:cNvSpPr/>
          <p:nvPr/>
        </p:nvSpPr>
        <p:spPr>
          <a:xfrm>
            <a:off x="118271" y="557188"/>
            <a:ext cx="2808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600" b="1" dirty="0">
                <a:latin typeface="ＭＳ Ｐゴシック" panose="020B0600070205080204" pitchFamily="50" charset="-128"/>
                <a:ea typeface="ＭＳ Ｐゴシック" panose="020B0600070205080204" pitchFamily="50" charset="-128"/>
              </a:rPr>
              <a:t>２０１１</a:t>
            </a:r>
            <a:r>
              <a:rPr kumimoji="1" lang="ja-JP" altLang="en-US" sz="1600" b="1" dirty="0" smtClean="0">
                <a:latin typeface="ＭＳ Ｐゴシック" panose="020B0600070205080204" pitchFamily="50" charset="-128"/>
                <a:ea typeface="ＭＳ Ｐゴシック" panose="020B0600070205080204" pitchFamily="50" charset="-128"/>
              </a:rPr>
              <a:t>年度</a:t>
            </a:r>
            <a:endParaRPr kumimoji="1" lang="ja-JP" altLang="en-US" sz="1600" b="1" dirty="0">
              <a:latin typeface="ＭＳ Ｐゴシック" panose="020B0600070205080204" pitchFamily="50" charset="-128"/>
              <a:ea typeface="ＭＳ Ｐゴシック" panose="020B0600070205080204" pitchFamily="50" charset="-128"/>
            </a:endParaRPr>
          </a:p>
        </p:txBody>
      </p:sp>
      <p:sp>
        <p:nvSpPr>
          <p:cNvPr id="38" name="正方形/長方形 37"/>
          <p:cNvSpPr/>
          <p:nvPr/>
        </p:nvSpPr>
        <p:spPr>
          <a:xfrm>
            <a:off x="3394635" y="557188"/>
            <a:ext cx="2808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latin typeface="ＭＳ Ｐゴシック" panose="020B0600070205080204" pitchFamily="50" charset="-128"/>
                <a:ea typeface="ＭＳ Ｐゴシック" panose="020B0600070205080204" pitchFamily="50" charset="-128"/>
              </a:rPr>
              <a:t>２０１２</a:t>
            </a:r>
            <a:r>
              <a:rPr kumimoji="1" lang="ja-JP" altLang="en-US" sz="1600" b="1" dirty="0" smtClean="0">
                <a:latin typeface="ＭＳ Ｐゴシック" panose="020B0600070205080204" pitchFamily="50" charset="-128"/>
                <a:ea typeface="ＭＳ Ｐゴシック" panose="020B0600070205080204" pitchFamily="50" charset="-128"/>
              </a:rPr>
              <a:t>年度</a:t>
            </a:r>
            <a:endParaRPr kumimoji="1" lang="ja-JP" altLang="en-US" sz="1600" b="1" dirty="0">
              <a:latin typeface="ＭＳ Ｐゴシック" panose="020B0600070205080204" pitchFamily="50" charset="-128"/>
              <a:ea typeface="ＭＳ Ｐゴシック" panose="020B0600070205080204" pitchFamily="50" charset="-128"/>
            </a:endParaRPr>
          </a:p>
        </p:txBody>
      </p:sp>
      <p:sp>
        <p:nvSpPr>
          <p:cNvPr id="39" name="正方形/長方形 38"/>
          <p:cNvSpPr/>
          <p:nvPr/>
        </p:nvSpPr>
        <p:spPr>
          <a:xfrm>
            <a:off x="6718300" y="557188"/>
            <a:ext cx="3059236"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a:latin typeface="ＭＳ Ｐゴシック" panose="020B0600070205080204" pitchFamily="50" charset="-128"/>
                <a:ea typeface="ＭＳ Ｐゴシック" panose="020B0600070205080204" pitchFamily="50" charset="-128"/>
              </a:rPr>
              <a:t>２０１３</a:t>
            </a:r>
            <a:r>
              <a:rPr kumimoji="1" lang="ja-JP" altLang="en-US" sz="1600" b="1" dirty="0" smtClean="0">
                <a:latin typeface="ＭＳ Ｐゴシック" panose="020B0600070205080204" pitchFamily="50" charset="-128"/>
                <a:ea typeface="ＭＳ Ｐゴシック" panose="020B0600070205080204" pitchFamily="50" charset="-128"/>
              </a:rPr>
              <a:t>年度以降</a:t>
            </a:r>
            <a:endParaRPr kumimoji="1" lang="ja-JP" altLang="en-US" sz="1600" b="1" dirty="0">
              <a:latin typeface="ＭＳ Ｐゴシック" panose="020B0600070205080204" pitchFamily="50" charset="-128"/>
              <a:ea typeface="ＭＳ Ｐゴシック" panose="020B0600070205080204" pitchFamily="50" charset="-128"/>
            </a:endParaRPr>
          </a:p>
        </p:txBody>
      </p:sp>
      <p:sp>
        <p:nvSpPr>
          <p:cNvPr id="13" name="角丸四角形 12"/>
          <p:cNvSpPr/>
          <p:nvPr/>
        </p:nvSpPr>
        <p:spPr>
          <a:xfrm>
            <a:off x="261589" y="2208932"/>
            <a:ext cx="2496277" cy="2160240"/>
          </a:xfrm>
          <a:prstGeom prst="roundRect">
            <a:avLst>
              <a:gd name="adj" fmla="val 9025"/>
            </a:avLst>
          </a:prstGeom>
          <a:solidFill>
            <a:schemeClr val="accent6">
              <a:lumMod val="40000"/>
              <a:lumOff val="60000"/>
            </a:schemeClr>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pPr algn="ct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水都大阪のシンボルである、中之島を温かな光で包み込み都市魅力を発信し、国内外からの多くの人々を招致（９回目、</a:t>
            </a:r>
            <a:r>
              <a:rPr lang="en-US" altLang="ja-JP" sz="1100" dirty="0" smtClean="0">
                <a:solidFill>
                  <a:schemeClr val="tx1"/>
                </a:solidFill>
                <a:latin typeface="ＭＳ Ｐ明朝" panose="02020600040205080304" pitchFamily="18" charset="-128"/>
                <a:ea typeface="ＭＳ Ｐ明朝" panose="02020600040205080304" pitchFamily="18" charset="-128"/>
              </a:rPr>
              <a:t>2003</a:t>
            </a:r>
            <a:r>
              <a:rPr lang="ja-JP" altLang="en-US" sz="1100" dirty="0" smtClean="0">
                <a:solidFill>
                  <a:schemeClr val="tx1"/>
                </a:solidFill>
                <a:latin typeface="ＭＳ Ｐ明朝" panose="02020600040205080304" pitchFamily="18" charset="-128"/>
                <a:ea typeface="ＭＳ Ｐ明朝" panose="02020600040205080304" pitchFamily="18" charset="-128"/>
              </a:rPr>
              <a:t>年～）</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時期：</a:t>
            </a:r>
            <a:r>
              <a:rPr lang="en-US" altLang="ja-JP" sz="1200" dirty="0" smtClean="0">
                <a:solidFill>
                  <a:schemeClr val="tx1"/>
                </a:solidFill>
                <a:latin typeface="ＭＳ Ｐ明朝" panose="02020600040205080304" pitchFamily="18" charset="-128"/>
                <a:ea typeface="ＭＳ Ｐ明朝" panose="02020600040205080304" pitchFamily="18" charset="-128"/>
              </a:rPr>
              <a:t>12</a:t>
            </a:r>
            <a:r>
              <a:rPr lang="ja-JP" altLang="en-US" sz="1200" dirty="0" smtClean="0">
                <a:solidFill>
                  <a:schemeClr val="tx1"/>
                </a:solidFill>
                <a:latin typeface="ＭＳ Ｐ明朝" panose="02020600040205080304" pitchFamily="18" charset="-128"/>
                <a:ea typeface="ＭＳ Ｐ明朝" panose="02020600040205080304" pitchFamily="18" charset="-128"/>
              </a:rPr>
              <a:t>月</a:t>
            </a:r>
            <a:r>
              <a:rPr lang="en-US" altLang="ja-JP" sz="1200" dirty="0" smtClean="0">
                <a:solidFill>
                  <a:schemeClr val="tx1"/>
                </a:solidFill>
                <a:latin typeface="ＭＳ Ｐ明朝" panose="02020600040205080304" pitchFamily="18" charset="-128"/>
                <a:ea typeface="ＭＳ Ｐ明朝" panose="02020600040205080304" pitchFamily="18" charset="-128"/>
              </a:rPr>
              <a:t>1</a:t>
            </a:r>
            <a:r>
              <a:rPr lang="ja-JP" altLang="en-US" sz="1200" dirty="0" smtClean="0">
                <a:solidFill>
                  <a:schemeClr val="tx1"/>
                </a:solidFill>
                <a:latin typeface="ＭＳ Ｐ明朝" panose="02020600040205080304" pitchFamily="18" charset="-128"/>
                <a:ea typeface="ＭＳ Ｐ明朝" panose="02020600040205080304" pitchFamily="18" charset="-128"/>
              </a:rPr>
              <a:t>日～</a:t>
            </a:r>
            <a:r>
              <a:rPr lang="en-US" altLang="ja-JP" sz="1200" dirty="0" smtClean="0">
                <a:solidFill>
                  <a:schemeClr val="tx1"/>
                </a:solidFill>
                <a:latin typeface="ＭＳ Ｐ明朝" panose="02020600040205080304" pitchFamily="18" charset="-128"/>
                <a:ea typeface="ＭＳ Ｐ明朝" panose="02020600040205080304" pitchFamily="18" charset="-128"/>
              </a:rPr>
              <a:t>25</a:t>
            </a:r>
            <a:r>
              <a:rPr lang="ja-JP" altLang="en-US" sz="1200" dirty="0" smtClean="0">
                <a:solidFill>
                  <a:schemeClr val="tx1"/>
                </a:solidFill>
                <a:latin typeface="ＭＳ Ｐ明朝" panose="02020600040205080304" pitchFamily="18" charset="-128"/>
                <a:ea typeface="ＭＳ Ｐ明朝" panose="02020600040205080304" pitchFamily="18" charset="-128"/>
              </a:rPr>
              <a:t>日</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場所：大阪市役所～</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　　　　中之島公園剣先</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主催：ＯＳＡＫＡ光のルネサンス</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　　　　実行委員会</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r>
              <a:rPr lang="ja-JP" altLang="en-US" sz="1100" dirty="0" smtClean="0">
                <a:solidFill>
                  <a:schemeClr val="tx1"/>
                </a:solidFill>
                <a:latin typeface="ＭＳ Ｐ明朝" panose="02020600040205080304" pitchFamily="18" charset="-128"/>
                <a:ea typeface="ＭＳ Ｐ明朝" panose="02020600040205080304" pitchFamily="18" charset="-128"/>
              </a:rPr>
              <a:t>（構成：大阪市・経済界等）</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endParaRPr lang="en-US" altLang="ja-JP" sz="1200" dirty="0" smtClean="0">
              <a:solidFill>
                <a:schemeClr val="tx1"/>
              </a:solidFill>
              <a:latin typeface="ＭＳ Ｐ明朝" panose="02020600040205080304" pitchFamily="18" charset="-128"/>
              <a:ea typeface="ＭＳ Ｐ明朝" panose="02020600040205080304" pitchFamily="18" charset="-128"/>
            </a:endParaRPr>
          </a:p>
        </p:txBody>
      </p:sp>
      <p:sp>
        <p:nvSpPr>
          <p:cNvPr id="15" name="角丸四角形 14"/>
          <p:cNvSpPr/>
          <p:nvPr/>
        </p:nvSpPr>
        <p:spPr>
          <a:xfrm>
            <a:off x="261589" y="4716636"/>
            <a:ext cx="2496277" cy="1722264"/>
          </a:xfrm>
          <a:prstGeom prst="roundRect">
            <a:avLst>
              <a:gd name="adj" fmla="val 12066"/>
            </a:avLst>
          </a:prstGeom>
          <a:solidFill>
            <a:schemeClr val="accent6">
              <a:lumMod val="40000"/>
              <a:lumOff val="60000"/>
            </a:schemeClr>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1400" dirty="0" smtClean="0">
              <a:solidFill>
                <a:schemeClr val="tx1"/>
              </a:solidFill>
              <a:latin typeface="ＭＳ Ｐ明朝" panose="02020600040205080304" pitchFamily="18" charset="-128"/>
              <a:ea typeface="ＭＳ Ｐ明朝" panose="02020600040205080304" pitchFamily="18" charset="-128"/>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大阪のメインストリートである、御堂筋のイチョウの木にイルミネーションを装飾（３回目、</a:t>
            </a:r>
            <a:r>
              <a:rPr lang="en-US" altLang="ja-JP" sz="1100" dirty="0" smtClean="0">
                <a:solidFill>
                  <a:schemeClr val="tx1"/>
                </a:solidFill>
                <a:latin typeface="ＭＳ Ｐ明朝" panose="02020600040205080304" pitchFamily="18" charset="-128"/>
                <a:ea typeface="ＭＳ Ｐ明朝" panose="02020600040205080304" pitchFamily="18" charset="-128"/>
              </a:rPr>
              <a:t>2009</a:t>
            </a:r>
            <a:r>
              <a:rPr lang="ja-JP" altLang="en-US" sz="1100" dirty="0" smtClean="0">
                <a:solidFill>
                  <a:schemeClr val="tx1"/>
                </a:solidFill>
                <a:latin typeface="ＭＳ Ｐ明朝" panose="02020600040205080304" pitchFamily="18" charset="-128"/>
                <a:ea typeface="ＭＳ Ｐ明朝" panose="02020600040205080304" pitchFamily="18" charset="-128"/>
              </a:rPr>
              <a:t>年～）</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時期：</a:t>
            </a:r>
            <a:r>
              <a:rPr lang="en-US" altLang="ja-JP" sz="1200" dirty="0" smtClean="0">
                <a:solidFill>
                  <a:schemeClr val="tx1"/>
                </a:solidFill>
                <a:latin typeface="ＭＳ Ｐ明朝" panose="02020600040205080304" pitchFamily="18" charset="-128"/>
                <a:ea typeface="ＭＳ Ｐ明朝" panose="02020600040205080304" pitchFamily="18" charset="-128"/>
              </a:rPr>
              <a:t>12</a:t>
            </a:r>
            <a:r>
              <a:rPr lang="ja-JP" altLang="en-US" sz="1200" dirty="0" smtClean="0">
                <a:solidFill>
                  <a:schemeClr val="tx1"/>
                </a:solidFill>
                <a:latin typeface="ＭＳ Ｐ明朝" panose="02020600040205080304" pitchFamily="18" charset="-128"/>
                <a:ea typeface="ＭＳ Ｐ明朝" panose="02020600040205080304" pitchFamily="18" charset="-128"/>
              </a:rPr>
              <a:t>月</a:t>
            </a:r>
            <a:r>
              <a:rPr lang="en-US" altLang="ja-JP" sz="1200" dirty="0" smtClean="0">
                <a:solidFill>
                  <a:schemeClr val="tx1"/>
                </a:solidFill>
                <a:latin typeface="ＭＳ Ｐ明朝" panose="02020600040205080304" pitchFamily="18" charset="-128"/>
                <a:ea typeface="ＭＳ Ｐ明朝" panose="02020600040205080304" pitchFamily="18" charset="-128"/>
              </a:rPr>
              <a:t>14</a:t>
            </a:r>
            <a:r>
              <a:rPr lang="ja-JP" altLang="en-US" sz="1200" dirty="0" smtClean="0">
                <a:solidFill>
                  <a:schemeClr val="tx1"/>
                </a:solidFill>
                <a:latin typeface="ＭＳ Ｐ明朝" panose="02020600040205080304" pitchFamily="18" charset="-128"/>
                <a:ea typeface="ＭＳ Ｐ明朝" panose="02020600040205080304" pitchFamily="18" charset="-128"/>
              </a:rPr>
              <a:t>日～</a:t>
            </a:r>
            <a:r>
              <a:rPr lang="en-US" altLang="ja-JP" sz="1200" dirty="0" smtClean="0">
                <a:solidFill>
                  <a:schemeClr val="tx1"/>
                </a:solidFill>
                <a:latin typeface="ＭＳ Ｐ明朝" panose="02020600040205080304" pitchFamily="18" charset="-128"/>
                <a:ea typeface="ＭＳ Ｐ明朝" panose="02020600040205080304" pitchFamily="18" charset="-128"/>
              </a:rPr>
              <a:t>1</a:t>
            </a:r>
            <a:r>
              <a:rPr lang="ja-JP" altLang="en-US" sz="1200" dirty="0" smtClean="0">
                <a:solidFill>
                  <a:schemeClr val="tx1"/>
                </a:solidFill>
                <a:latin typeface="ＭＳ Ｐ明朝" panose="02020600040205080304" pitchFamily="18" charset="-128"/>
                <a:ea typeface="ＭＳ Ｐ明朝" panose="02020600040205080304" pitchFamily="18" charset="-128"/>
              </a:rPr>
              <a:t>月</a:t>
            </a:r>
            <a:r>
              <a:rPr lang="en-US" altLang="ja-JP" sz="1200" dirty="0" smtClean="0">
                <a:solidFill>
                  <a:schemeClr val="tx1"/>
                </a:solidFill>
                <a:latin typeface="ＭＳ Ｐ明朝" panose="02020600040205080304" pitchFamily="18" charset="-128"/>
                <a:ea typeface="ＭＳ Ｐ明朝" panose="02020600040205080304" pitchFamily="18" charset="-128"/>
              </a:rPr>
              <a:t>22</a:t>
            </a:r>
            <a:r>
              <a:rPr lang="ja-JP" altLang="en-US" sz="1200" dirty="0" smtClean="0">
                <a:solidFill>
                  <a:schemeClr val="tx1"/>
                </a:solidFill>
                <a:latin typeface="ＭＳ Ｐ明朝" panose="02020600040205080304" pitchFamily="18" charset="-128"/>
                <a:ea typeface="ＭＳ Ｐ明朝" panose="02020600040205080304" pitchFamily="18" charset="-128"/>
              </a:rPr>
              <a:t>日</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場所：御堂筋淀屋橋交差点～</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　　　　新橋交差点</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主催：大阪府</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p:txBody>
      </p:sp>
      <p:sp>
        <p:nvSpPr>
          <p:cNvPr id="16" name="角丸四角形 15"/>
          <p:cNvSpPr/>
          <p:nvPr/>
        </p:nvSpPr>
        <p:spPr>
          <a:xfrm>
            <a:off x="573623" y="1938040"/>
            <a:ext cx="1872208" cy="432048"/>
          </a:xfrm>
          <a:prstGeom prst="roundRect">
            <a:avLst/>
          </a:prstGeom>
          <a:solidFill>
            <a:schemeClr val="accent5">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smtClean="0">
                <a:solidFill>
                  <a:schemeClr val="tx1"/>
                </a:solidFill>
                <a:latin typeface="ＭＳ Ｐゴシック" panose="020B0600070205080204" pitchFamily="50" charset="-128"/>
                <a:ea typeface="ＭＳ Ｐゴシック" panose="020B0600070205080204" pitchFamily="50" charset="-128"/>
              </a:rPr>
              <a:t>OSAKA</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光のルネサンス（市主体）</a:t>
            </a:r>
            <a:endParaRPr kumimoji="1" lang="ja-JP" altLang="en-US" sz="1200" dirty="0">
              <a:latin typeface="ＭＳ Ｐゴシック" panose="020B0600070205080204" pitchFamily="50" charset="-128"/>
              <a:ea typeface="ＭＳ Ｐゴシック" panose="020B0600070205080204" pitchFamily="50" charset="-128"/>
            </a:endParaRPr>
          </a:p>
        </p:txBody>
      </p:sp>
      <p:sp>
        <p:nvSpPr>
          <p:cNvPr id="17" name="角丸四角形 16"/>
          <p:cNvSpPr/>
          <p:nvPr/>
        </p:nvSpPr>
        <p:spPr>
          <a:xfrm>
            <a:off x="573623" y="4475212"/>
            <a:ext cx="1872208" cy="432048"/>
          </a:xfrm>
          <a:prstGeom prst="roundRect">
            <a:avLst/>
          </a:prstGeom>
          <a:solidFill>
            <a:schemeClr val="accent5">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御堂筋イルミネーション</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pPr algn="ctr"/>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府主体）</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p:txBody>
      </p:sp>
      <p:sp>
        <p:nvSpPr>
          <p:cNvPr id="22" name="角丸四角形 21"/>
          <p:cNvSpPr/>
          <p:nvPr/>
        </p:nvSpPr>
        <p:spPr>
          <a:xfrm>
            <a:off x="3517156" y="2446164"/>
            <a:ext cx="2544283" cy="3456384"/>
          </a:xfrm>
          <a:prstGeom prst="roundRect">
            <a:avLst>
              <a:gd name="adj" fmla="val 8924"/>
            </a:avLst>
          </a:prstGeom>
          <a:solidFill>
            <a:schemeClr val="accent6">
              <a:lumMod val="40000"/>
              <a:lumOff val="60000"/>
            </a:schemeClr>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400" dirty="0" smtClean="0">
              <a:solidFill>
                <a:schemeClr val="tx1"/>
              </a:solidFill>
            </a:endParaRPr>
          </a:p>
          <a:p>
            <a:r>
              <a:rPr lang="ja-JP" altLang="en-US" sz="1400" dirty="0" smtClean="0">
                <a:solidFill>
                  <a:schemeClr val="tx1"/>
                </a:solidFill>
                <a:latin typeface="ＭＳ Ｐゴシック" panose="020B0600070205080204" pitchFamily="50" charset="-128"/>
                <a:ea typeface="ＭＳ Ｐゴシック" panose="020B0600070205080204" pitchFamily="50" charset="-128"/>
              </a:rPr>
              <a:t>○中之島エリア</a:t>
            </a:r>
            <a:endParaRPr lang="en-US" altLang="ja-JP" sz="14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400" dirty="0" smtClean="0">
                <a:solidFill>
                  <a:schemeClr val="tx1"/>
                </a:solidFill>
                <a:latin typeface="ＭＳ Ｐゴシック" panose="020B0600070205080204" pitchFamily="50" charset="-128"/>
                <a:ea typeface="ＭＳ Ｐゴシック" panose="020B0600070205080204" pitchFamily="50" charset="-128"/>
              </a:rPr>
              <a:t>　（</a:t>
            </a:r>
            <a:r>
              <a:rPr lang="en-US" altLang="ja-JP" sz="1400" dirty="0" smtClean="0">
                <a:solidFill>
                  <a:schemeClr val="tx1"/>
                </a:solidFill>
                <a:latin typeface="ＭＳ Ｐゴシック" panose="020B0600070205080204" pitchFamily="50" charset="-128"/>
                <a:ea typeface="ＭＳ Ｐゴシック" panose="020B0600070205080204" pitchFamily="50" charset="-128"/>
              </a:rPr>
              <a:t>OSAKA</a:t>
            </a:r>
            <a:r>
              <a:rPr lang="ja-JP" altLang="en-US" sz="1400" dirty="0" smtClean="0">
                <a:solidFill>
                  <a:schemeClr val="tx1"/>
                </a:solidFill>
                <a:latin typeface="ＭＳ Ｐゴシック" panose="020B0600070205080204" pitchFamily="50" charset="-128"/>
                <a:ea typeface="ＭＳ Ｐゴシック" panose="020B0600070205080204" pitchFamily="50" charset="-128"/>
              </a:rPr>
              <a:t>光のルネサンス）</a:t>
            </a:r>
            <a:endParaRPr lang="en-US" altLang="ja-JP" sz="14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時期：</a:t>
            </a:r>
            <a:r>
              <a:rPr lang="en-US" altLang="ja-JP" sz="1200" dirty="0" smtClean="0">
                <a:solidFill>
                  <a:schemeClr val="tx1"/>
                </a:solidFill>
                <a:latin typeface="ＭＳ Ｐ明朝" panose="02020600040205080304" pitchFamily="18" charset="-128"/>
                <a:ea typeface="ＭＳ Ｐ明朝" panose="02020600040205080304" pitchFamily="18" charset="-128"/>
              </a:rPr>
              <a:t>12</a:t>
            </a:r>
            <a:r>
              <a:rPr lang="ja-JP" altLang="en-US" sz="1200" dirty="0" smtClean="0">
                <a:solidFill>
                  <a:schemeClr val="tx1"/>
                </a:solidFill>
                <a:latin typeface="ＭＳ Ｐ明朝" panose="02020600040205080304" pitchFamily="18" charset="-128"/>
                <a:ea typeface="ＭＳ Ｐ明朝" panose="02020600040205080304" pitchFamily="18" charset="-128"/>
              </a:rPr>
              <a:t>月</a:t>
            </a:r>
            <a:r>
              <a:rPr lang="en-US" altLang="ja-JP" sz="1200" dirty="0" smtClean="0">
                <a:solidFill>
                  <a:schemeClr val="tx1"/>
                </a:solidFill>
                <a:latin typeface="ＭＳ Ｐ明朝" panose="02020600040205080304" pitchFamily="18" charset="-128"/>
                <a:ea typeface="ＭＳ Ｐ明朝" panose="02020600040205080304" pitchFamily="18" charset="-128"/>
              </a:rPr>
              <a:t>1</a:t>
            </a:r>
            <a:r>
              <a:rPr lang="ja-JP" altLang="en-US" sz="1200" dirty="0" smtClean="0">
                <a:solidFill>
                  <a:schemeClr val="tx1"/>
                </a:solidFill>
                <a:latin typeface="ＭＳ Ｐ明朝" panose="02020600040205080304" pitchFamily="18" charset="-128"/>
                <a:ea typeface="ＭＳ Ｐ明朝" panose="02020600040205080304" pitchFamily="18" charset="-128"/>
              </a:rPr>
              <a:t>日～</a:t>
            </a:r>
            <a:r>
              <a:rPr lang="en-US" altLang="ja-JP" sz="1200" dirty="0" smtClean="0">
                <a:solidFill>
                  <a:schemeClr val="tx1"/>
                </a:solidFill>
                <a:latin typeface="ＭＳ Ｐ明朝" panose="02020600040205080304" pitchFamily="18" charset="-128"/>
                <a:ea typeface="ＭＳ Ｐ明朝" panose="02020600040205080304" pitchFamily="18" charset="-128"/>
              </a:rPr>
              <a:t>30</a:t>
            </a:r>
            <a:r>
              <a:rPr lang="ja-JP" altLang="en-US" sz="1200" dirty="0" smtClean="0">
                <a:solidFill>
                  <a:schemeClr val="tx1"/>
                </a:solidFill>
                <a:latin typeface="ＭＳ Ｐ明朝" panose="02020600040205080304" pitchFamily="18" charset="-128"/>
                <a:ea typeface="ＭＳ Ｐ明朝" panose="02020600040205080304" pitchFamily="18" charset="-128"/>
              </a:rPr>
              <a:t>日</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場所：大阪市役所～</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　　　　中之島公園剣先</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endParaRPr lang="en-US" altLang="ja-JP" sz="1100" dirty="0" smtClean="0">
              <a:solidFill>
                <a:schemeClr val="tx1"/>
              </a:solidFill>
            </a:endParaRPr>
          </a:p>
          <a:p>
            <a:r>
              <a:rPr lang="ja-JP" altLang="en-US" sz="1400" dirty="0" smtClean="0">
                <a:solidFill>
                  <a:schemeClr val="tx1"/>
                </a:solidFill>
                <a:latin typeface="ＭＳ Ｐゴシック" panose="020B0600070205080204" pitchFamily="50" charset="-128"/>
                <a:ea typeface="ＭＳ Ｐゴシック" panose="020B0600070205080204" pitchFamily="50" charset="-128"/>
              </a:rPr>
              <a:t>○御堂筋エリア</a:t>
            </a:r>
            <a:endParaRPr lang="en-US" altLang="ja-JP" sz="14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400" dirty="0" smtClean="0">
                <a:solidFill>
                  <a:schemeClr val="tx1"/>
                </a:solidFill>
                <a:latin typeface="ＭＳ Ｐゴシック" panose="020B0600070205080204" pitchFamily="50" charset="-128"/>
                <a:ea typeface="ＭＳ Ｐゴシック" panose="020B0600070205080204" pitchFamily="50" charset="-128"/>
              </a:rPr>
              <a:t>　（御堂筋イルミネーション）</a:t>
            </a:r>
            <a:endParaRPr lang="en-US" altLang="ja-JP" sz="14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時期：</a:t>
            </a:r>
            <a:r>
              <a:rPr lang="en-US" altLang="ja-JP" sz="1200" dirty="0" smtClean="0">
                <a:solidFill>
                  <a:schemeClr val="tx1"/>
                </a:solidFill>
                <a:latin typeface="ＭＳ Ｐ明朝" panose="02020600040205080304" pitchFamily="18" charset="-128"/>
                <a:ea typeface="ＭＳ Ｐ明朝" panose="02020600040205080304" pitchFamily="18" charset="-128"/>
              </a:rPr>
              <a:t>12</a:t>
            </a:r>
            <a:r>
              <a:rPr lang="ja-JP" altLang="en-US" sz="1200" dirty="0" smtClean="0">
                <a:solidFill>
                  <a:schemeClr val="tx1"/>
                </a:solidFill>
                <a:latin typeface="ＭＳ Ｐ明朝" panose="02020600040205080304" pitchFamily="18" charset="-128"/>
                <a:ea typeface="ＭＳ Ｐ明朝" panose="02020600040205080304" pitchFamily="18" charset="-128"/>
              </a:rPr>
              <a:t>月</a:t>
            </a:r>
            <a:r>
              <a:rPr lang="en-US" altLang="ja-JP" sz="1200" dirty="0" smtClean="0">
                <a:solidFill>
                  <a:schemeClr val="tx1"/>
                </a:solidFill>
                <a:latin typeface="ＭＳ Ｐ明朝" panose="02020600040205080304" pitchFamily="18" charset="-128"/>
                <a:ea typeface="ＭＳ Ｐ明朝" panose="02020600040205080304" pitchFamily="18" charset="-128"/>
              </a:rPr>
              <a:t>14</a:t>
            </a:r>
            <a:r>
              <a:rPr lang="ja-JP" altLang="en-US" sz="1200" dirty="0" smtClean="0">
                <a:solidFill>
                  <a:schemeClr val="tx1"/>
                </a:solidFill>
                <a:latin typeface="ＭＳ Ｐ明朝" panose="02020600040205080304" pitchFamily="18" charset="-128"/>
                <a:ea typeface="ＭＳ Ｐ明朝" panose="02020600040205080304" pitchFamily="18" charset="-128"/>
              </a:rPr>
              <a:t>日～</a:t>
            </a:r>
            <a:r>
              <a:rPr lang="en-US" altLang="ja-JP" sz="1200" dirty="0" smtClean="0">
                <a:solidFill>
                  <a:schemeClr val="tx1"/>
                </a:solidFill>
                <a:latin typeface="ＭＳ Ｐ明朝" panose="02020600040205080304" pitchFamily="18" charset="-128"/>
                <a:ea typeface="ＭＳ Ｐ明朝" panose="02020600040205080304" pitchFamily="18" charset="-128"/>
              </a:rPr>
              <a:t>1</a:t>
            </a:r>
            <a:r>
              <a:rPr lang="ja-JP" altLang="en-US" sz="1200" dirty="0" smtClean="0">
                <a:solidFill>
                  <a:schemeClr val="tx1"/>
                </a:solidFill>
                <a:latin typeface="ＭＳ Ｐ明朝" panose="02020600040205080304" pitchFamily="18" charset="-128"/>
                <a:ea typeface="ＭＳ Ｐ明朝" panose="02020600040205080304" pitchFamily="18" charset="-128"/>
              </a:rPr>
              <a:t>月</a:t>
            </a:r>
            <a:r>
              <a:rPr lang="en-US" altLang="ja-JP" sz="1200" dirty="0" smtClean="0">
                <a:solidFill>
                  <a:schemeClr val="tx1"/>
                </a:solidFill>
                <a:latin typeface="ＭＳ Ｐ明朝" panose="02020600040205080304" pitchFamily="18" charset="-128"/>
                <a:ea typeface="ＭＳ Ｐ明朝" panose="02020600040205080304" pitchFamily="18" charset="-128"/>
              </a:rPr>
              <a:t>20</a:t>
            </a:r>
            <a:r>
              <a:rPr lang="ja-JP" altLang="en-US" sz="1200" dirty="0" smtClean="0">
                <a:solidFill>
                  <a:schemeClr val="tx1"/>
                </a:solidFill>
                <a:latin typeface="ＭＳ Ｐ明朝" panose="02020600040205080304" pitchFamily="18" charset="-128"/>
                <a:ea typeface="ＭＳ Ｐ明朝" panose="02020600040205080304" pitchFamily="18" charset="-128"/>
              </a:rPr>
              <a:t>日</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場所：御堂筋淀屋橋交差点～</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　　　　新橋交差点</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endParaRPr lang="en-US" altLang="ja-JP" sz="1100" dirty="0" smtClean="0">
              <a:solidFill>
                <a:schemeClr val="tx1"/>
              </a:solidFill>
            </a:endParaRPr>
          </a:p>
          <a:p>
            <a:endParaRPr lang="en-US" altLang="ja-JP" sz="1100" dirty="0" smtClean="0">
              <a:solidFill>
                <a:schemeClr val="tx1"/>
              </a:solidFill>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主催：ＯＳＡＫＡ光のルネサンス</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　　　　実行委員会</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r>
              <a:rPr lang="ja-JP" altLang="en-US" sz="1100" dirty="0" smtClean="0">
                <a:solidFill>
                  <a:schemeClr val="tx1"/>
                </a:solidFill>
                <a:latin typeface="ＭＳ Ｐ明朝" panose="02020600040205080304" pitchFamily="18" charset="-128"/>
                <a:ea typeface="ＭＳ Ｐ明朝" panose="02020600040205080304" pitchFamily="18" charset="-128"/>
              </a:rPr>
              <a:t>（構成：大阪市・大阪府・経済界等）</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endParaRPr lang="en-US" altLang="ja-JP" sz="1200" dirty="0" smtClean="0">
              <a:solidFill>
                <a:schemeClr val="tx1"/>
              </a:solidFill>
            </a:endParaRPr>
          </a:p>
        </p:txBody>
      </p:sp>
      <p:sp>
        <p:nvSpPr>
          <p:cNvPr id="23" name="角丸四角形 22"/>
          <p:cNvSpPr/>
          <p:nvPr/>
        </p:nvSpPr>
        <p:spPr>
          <a:xfrm>
            <a:off x="3853193" y="2208832"/>
            <a:ext cx="1872208" cy="432048"/>
          </a:xfrm>
          <a:prstGeom prst="roundRect">
            <a:avLst/>
          </a:prstGeom>
          <a:solidFill>
            <a:schemeClr val="accent5">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smtClean="0">
                <a:solidFill>
                  <a:schemeClr val="tx1"/>
                </a:solidFill>
                <a:latin typeface="ＭＳ Ｐゴシック" panose="020B0600070205080204" pitchFamily="50" charset="-128"/>
                <a:ea typeface="ＭＳ Ｐゴシック" panose="020B0600070205080204" pitchFamily="50" charset="-128"/>
              </a:rPr>
              <a:t>OSAKA</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光のルネサンス</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pPr algn="ct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府・市主体）</a:t>
            </a:r>
            <a:endParaRPr kumimoji="1" lang="ja-JP" altLang="en-US" sz="1200" dirty="0">
              <a:latin typeface="ＭＳ Ｐゴシック" panose="020B0600070205080204" pitchFamily="50" charset="-128"/>
              <a:ea typeface="ＭＳ Ｐゴシック" panose="020B0600070205080204" pitchFamily="50" charset="-128"/>
            </a:endParaRPr>
          </a:p>
        </p:txBody>
      </p:sp>
      <p:sp>
        <p:nvSpPr>
          <p:cNvPr id="26" name="角丸四角形 25"/>
          <p:cNvSpPr/>
          <p:nvPr/>
        </p:nvSpPr>
        <p:spPr>
          <a:xfrm>
            <a:off x="6832600" y="2441476"/>
            <a:ext cx="2844799" cy="3959324"/>
          </a:xfrm>
          <a:prstGeom prst="roundRect">
            <a:avLst>
              <a:gd name="adj" fmla="val 6612"/>
            </a:avLst>
          </a:prstGeom>
          <a:solidFill>
            <a:schemeClr val="accent6">
              <a:lumMod val="40000"/>
              <a:lumOff val="60000"/>
            </a:schemeClr>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endParaRPr lang="en-US" altLang="ja-JP" sz="1100" dirty="0" smtClean="0">
              <a:solidFill>
                <a:schemeClr val="tx1"/>
              </a:solidFill>
            </a:endParaRPr>
          </a:p>
          <a:p>
            <a:pPr algn="ctr"/>
            <a:endParaRPr lang="en-US" altLang="ja-JP" sz="1200" dirty="0" smtClean="0">
              <a:solidFill>
                <a:schemeClr val="tx1"/>
              </a:solidFill>
            </a:endParaRPr>
          </a:p>
        </p:txBody>
      </p:sp>
      <p:sp>
        <p:nvSpPr>
          <p:cNvPr id="27" name="角丸四角形 26"/>
          <p:cNvSpPr/>
          <p:nvPr/>
        </p:nvSpPr>
        <p:spPr>
          <a:xfrm>
            <a:off x="7293260" y="2229272"/>
            <a:ext cx="1872208" cy="424408"/>
          </a:xfrm>
          <a:prstGeom prst="roundRect">
            <a:avLst/>
          </a:prstGeom>
          <a:solidFill>
            <a:schemeClr val="accent5">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rPr>
              <a:t>大阪・光の饗宴</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28" name="角丸四角形 27"/>
          <p:cNvSpPr/>
          <p:nvPr/>
        </p:nvSpPr>
        <p:spPr>
          <a:xfrm>
            <a:off x="7006626" y="3085728"/>
            <a:ext cx="2496277" cy="1152128"/>
          </a:xfrm>
          <a:prstGeom prst="round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ＭＳ Ｐ明朝" panose="02020600040205080304" pitchFamily="18" charset="-128"/>
                <a:ea typeface="ＭＳ Ｐ明朝" panose="02020600040205080304" pitchFamily="18" charset="-128"/>
              </a:rPr>
              <a:t>・ＯＳＡＫＡ光のルネサンス</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r>
              <a:rPr kumimoji="1" lang="ja-JP" altLang="en-US" sz="1100" dirty="0" smtClean="0">
                <a:solidFill>
                  <a:schemeClr val="tx1"/>
                </a:solidFill>
                <a:latin typeface="ＭＳ Ｐ明朝" panose="02020600040205080304" pitchFamily="18" charset="-128"/>
                <a:ea typeface="ＭＳ Ｐ明朝" panose="02020600040205080304" pitchFamily="18" charset="-128"/>
              </a:rPr>
              <a:t>・御堂筋イルミネーション</a:t>
            </a:r>
            <a:endParaRPr kumimoji="1"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r>
              <a:rPr lang="ja-JP" altLang="en-US" sz="1050" dirty="0" smtClean="0">
                <a:solidFill>
                  <a:schemeClr val="tx1"/>
                </a:solidFill>
                <a:latin typeface="ＭＳ Ｐ明朝" panose="02020600040205080304" pitchFamily="18" charset="-128"/>
                <a:ea typeface="ＭＳ Ｐ明朝" panose="02020600040205080304" pitchFamily="18" charset="-128"/>
              </a:rPr>
              <a:t>（</a:t>
            </a:r>
            <a:r>
              <a:rPr lang="en-US" altLang="ja-JP" sz="1050" dirty="0" smtClean="0">
                <a:solidFill>
                  <a:schemeClr val="tx1"/>
                </a:solidFill>
                <a:latin typeface="ＭＳ Ｐ明朝" panose="02020600040205080304" pitchFamily="18" charset="-128"/>
                <a:ea typeface="ＭＳ Ｐ明朝" panose="02020600040205080304" pitchFamily="18" charset="-128"/>
              </a:rPr>
              <a:t>2014</a:t>
            </a:r>
            <a:r>
              <a:rPr lang="ja-JP" altLang="en-US" sz="1050" dirty="0" smtClean="0">
                <a:solidFill>
                  <a:schemeClr val="tx1"/>
                </a:solidFill>
                <a:latin typeface="ＭＳ Ｐ明朝" panose="02020600040205080304" pitchFamily="18" charset="-128"/>
                <a:ea typeface="ＭＳ Ｐ明朝" panose="02020600040205080304" pitchFamily="18" charset="-128"/>
              </a:rPr>
              <a:t>年：淀屋橋～難波西口まで延伸）</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pPr algn="ctr"/>
            <a:r>
              <a:rPr kumimoji="1" lang="ja-JP" altLang="en-US" sz="1100" dirty="0" smtClean="0">
                <a:solidFill>
                  <a:schemeClr val="tx1"/>
                </a:solidFill>
                <a:latin typeface="ＭＳ Ｐ明朝" panose="02020600040205080304" pitchFamily="18" charset="-128"/>
                <a:ea typeface="ＭＳ Ｐ明朝" panose="02020600040205080304" pitchFamily="18" charset="-128"/>
              </a:rPr>
              <a:t>主催：大阪・光の饗宴実行委員会</a:t>
            </a:r>
            <a:endParaRPr kumimoji="1"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r>
              <a:rPr lang="en-US" altLang="ja-JP" sz="1100" dirty="0" smtClean="0">
                <a:solidFill>
                  <a:schemeClr val="tx1"/>
                </a:solidFill>
                <a:latin typeface="ＭＳ Ｐ明朝" panose="02020600040205080304" pitchFamily="18" charset="-128"/>
                <a:ea typeface="ＭＳ Ｐ明朝" panose="02020600040205080304" pitchFamily="18" charset="-128"/>
              </a:rPr>
              <a:t>(</a:t>
            </a:r>
            <a:r>
              <a:rPr lang="ja-JP" altLang="en-US" sz="1100" dirty="0" smtClean="0">
                <a:solidFill>
                  <a:schemeClr val="tx1"/>
                </a:solidFill>
                <a:latin typeface="ＭＳ Ｐ明朝" panose="02020600040205080304" pitchFamily="18" charset="-128"/>
                <a:ea typeface="ＭＳ Ｐ明朝" panose="02020600040205080304" pitchFamily="18" charset="-128"/>
              </a:rPr>
              <a:t>構成：大阪市・大阪府・経済界等</a:t>
            </a:r>
            <a:r>
              <a:rPr lang="en-US" altLang="ja-JP" sz="1100" dirty="0" smtClean="0">
                <a:solidFill>
                  <a:schemeClr val="tx1"/>
                </a:solidFill>
                <a:latin typeface="ＭＳ Ｐ明朝" panose="02020600040205080304" pitchFamily="18" charset="-128"/>
                <a:ea typeface="ＭＳ Ｐ明朝" panose="02020600040205080304" pitchFamily="18" charset="-128"/>
              </a:rPr>
              <a:t>)</a:t>
            </a:r>
            <a:endParaRPr kumimoji="1" lang="ja-JP" altLang="en-US" sz="1100" dirty="0">
              <a:solidFill>
                <a:schemeClr val="tx1"/>
              </a:solidFill>
              <a:latin typeface="ＭＳ Ｐ明朝" panose="02020600040205080304" pitchFamily="18" charset="-128"/>
              <a:ea typeface="ＭＳ Ｐ明朝" panose="02020600040205080304" pitchFamily="18" charset="-128"/>
            </a:endParaRPr>
          </a:p>
        </p:txBody>
      </p:sp>
      <p:sp>
        <p:nvSpPr>
          <p:cNvPr id="35" name="角丸四角形 34"/>
          <p:cNvSpPr/>
          <p:nvPr/>
        </p:nvSpPr>
        <p:spPr>
          <a:xfrm>
            <a:off x="7318660" y="2869704"/>
            <a:ext cx="1872208" cy="288032"/>
          </a:xfrm>
          <a:prstGeom prst="round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ＭＳ Ｐゴシック" panose="020B0600070205080204" pitchFamily="50" charset="-128"/>
                <a:ea typeface="ＭＳ Ｐゴシック" panose="020B0600070205080204" pitchFamily="50" charset="-128"/>
              </a:rPr>
              <a:t>コアプログラム</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36" name="角丸四角形 35"/>
          <p:cNvSpPr/>
          <p:nvPr/>
        </p:nvSpPr>
        <p:spPr>
          <a:xfrm>
            <a:off x="7006626" y="5101952"/>
            <a:ext cx="2496277" cy="1152128"/>
          </a:xfrm>
          <a:prstGeom prst="round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ＭＳ Ｐ明朝" panose="02020600040205080304" pitchFamily="18" charset="-128"/>
                <a:ea typeface="ＭＳ Ｐ明朝" panose="02020600040205080304" pitchFamily="18" charset="-128"/>
              </a:rPr>
              <a:t>・大阪市内の各エリアで行っている、民間主催の光のプログラム</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endParaRPr kumimoji="1"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r>
              <a:rPr lang="en-US" altLang="ja-JP" sz="1100" dirty="0" smtClean="0">
                <a:solidFill>
                  <a:schemeClr val="tx1"/>
                </a:solidFill>
                <a:latin typeface="ＭＳ Ｐ明朝" panose="02020600040205080304" pitchFamily="18" charset="-128"/>
                <a:ea typeface="ＭＳ Ｐ明朝" panose="02020600040205080304" pitchFamily="18" charset="-128"/>
              </a:rPr>
              <a:t>2013</a:t>
            </a:r>
            <a:r>
              <a:rPr lang="ja-JP" altLang="en-US" sz="1100" dirty="0" smtClean="0">
                <a:solidFill>
                  <a:schemeClr val="tx1"/>
                </a:solidFill>
                <a:latin typeface="ＭＳ Ｐ明朝" panose="02020600040205080304" pitchFamily="18" charset="-128"/>
                <a:ea typeface="ＭＳ Ｐ明朝" panose="02020600040205080304" pitchFamily="18" charset="-128"/>
              </a:rPr>
              <a:t>年度　８エリア</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algn="ctr"/>
            <a:r>
              <a:rPr lang="en-US" altLang="ja-JP" sz="1100" dirty="0">
                <a:solidFill>
                  <a:schemeClr val="tx1"/>
                </a:solidFill>
                <a:latin typeface="ＭＳ Ｐ明朝" panose="02020600040205080304" pitchFamily="18" charset="-128"/>
                <a:ea typeface="ＭＳ Ｐ明朝" panose="02020600040205080304" pitchFamily="18" charset="-128"/>
              </a:rPr>
              <a:t>2014</a:t>
            </a:r>
            <a:r>
              <a:rPr kumimoji="1" lang="ja-JP" altLang="en-US" sz="1100" dirty="0" smtClean="0">
                <a:solidFill>
                  <a:schemeClr val="tx1"/>
                </a:solidFill>
                <a:latin typeface="ＭＳ Ｐ明朝" panose="02020600040205080304" pitchFamily="18" charset="-128"/>
                <a:ea typeface="ＭＳ Ｐ明朝" panose="02020600040205080304" pitchFamily="18" charset="-128"/>
              </a:rPr>
              <a:t>年度１０エリア</a:t>
            </a:r>
            <a:endParaRPr kumimoji="1" lang="ja-JP" altLang="en-US" sz="1100" dirty="0">
              <a:solidFill>
                <a:schemeClr val="tx1"/>
              </a:solidFill>
              <a:latin typeface="ＭＳ Ｐ明朝" panose="02020600040205080304" pitchFamily="18" charset="-128"/>
              <a:ea typeface="ＭＳ Ｐ明朝" panose="02020600040205080304" pitchFamily="18" charset="-128"/>
            </a:endParaRPr>
          </a:p>
        </p:txBody>
      </p:sp>
      <p:sp>
        <p:nvSpPr>
          <p:cNvPr id="37" name="角丸四角形 36"/>
          <p:cNvSpPr/>
          <p:nvPr/>
        </p:nvSpPr>
        <p:spPr>
          <a:xfrm>
            <a:off x="7318660" y="4957936"/>
            <a:ext cx="1872208" cy="288032"/>
          </a:xfrm>
          <a:prstGeom prst="round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rPr>
              <a:t>エリアプログラム</a:t>
            </a:r>
            <a:endParaRPr kumimoji="1" lang="ja-JP" altLang="en-US" sz="1200" dirty="0">
              <a:solidFill>
                <a:schemeClr val="tx1"/>
              </a:solidFill>
            </a:endParaRPr>
          </a:p>
        </p:txBody>
      </p:sp>
      <p:sp>
        <p:nvSpPr>
          <p:cNvPr id="40" name="上下矢印 39"/>
          <p:cNvSpPr/>
          <p:nvPr/>
        </p:nvSpPr>
        <p:spPr>
          <a:xfrm>
            <a:off x="8098747" y="4237856"/>
            <a:ext cx="234026" cy="720080"/>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角丸四角形 40"/>
          <p:cNvSpPr/>
          <p:nvPr/>
        </p:nvSpPr>
        <p:spPr>
          <a:xfrm>
            <a:off x="7318660" y="4453880"/>
            <a:ext cx="1872208" cy="288032"/>
          </a:xfrm>
          <a:prstGeom prst="round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広報</a:t>
            </a:r>
            <a:r>
              <a:rPr kumimoji="1" lang="ja-JP" altLang="en-US" sz="1200" dirty="0" smtClean="0">
                <a:solidFill>
                  <a:schemeClr val="tx1"/>
                </a:solidFill>
                <a:latin typeface="ＭＳ Ｐゴシック" panose="020B0600070205080204" pitchFamily="50" charset="-128"/>
                <a:ea typeface="ＭＳ Ｐゴシック" panose="020B0600070205080204" pitchFamily="50" charset="-128"/>
              </a:rPr>
              <a:t>連携・情報発信</a:t>
            </a:r>
            <a:endParaRPr kumimoji="1" lang="ja-JP" altLang="en-US" sz="1200" dirty="0">
              <a:solidFill>
                <a:schemeClr val="tx1"/>
              </a:solidFill>
              <a:latin typeface="ＭＳ Ｐゴシック" panose="020B0600070205080204" pitchFamily="50" charset="-128"/>
              <a:ea typeface="ＭＳ Ｐゴシック" panose="020B0600070205080204" pitchFamily="50" charset="-128"/>
            </a:endParaRPr>
          </a:p>
        </p:txBody>
      </p:sp>
      <p:sp>
        <p:nvSpPr>
          <p:cNvPr id="65" name="角丸四角形 64"/>
          <p:cNvSpPr/>
          <p:nvPr/>
        </p:nvSpPr>
        <p:spPr>
          <a:xfrm>
            <a:off x="261589" y="1016000"/>
            <a:ext cx="2496277" cy="828824"/>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ＭＳ Ｐ明朝" panose="02020600040205080304" pitchFamily="18" charset="-128"/>
                <a:ea typeface="ＭＳ Ｐ明朝" panose="02020600040205080304" pitchFamily="18" charset="-128"/>
              </a:rPr>
              <a:t>御堂筋イルミネーション主催者、</a:t>
            </a:r>
            <a:r>
              <a:rPr lang="en-US" altLang="ja-JP" sz="1200" dirty="0" smtClean="0">
                <a:solidFill>
                  <a:schemeClr val="tx1"/>
                </a:solidFill>
                <a:latin typeface="ＭＳ Ｐ明朝" panose="02020600040205080304" pitchFamily="18" charset="-128"/>
                <a:ea typeface="ＭＳ Ｐ明朝" panose="02020600040205080304" pitchFamily="18" charset="-128"/>
              </a:rPr>
              <a:t>OSAKA</a:t>
            </a:r>
            <a:r>
              <a:rPr lang="ja-JP" altLang="en-US" sz="1200" dirty="0" smtClean="0">
                <a:solidFill>
                  <a:schemeClr val="tx1"/>
                </a:solidFill>
                <a:latin typeface="ＭＳ Ｐ明朝" panose="02020600040205080304" pitchFamily="18" charset="-128"/>
                <a:ea typeface="ＭＳ Ｐ明朝" panose="02020600040205080304" pitchFamily="18" charset="-128"/>
              </a:rPr>
              <a:t>光のルネサンス主催者それぞれにおいて事業を展開</a:t>
            </a:r>
            <a:endParaRPr kumimoji="1" lang="ja-JP" altLang="en-US" sz="1200" dirty="0">
              <a:solidFill>
                <a:schemeClr val="tx1"/>
              </a:solidFill>
              <a:latin typeface="ＭＳ Ｐ明朝" panose="02020600040205080304" pitchFamily="18" charset="-128"/>
              <a:ea typeface="ＭＳ Ｐ明朝" panose="02020600040205080304" pitchFamily="18" charset="-128"/>
            </a:endParaRPr>
          </a:p>
        </p:txBody>
      </p:sp>
      <p:sp>
        <p:nvSpPr>
          <p:cNvPr id="66" name="角丸四角形 65"/>
          <p:cNvSpPr/>
          <p:nvPr/>
        </p:nvSpPr>
        <p:spPr>
          <a:xfrm>
            <a:off x="3517155" y="1016000"/>
            <a:ext cx="2544283" cy="828824"/>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ＭＳ Ｐ明朝" panose="02020600040205080304" pitchFamily="18" charset="-128"/>
                <a:ea typeface="ＭＳ Ｐ明朝" panose="02020600040205080304" pitchFamily="18" charset="-128"/>
              </a:rPr>
              <a:t>御堂筋イルミネーション主催者、</a:t>
            </a:r>
            <a:r>
              <a:rPr lang="en-US" altLang="ja-JP" sz="1200" dirty="0">
                <a:solidFill>
                  <a:schemeClr val="tx1"/>
                </a:solidFill>
                <a:latin typeface="ＭＳ Ｐ明朝" panose="02020600040205080304" pitchFamily="18" charset="-128"/>
                <a:ea typeface="ＭＳ Ｐ明朝" panose="02020600040205080304" pitchFamily="18" charset="-128"/>
              </a:rPr>
              <a:t>OSAKA</a:t>
            </a:r>
            <a:r>
              <a:rPr lang="ja-JP" altLang="en-US" sz="1200" dirty="0">
                <a:solidFill>
                  <a:schemeClr val="tx1"/>
                </a:solidFill>
                <a:latin typeface="ＭＳ Ｐ明朝" panose="02020600040205080304" pitchFamily="18" charset="-128"/>
                <a:ea typeface="ＭＳ Ｐ明朝" panose="02020600040205080304" pitchFamily="18" charset="-128"/>
              </a:rPr>
              <a:t>光のルネサンス</a:t>
            </a:r>
            <a:r>
              <a:rPr lang="ja-JP" altLang="en-US" sz="1200" dirty="0" smtClean="0">
                <a:solidFill>
                  <a:schemeClr val="tx1"/>
                </a:solidFill>
                <a:latin typeface="ＭＳ Ｐ明朝" panose="02020600040205080304" pitchFamily="18" charset="-128"/>
                <a:ea typeface="ＭＳ Ｐ明朝" panose="02020600040205080304" pitchFamily="18" charset="-128"/>
              </a:rPr>
              <a:t>主催者</a:t>
            </a:r>
            <a:r>
              <a:rPr kumimoji="1" lang="ja-JP" altLang="en-US" sz="1200" dirty="0" smtClean="0">
                <a:solidFill>
                  <a:schemeClr val="tx1"/>
                </a:solidFill>
                <a:latin typeface="ＭＳ Ｐ明朝" panose="02020600040205080304" pitchFamily="18" charset="-128"/>
                <a:ea typeface="ＭＳ Ｐ明朝" panose="02020600040205080304" pitchFamily="18" charset="-128"/>
              </a:rPr>
              <a:t>が一体的に、</a:t>
            </a:r>
            <a:r>
              <a:rPr lang="en-US" altLang="ja-JP" sz="1200" dirty="0" smtClean="0">
                <a:solidFill>
                  <a:schemeClr val="tx1"/>
                </a:solidFill>
                <a:latin typeface="ＭＳ Ｐ明朝" panose="02020600040205080304" pitchFamily="18" charset="-128"/>
                <a:ea typeface="ＭＳ Ｐ明朝" panose="02020600040205080304" pitchFamily="18" charset="-128"/>
              </a:rPr>
              <a:t>OSAKA</a:t>
            </a:r>
            <a:r>
              <a:rPr lang="ja-JP" altLang="en-US" sz="1200" dirty="0" smtClean="0">
                <a:solidFill>
                  <a:schemeClr val="tx1"/>
                </a:solidFill>
                <a:latin typeface="ＭＳ Ｐ明朝" panose="02020600040205080304" pitchFamily="18" charset="-128"/>
                <a:ea typeface="ＭＳ Ｐ明朝" panose="02020600040205080304" pitchFamily="18" charset="-128"/>
              </a:rPr>
              <a:t>光のルネサンスとして</a:t>
            </a:r>
            <a:r>
              <a:rPr kumimoji="1" lang="ja-JP" altLang="en-US" sz="1200" dirty="0" smtClean="0">
                <a:solidFill>
                  <a:schemeClr val="tx1"/>
                </a:solidFill>
                <a:latin typeface="ＭＳ Ｐ明朝" panose="02020600040205080304" pitchFamily="18" charset="-128"/>
                <a:ea typeface="ＭＳ Ｐ明朝" panose="02020600040205080304" pitchFamily="18" charset="-128"/>
              </a:rPr>
              <a:t>事業を展開</a:t>
            </a:r>
            <a:endParaRPr kumimoji="1" lang="en-US" altLang="ja-JP" sz="1200" dirty="0" smtClean="0">
              <a:solidFill>
                <a:schemeClr val="tx1"/>
              </a:solidFill>
              <a:latin typeface="ＭＳ Ｐ明朝" panose="02020600040205080304" pitchFamily="18" charset="-128"/>
              <a:ea typeface="ＭＳ Ｐ明朝" panose="02020600040205080304" pitchFamily="18" charset="-128"/>
            </a:endParaRPr>
          </a:p>
        </p:txBody>
      </p:sp>
      <p:sp>
        <p:nvSpPr>
          <p:cNvPr id="67" name="角丸四角形 66"/>
          <p:cNvSpPr/>
          <p:nvPr/>
        </p:nvSpPr>
        <p:spPr>
          <a:xfrm>
            <a:off x="6832600" y="1016000"/>
            <a:ext cx="2844800" cy="972840"/>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ＭＳ Ｐ明朝" panose="02020600040205080304" pitchFamily="18" charset="-128"/>
                <a:ea typeface="ＭＳ Ｐ明朝" panose="02020600040205080304" pitchFamily="18" charset="-128"/>
              </a:rPr>
              <a:t>御堂筋イルミネーション主催者、</a:t>
            </a:r>
            <a:r>
              <a:rPr lang="en-US" altLang="ja-JP" sz="1200" dirty="0">
                <a:solidFill>
                  <a:schemeClr val="tx1"/>
                </a:solidFill>
                <a:latin typeface="ＭＳ Ｐ明朝" panose="02020600040205080304" pitchFamily="18" charset="-128"/>
                <a:ea typeface="ＭＳ Ｐ明朝" panose="02020600040205080304" pitchFamily="18" charset="-128"/>
              </a:rPr>
              <a:t>OSAKA</a:t>
            </a:r>
            <a:r>
              <a:rPr lang="ja-JP" altLang="en-US" sz="1200" dirty="0">
                <a:solidFill>
                  <a:schemeClr val="tx1"/>
                </a:solidFill>
                <a:latin typeface="ＭＳ Ｐ明朝" panose="02020600040205080304" pitchFamily="18" charset="-128"/>
                <a:ea typeface="ＭＳ Ｐ明朝" panose="02020600040205080304" pitchFamily="18" charset="-128"/>
              </a:rPr>
              <a:t>光のルネサンス主催者、 </a:t>
            </a:r>
            <a:r>
              <a:rPr lang="ja-JP" altLang="en-US" sz="1200" dirty="0" smtClean="0">
                <a:solidFill>
                  <a:schemeClr val="tx1"/>
                </a:solidFill>
                <a:latin typeface="ＭＳ Ｐ明朝" panose="02020600040205080304" pitchFamily="18" charset="-128"/>
                <a:ea typeface="ＭＳ Ｐ明朝" panose="02020600040205080304" pitchFamily="18" charset="-128"/>
              </a:rPr>
              <a:t>民間</a:t>
            </a:r>
            <a:r>
              <a:rPr lang="ja-JP" altLang="en-US" sz="1200" dirty="0">
                <a:solidFill>
                  <a:schemeClr val="tx1"/>
                </a:solidFill>
                <a:latin typeface="ＭＳ Ｐ明朝" panose="02020600040205080304" pitchFamily="18" charset="-128"/>
                <a:ea typeface="ＭＳ Ｐ明朝" panose="02020600040205080304" pitchFamily="18" charset="-128"/>
              </a:rPr>
              <a:t>主催の光の</a:t>
            </a:r>
            <a:r>
              <a:rPr lang="ja-JP" altLang="en-US" sz="1200" dirty="0" smtClean="0">
                <a:solidFill>
                  <a:schemeClr val="tx1"/>
                </a:solidFill>
                <a:latin typeface="ＭＳ Ｐ明朝" panose="02020600040205080304" pitchFamily="18" charset="-128"/>
                <a:ea typeface="ＭＳ Ｐ明朝" panose="02020600040205080304" pitchFamily="18" charset="-128"/>
              </a:rPr>
              <a:t>プログラムが一体となって</a:t>
            </a:r>
            <a:r>
              <a:rPr kumimoji="1" lang="ja-JP" altLang="en-US" sz="1200" dirty="0" smtClean="0">
                <a:solidFill>
                  <a:schemeClr val="tx1"/>
                </a:solidFill>
                <a:latin typeface="ＭＳ Ｐ明朝" panose="02020600040205080304" pitchFamily="18" charset="-128"/>
                <a:ea typeface="ＭＳ Ｐ明朝" panose="02020600040205080304" pitchFamily="18" charset="-128"/>
              </a:rPr>
              <a:t>、「大阪・光の饗宴」として官民一体で広報連携・情報発信</a:t>
            </a:r>
            <a:endParaRPr kumimoji="1" lang="en-US" altLang="ja-JP" sz="1200" dirty="0" smtClean="0">
              <a:solidFill>
                <a:schemeClr val="tx1"/>
              </a:solidFill>
              <a:latin typeface="ＭＳ Ｐ明朝" panose="02020600040205080304" pitchFamily="18" charset="-128"/>
              <a:ea typeface="ＭＳ Ｐ明朝" panose="02020600040205080304" pitchFamily="18" charset="-128"/>
            </a:endParaRPr>
          </a:p>
        </p:txBody>
      </p:sp>
      <p:sp>
        <p:nvSpPr>
          <p:cNvPr id="42" name="スライド番号プレースホルダ 41"/>
          <p:cNvSpPr>
            <a:spLocks noGrp="1"/>
          </p:cNvSpPr>
          <p:nvPr>
            <p:ph type="sldNum" sz="quarter" idx="12"/>
          </p:nvPr>
        </p:nvSpPr>
        <p:spPr/>
        <p:txBody>
          <a:bodyPr/>
          <a:lstStyle/>
          <a:p>
            <a:fld id="{37EF5067-3AB7-4642-9103-42CBD40CC6D9}" type="slidenum">
              <a:rPr kumimoji="1" lang="ja-JP" altLang="en-US" smtClean="0"/>
              <a:pPr/>
              <a:t>60</a:t>
            </a:fld>
            <a:endParaRPr kumimoji="1" lang="ja-JP" altLang="en-US" dirty="0"/>
          </a:p>
        </p:txBody>
      </p:sp>
    </p:spTree>
    <p:extLst>
      <p:ext uri="{BB962C8B-B14F-4D97-AF65-F5344CB8AC3E}">
        <p14:creationId xmlns:p14="http://schemas.microsoft.com/office/powerpoint/2010/main" val="1145792742"/>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8" name="スライド番号プレースホルダ 107"/>
          <p:cNvSpPr>
            <a:spLocks noGrp="1"/>
          </p:cNvSpPr>
          <p:nvPr>
            <p:ph type="sldNum" sz="quarter" idx="12"/>
          </p:nvPr>
        </p:nvSpPr>
        <p:spPr/>
        <p:txBody>
          <a:bodyPr/>
          <a:lstStyle/>
          <a:p>
            <a:fld id="{37EF5067-3AB7-4642-9103-42CBD40CC6D9}" type="slidenum">
              <a:rPr kumimoji="1" lang="ja-JP" altLang="en-US" smtClean="0"/>
              <a:pPr/>
              <a:t>61</a:t>
            </a:fld>
            <a:endParaRPr kumimoji="1" lang="ja-JP" altLang="en-US" dirty="0"/>
          </a:p>
        </p:txBody>
      </p:sp>
      <p:pic>
        <p:nvPicPr>
          <p:cNvPr id="125954" name="Picture 2"/>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123825" y="268288"/>
            <a:ext cx="9656763" cy="6321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222667107"/>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194474" y="601367"/>
            <a:ext cx="2867381" cy="594313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lvl="0" indent="-144000"/>
            <a:endParaRPr lang="en-US" altLang="ja-JP" sz="1200" dirty="0" smtClean="0">
              <a:solidFill>
                <a:schemeClr val="tx1"/>
              </a:solidFill>
              <a:latin typeface="+mn-ea"/>
            </a:endParaRPr>
          </a:p>
          <a:p>
            <a:endParaRPr lang="en-US" altLang="ja-JP" sz="1200" dirty="0" smtClean="0">
              <a:solidFill>
                <a:schemeClr val="tx1"/>
              </a:solidFill>
              <a:latin typeface="+mn-ea"/>
            </a:endParaRPr>
          </a:p>
          <a:p>
            <a:pPr marL="72000" indent="-457200"/>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国内外から多くの来訪者がある観光拠点</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p>
            <a:pPr marL="72000" indent="-457200"/>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都心の中にあって、貴重な緑のオアシスとしての都市公園</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p>
            <a:pPr marL="72000" indent="-457200"/>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特別史跡として、重要文化財などを有する歴史公園</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p>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p>
            <a:pPr marL="108000" indent="-457200"/>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多くの観光客が集まる観光地としては、そのポテンシャルを活かしきれていない。</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p>
            <a:pPr marL="108000" indent="-457200"/>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多くの観光客を受け入れるだけの観光拠点として、サービス施設やにぎわい施設、移動補助などが十分でない。</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p>
            <a:pPr marL="108000" indent="-457200"/>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p>
            <a:pPr marL="108000" indent="-457200"/>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天守閣入館者数</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p>
            <a:pPr marL="108000" indent="-457200"/>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　</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2013</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年度実績　約</a:t>
            </a:r>
            <a:r>
              <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155</a:t>
            </a:r>
            <a:r>
              <a:rPr lang="ja-JP" altLang="en-US" sz="1200" dirty="0" smtClean="0">
                <a:solidFill>
                  <a:schemeClr val="tx1"/>
                </a:solidFill>
                <a:latin typeface="ＭＳ Ｐ明朝" panose="02020600040205080304" pitchFamily="18" charset="-128"/>
                <a:ea typeface="ＭＳ Ｐ明朝" panose="02020600040205080304" pitchFamily="18" charset="-128"/>
                <a:cs typeface="Meiryo UI" pitchFamily="50" charset="-128"/>
              </a:rPr>
              <a:t>万人</a:t>
            </a:r>
            <a:endParaRPr lang="en-US" altLang="ja-JP" sz="1200" dirty="0" smtClean="0">
              <a:solidFill>
                <a:schemeClr val="tx1"/>
              </a:solidFill>
              <a:latin typeface="ＭＳ Ｐ明朝" panose="02020600040205080304" pitchFamily="18" charset="-128"/>
              <a:ea typeface="ＭＳ Ｐ明朝" panose="02020600040205080304" pitchFamily="18" charset="-128"/>
              <a:cs typeface="Meiryo UI" pitchFamily="50" charset="-128"/>
            </a:endParaRPr>
          </a:p>
          <a:p>
            <a:endParaRPr lang="en-US" altLang="ja-JP" sz="1200" dirty="0" smtClean="0">
              <a:solidFill>
                <a:schemeClr val="tx1"/>
              </a:solidFill>
              <a:latin typeface="+mn-ea"/>
              <a:cs typeface="Meiryo UI" pitchFamily="50" charset="-128"/>
            </a:endParaRPr>
          </a:p>
        </p:txBody>
      </p:sp>
      <p:sp>
        <p:nvSpPr>
          <p:cNvPr id="30" name="正方形/長方形 29"/>
          <p:cNvSpPr/>
          <p:nvPr/>
        </p:nvSpPr>
        <p:spPr>
          <a:xfrm>
            <a:off x="6864529" y="601367"/>
            <a:ext cx="2847000" cy="248400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100" dirty="0" smtClean="0">
              <a:solidFill>
                <a:schemeClr val="tx1"/>
              </a:solidFill>
              <a:latin typeface="+mn-ea"/>
            </a:endParaRPr>
          </a:p>
          <a:p>
            <a:pPr>
              <a:lnSpc>
                <a:spcPts val="1000"/>
              </a:lnSpc>
            </a:pPr>
            <a:endParaRPr lang="en-US" altLang="ja-JP" sz="1100" dirty="0">
              <a:solidFill>
                <a:schemeClr val="tx1"/>
              </a:solidFill>
              <a:latin typeface="+mn-ea"/>
            </a:endParaRPr>
          </a:p>
          <a:p>
            <a:pPr marL="216000" indent="-180000"/>
            <a:r>
              <a:rPr lang="en-US" altLang="ja-JP" sz="11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取り組みの方向性</a:t>
            </a:r>
            <a:r>
              <a:rPr lang="en-US" altLang="ja-JP" sz="1100" dirty="0" smtClean="0">
                <a:solidFill>
                  <a:schemeClr val="tx1"/>
                </a:solidFill>
                <a:latin typeface="ＭＳ Ｐゴシック" panose="020B0600070205080204" pitchFamily="50" charset="-128"/>
                <a:ea typeface="ＭＳ Ｐゴシック" panose="020B0600070205080204" pitchFamily="50" charset="-128"/>
              </a:rPr>
              <a:t>】</a:t>
            </a:r>
          </a:p>
          <a:p>
            <a:pPr marL="216000" lvl="0" indent="-180000">
              <a:buFont typeface="Wingdings" pitchFamily="2" charset="2"/>
              <a:buChar char="l"/>
            </a:pPr>
            <a:r>
              <a:rPr lang="ja-JP" altLang="en-US" sz="1100" dirty="0" smtClean="0">
                <a:solidFill>
                  <a:schemeClr val="tx1"/>
                </a:solidFill>
                <a:latin typeface="ＭＳ Ｐ明朝" panose="02020600040205080304" pitchFamily="18" charset="-128"/>
                <a:ea typeface="ＭＳ Ｐ明朝" panose="02020600040205080304" pitchFamily="18" charset="-128"/>
              </a:rPr>
              <a:t>民間活力（資金）の導入により、既存施設の改修・改築や、魅力的な賑わい施設を整備し、観光客や公園利用者が満足できる公園としていく。</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marL="216000" lvl="0" indent="-180000">
              <a:buFont typeface="Wingdings" pitchFamily="2" charset="2"/>
              <a:buChar char="l"/>
            </a:pPr>
            <a:r>
              <a:rPr lang="ja-JP" altLang="en-US" sz="1100" dirty="0" smtClean="0">
                <a:solidFill>
                  <a:schemeClr val="tx1"/>
                </a:solidFill>
                <a:latin typeface="ＭＳ Ｐ明朝" panose="02020600040205080304" pitchFamily="18" charset="-128"/>
                <a:ea typeface="ＭＳ Ｐ明朝" panose="02020600040205080304" pitchFamily="18" charset="-128"/>
              </a:rPr>
              <a:t>ＰＭＯ事業者の事業実施により収益を生み出し、その収益を公園全体の管理へ還元し、市が支出する業務代行料に依らない、独立した管理運営を行う。</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marL="216000" lvl="0" indent="-180000">
              <a:buFont typeface="Wingdings" pitchFamily="2" charset="2"/>
              <a:buChar char="l"/>
            </a:pPr>
            <a:r>
              <a:rPr lang="ja-JP" altLang="en-US" sz="1100" dirty="0" smtClean="0">
                <a:solidFill>
                  <a:schemeClr val="tx1"/>
                </a:solidFill>
                <a:latin typeface="ＭＳ Ｐ明朝" panose="02020600040205080304" pitchFamily="18" charset="-128"/>
                <a:ea typeface="ＭＳ Ｐ明朝" panose="02020600040205080304" pitchFamily="18" charset="-128"/>
              </a:rPr>
              <a:t>収益の一部を市への納付金として還元させる。</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p:txBody>
      </p:sp>
      <p:sp>
        <p:nvSpPr>
          <p:cNvPr id="31" name="正方形/長方形 30"/>
          <p:cNvSpPr/>
          <p:nvPr/>
        </p:nvSpPr>
        <p:spPr>
          <a:xfrm>
            <a:off x="3475953" y="600975"/>
            <a:ext cx="3159000" cy="5943132"/>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200" dirty="0" smtClean="0">
              <a:solidFill>
                <a:schemeClr val="tx1"/>
              </a:solidFill>
              <a:latin typeface="+mn-ea"/>
            </a:endParaRPr>
          </a:p>
          <a:p>
            <a:endParaRPr lang="en-US" altLang="ja-JP" sz="1200" dirty="0" smtClean="0">
              <a:solidFill>
                <a:schemeClr val="tx1"/>
              </a:solidFill>
              <a:latin typeface="+mn-ea"/>
            </a:endParaRPr>
          </a:p>
          <a:p>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大阪城公園パークマネジメント事業</a:t>
            </a:r>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p>
          <a:p>
            <a:pPr>
              <a:lnSpc>
                <a:spcPts val="500"/>
              </a:lnSpc>
            </a:pPr>
            <a:endParaRPr lang="en-US" altLang="ja-JP" sz="1200" dirty="0" smtClean="0">
              <a:solidFill>
                <a:schemeClr val="tx1"/>
              </a:solidFill>
              <a:latin typeface="+mn-ea"/>
            </a:endParaRPr>
          </a:p>
          <a:p>
            <a:pPr marL="72000" indent="-144000"/>
            <a:r>
              <a:rPr lang="ja-JP" altLang="en-US" sz="1200" dirty="0" smtClean="0">
                <a:solidFill>
                  <a:schemeClr val="tx1"/>
                </a:solidFill>
                <a:latin typeface="ＭＳ Ｐ明朝" panose="02020600040205080304" pitchFamily="18" charset="-128"/>
                <a:ea typeface="ＭＳ Ｐ明朝" panose="02020600040205080304" pitchFamily="18" charset="-128"/>
              </a:rPr>
              <a:t>・民間事業者によるパークマネジメント事業（ＰＭＯ事業）を導入し、新たな魅力ある施設整備や事業実施によりにぎわいを創出する。</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72000" indent="-144000">
              <a:lnSpc>
                <a:spcPts val="500"/>
              </a:lnSpc>
            </a:pP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72000" indent="-144000"/>
            <a:r>
              <a:rPr lang="ja-JP" altLang="en-US" sz="1200" dirty="0" smtClean="0">
                <a:solidFill>
                  <a:schemeClr val="tx1"/>
                </a:solidFill>
                <a:latin typeface="ＭＳ Ｐ明朝" panose="02020600040205080304" pitchFamily="18" charset="-128"/>
                <a:ea typeface="ＭＳ Ｐ明朝" panose="02020600040205080304" pitchFamily="18" charset="-128"/>
              </a:rPr>
              <a:t>・公園や公園施設について指定管理者として管理運営を行いながら、既存施設の改修・改築や新たな施設の整備、魅力ある事業を実施する。</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a:lnSpc>
                <a:spcPts val="1700"/>
              </a:lnSpc>
            </a:pPr>
            <a:endParaRPr lang="en-US" altLang="ja-JP" sz="1200" dirty="0" smtClean="0">
              <a:solidFill>
                <a:schemeClr val="tx1"/>
              </a:solidFill>
              <a:latin typeface="+mn-ea"/>
            </a:endParaRPr>
          </a:p>
          <a:p>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ＰＭＯで実施する魅力向上事業</a:t>
            </a:r>
            <a:r>
              <a:rPr lang="en-US" altLang="ja-JP" sz="1200" dirty="0" smtClean="0">
                <a:solidFill>
                  <a:schemeClr val="tx1"/>
                </a:solidFill>
                <a:latin typeface="ＭＳ Ｐゴシック" panose="020B0600070205080204" pitchFamily="50" charset="-128"/>
                <a:ea typeface="ＭＳ Ｐゴシック" panose="020B0600070205080204" pitchFamily="50" charset="-128"/>
              </a:rPr>
              <a:t>】</a:t>
            </a:r>
          </a:p>
          <a:p>
            <a:pPr>
              <a:lnSpc>
                <a:spcPts val="500"/>
              </a:lnSpc>
            </a:pPr>
            <a:endParaRPr lang="en-US" altLang="ja-JP" sz="1200" dirty="0" smtClean="0">
              <a:solidFill>
                <a:schemeClr val="tx1"/>
              </a:solidFill>
              <a:latin typeface="+mn-ea"/>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既存施設の活用</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　　もと博物館、迎賓館、売店等</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a:lnSpc>
                <a:spcPts val="500"/>
              </a:lnSpc>
            </a:pP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新規施設の整備</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　　大阪城公園駅前、森ノ宮駅前</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a:lnSpc>
                <a:spcPts val="500"/>
              </a:lnSpc>
            </a:pP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r>
              <a:rPr lang="ja-JP" altLang="en-US" sz="1200" dirty="0" smtClean="0">
                <a:solidFill>
                  <a:schemeClr val="tx1"/>
                </a:solidFill>
                <a:latin typeface="ＭＳ Ｐ明朝" panose="02020600040205080304" pitchFamily="18" charset="-128"/>
                <a:ea typeface="ＭＳ Ｐ明朝" panose="02020600040205080304" pitchFamily="18" charset="-128"/>
              </a:rPr>
              <a:t>・園内交通の整備</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216000" indent="-457200"/>
            <a:r>
              <a:rPr lang="ja-JP" altLang="en-US" sz="1200" dirty="0" smtClean="0">
                <a:solidFill>
                  <a:schemeClr val="tx1"/>
                </a:solidFill>
                <a:latin typeface="ＭＳ Ｐ明朝" panose="02020600040205080304" pitchFamily="18" charset="-128"/>
                <a:ea typeface="ＭＳ Ｐ明朝" panose="02020600040205080304" pitchFamily="18" charset="-128"/>
              </a:rPr>
              <a:t>　　園内を巡る周遊バス、周辺駅からのシャトルバス</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216000" indent="-457200">
              <a:lnSpc>
                <a:spcPts val="500"/>
              </a:lnSpc>
            </a:pP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216000" indent="-457200"/>
            <a:r>
              <a:rPr lang="ja-JP" altLang="en-US" sz="1200" dirty="0" smtClean="0">
                <a:solidFill>
                  <a:schemeClr val="tx1"/>
                </a:solidFill>
                <a:latin typeface="ＭＳ Ｐ明朝" panose="02020600040205080304" pitchFamily="18" charset="-128"/>
                <a:ea typeface="ＭＳ Ｐ明朝" panose="02020600040205080304" pitchFamily="18" charset="-128"/>
              </a:rPr>
              <a:t>・集客イベントの実施</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216000" indent="-457200"/>
            <a:r>
              <a:rPr lang="ja-JP" altLang="en-US" sz="1200" dirty="0" smtClean="0">
                <a:solidFill>
                  <a:schemeClr val="tx1"/>
                </a:solidFill>
                <a:latin typeface="ＭＳ Ｐ明朝" panose="02020600040205080304" pitchFamily="18" charset="-128"/>
                <a:ea typeface="ＭＳ Ｐ明朝" panose="02020600040205080304" pitchFamily="18" charset="-128"/>
              </a:rPr>
              <a:t>　　西の丸庭園、本丸広場、太陽の広場</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endParaRPr lang="en-US" altLang="ja-JP" sz="1200" dirty="0" smtClean="0">
              <a:solidFill>
                <a:schemeClr val="tx1"/>
              </a:solidFill>
              <a:latin typeface="ＭＳ Ｐ明朝" panose="02020600040205080304" pitchFamily="18" charset="-128"/>
              <a:ea typeface="ＭＳ Ｐ明朝" panose="02020600040205080304" pitchFamily="18" charset="-128"/>
            </a:endParaRPr>
          </a:p>
        </p:txBody>
      </p:sp>
      <p:sp>
        <p:nvSpPr>
          <p:cNvPr id="32" name="右矢印 31"/>
          <p:cNvSpPr/>
          <p:nvPr/>
        </p:nvSpPr>
        <p:spPr>
          <a:xfrm>
            <a:off x="3129646" y="3625706"/>
            <a:ext cx="320136" cy="1170107"/>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正方形/長方形 33"/>
          <p:cNvSpPr/>
          <p:nvPr/>
        </p:nvSpPr>
        <p:spPr>
          <a:xfrm>
            <a:off x="194471" y="601367"/>
            <a:ext cx="1365000" cy="3600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600" b="1" dirty="0" smtClean="0">
                <a:latin typeface="ＭＳ Ｐゴシック" panose="020B0600070205080204" pitchFamily="50" charset="-128"/>
                <a:ea typeface="ＭＳ Ｐゴシック" panose="020B0600070205080204" pitchFamily="50" charset="-128"/>
              </a:rPr>
              <a:t>現状・課題</a:t>
            </a:r>
            <a:endParaRPr kumimoji="1" lang="ja-JP" altLang="en-US" sz="1600" b="1" dirty="0">
              <a:latin typeface="ＭＳ Ｐゴシック" panose="020B0600070205080204" pitchFamily="50" charset="-128"/>
              <a:ea typeface="ＭＳ Ｐゴシック" panose="020B0600070205080204" pitchFamily="50" charset="-128"/>
            </a:endParaRPr>
          </a:p>
        </p:txBody>
      </p:sp>
      <p:sp>
        <p:nvSpPr>
          <p:cNvPr id="38" name="正方形/長方形 37"/>
          <p:cNvSpPr/>
          <p:nvPr/>
        </p:nvSpPr>
        <p:spPr>
          <a:xfrm>
            <a:off x="6864527" y="601367"/>
            <a:ext cx="1755000"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latin typeface="ＭＳ Ｐゴシック" panose="020B0600070205080204" pitchFamily="50" charset="-128"/>
                <a:ea typeface="ＭＳ Ｐゴシック" panose="020B0600070205080204" pitchFamily="50" charset="-128"/>
              </a:rPr>
              <a:t>改革方針</a:t>
            </a:r>
            <a:endParaRPr kumimoji="1" lang="ja-JP" altLang="en-US" sz="1200" b="1" dirty="0">
              <a:latin typeface="ＭＳ Ｐゴシック" panose="020B0600070205080204" pitchFamily="50" charset="-128"/>
              <a:ea typeface="ＭＳ Ｐゴシック" panose="020B0600070205080204" pitchFamily="50" charset="-128"/>
            </a:endParaRPr>
          </a:p>
        </p:txBody>
      </p:sp>
      <p:sp>
        <p:nvSpPr>
          <p:cNvPr id="39" name="正方形/長方形 38"/>
          <p:cNvSpPr/>
          <p:nvPr/>
        </p:nvSpPr>
        <p:spPr>
          <a:xfrm>
            <a:off x="3481155" y="601367"/>
            <a:ext cx="1365000" cy="3600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b="1" dirty="0" smtClean="0">
                <a:latin typeface="ＭＳ Ｐゴシック" panose="020B0600070205080204" pitchFamily="50" charset="-128"/>
                <a:ea typeface="ＭＳ Ｐゴシック" panose="020B0600070205080204" pitchFamily="50" charset="-128"/>
              </a:rPr>
              <a:t>将来像</a:t>
            </a:r>
            <a:endParaRPr kumimoji="1" lang="ja-JP" altLang="en-US" sz="1600" b="1" dirty="0">
              <a:latin typeface="ＭＳ Ｐゴシック" panose="020B0600070205080204" pitchFamily="50" charset="-128"/>
              <a:ea typeface="ＭＳ Ｐゴシック" panose="020B0600070205080204" pitchFamily="50" charset="-128"/>
            </a:endParaRPr>
          </a:p>
        </p:txBody>
      </p:sp>
      <p:sp>
        <p:nvSpPr>
          <p:cNvPr id="37" name="正方形/長方形 36"/>
          <p:cNvSpPr/>
          <p:nvPr/>
        </p:nvSpPr>
        <p:spPr>
          <a:xfrm>
            <a:off x="6864527" y="3193999"/>
            <a:ext cx="1755000" cy="288032"/>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latin typeface="ＭＳ Ｐゴシック" panose="020B0600070205080204" pitchFamily="50" charset="-128"/>
                <a:ea typeface="ＭＳ Ｐゴシック" panose="020B0600070205080204" pitchFamily="50" charset="-128"/>
              </a:rPr>
              <a:t>これまでの取り組み</a:t>
            </a:r>
            <a:endParaRPr kumimoji="1" lang="ja-JP" altLang="en-US" sz="1200" b="1" dirty="0">
              <a:latin typeface="ＭＳ Ｐゴシック" panose="020B0600070205080204" pitchFamily="50" charset="-128"/>
              <a:ea typeface="ＭＳ Ｐゴシック" panose="020B0600070205080204" pitchFamily="50" charset="-128"/>
            </a:endParaRPr>
          </a:p>
        </p:txBody>
      </p:sp>
      <p:sp>
        <p:nvSpPr>
          <p:cNvPr id="16" name="正方形/長方形 15"/>
          <p:cNvSpPr/>
          <p:nvPr/>
        </p:nvSpPr>
        <p:spPr>
          <a:xfrm>
            <a:off x="6864528" y="3193998"/>
            <a:ext cx="2847000" cy="3359201"/>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100" dirty="0" smtClean="0">
              <a:solidFill>
                <a:schemeClr val="tx1"/>
              </a:solidFill>
              <a:latin typeface="+mn-ea"/>
            </a:endParaRPr>
          </a:p>
          <a:p>
            <a:pPr>
              <a:lnSpc>
                <a:spcPts val="1000"/>
              </a:lnSpc>
            </a:pPr>
            <a:endParaRPr lang="en-US" altLang="ja-JP" sz="1100" dirty="0" smtClean="0">
              <a:solidFill>
                <a:schemeClr val="tx1"/>
              </a:solidFill>
              <a:latin typeface="+mn-ea"/>
            </a:endParaRPr>
          </a:p>
          <a:p>
            <a:r>
              <a:rPr lang="en-US" altLang="ja-JP" sz="11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事業導入に向けた事前事業提案</a:t>
            </a:r>
            <a:r>
              <a:rPr lang="en-US" altLang="ja-JP" sz="1100" dirty="0" smtClean="0">
                <a:solidFill>
                  <a:schemeClr val="tx1"/>
                </a:solidFill>
                <a:latin typeface="ＭＳ Ｐゴシック" panose="020B0600070205080204" pitchFamily="50" charset="-128"/>
                <a:ea typeface="ＭＳ Ｐゴシック" panose="020B0600070205080204" pitchFamily="50" charset="-128"/>
              </a:rPr>
              <a:t>】</a:t>
            </a:r>
          </a:p>
          <a:p>
            <a:pPr marL="216000" lvl="0" indent="-180000">
              <a:buFont typeface="Wingdings" pitchFamily="2" charset="2"/>
              <a:buChar char="l"/>
            </a:pPr>
            <a:r>
              <a:rPr lang="ja-JP" altLang="en-US" sz="1100" dirty="0" smtClean="0">
                <a:solidFill>
                  <a:schemeClr val="tx1"/>
                </a:solidFill>
                <a:latin typeface="ＭＳ Ｐ明朝" panose="02020600040205080304" pitchFamily="18" charset="-128"/>
                <a:ea typeface="ＭＳ Ｐ明朝" panose="02020600040205080304" pitchFamily="18" charset="-128"/>
              </a:rPr>
              <a:t>ＰＭＯ事業の導入に先駆けて、</a:t>
            </a:r>
            <a:r>
              <a:rPr lang="ja-JP" altLang="ja-JP" sz="1100" dirty="0" smtClean="0">
                <a:solidFill>
                  <a:schemeClr val="tx1"/>
                </a:solidFill>
                <a:latin typeface="ＭＳ Ｐ明朝" panose="02020600040205080304" pitchFamily="18" charset="-128"/>
                <a:ea typeface="ＭＳ Ｐ明朝" panose="02020600040205080304" pitchFamily="18" charset="-128"/>
              </a:rPr>
              <a:t>関係法令に沿って設置可能な施設及び実施可能な事業を把握するために関係省庁との事前協議を行う</a:t>
            </a:r>
            <a:r>
              <a:rPr lang="ja-JP" altLang="en-US" sz="1100" dirty="0" smtClean="0">
                <a:solidFill>
                  <a:schemeClr val="tx1"/>
                </a:solidFill>
                <a:latin typeface="ＭＳ Ｐ明朝" panose="02020600040205080304" pitchFamily="18" charset="-128"/>
                <a:ea typeface="ＭＳ Ｐ明朝" panose="02020600040205080304" pitchFamily="18" charset="-128"/>
              </a:rPr>
              <a:t>ことと</a:t>
            </a:r>
            <a:r>
              <a:rPr lang="ja-JP" altLang="ja-JP" sz="1100" dirty="0" smtClean="0">
                <a:solidFill>
                  <a:schemeClr val="tx1"/>
                </a:solidFill>
                <a:latin typeface="ＭＳ Ｐ明朝" panose="02020600040205080304" pitchFamily="18" charset="-128"/>
                <a:ea typeface="ＭＳ Ｐ明朝" panose="02020600040205080304" pitchFamily="18" charset="-128"/>
              </a:rPr>
              <a:t>、民間事業者のＰＭＯ事業への参画意向や事業ニーズを把握することを目的として</a:t>
            </a:r>
            <a:r>
              <a:rPr lang="ja-JP" altLang="en-US" sz="1100" dirty="0" smtClean="0">
                <a:solidFill>
                  <a:schemeClr val="tx1"/>
                </a:solidFill>
                <a:latin typeface="ＭＳ Ｐ明朝" panose="02020600040205080304" pitchFamily="18" charset="-128"/>
                <a:ea typeface="ＭＳ Ｐ明朝" panose="02020600040205080304" pitchFamily="18" charset="-128"/>
              </a:rPr>
              <a:t>、事前事業提案募集を行った。</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marL="216000" lvl="0" indent="-180000">
              <a:buFont typeface="Wingdings" pitchFamily="2" charset="2"/>
              <a:buChar char="l"/>
            </a:pPr>
            <a:r>
              <a:rPr lang="en-US" altLang="ja-JP" sz="1100" dirty="0" smtClean="0">
                <a:solidFill>
                  <a:schemeClr val="tx1"/>
                </a:solidFill>
                <a:latin typeface="ＭＳ Ｐ明朝" panose="02020600040205080304" pitchFamily="18" charset="-128"/>
                <a:ea typeface="ＭＳ Ｐ明朝" panose="02020600040205080304" pitchFamily="18" charset="-128"/>
              </a:rPr>
              <a:t>3</a:t>
            </a:r>
            <a:r>
              <a:rPr lang="ja-JP" altLang="en-US" sz="1100" dirty="0" smtClean="0">
                <a:solidFill>
                  <a:schemeClr val="tx1"/>
                </a:solidFill>
                <a:latin typeface="ＭＳ Ｐ明朝" panose="02020600040205080304" pitchFamily="18" charset="-128"/>
                <a:ea typeface="ＭＳ Ｐ明朝" panose="02020600040205080304" pitchFamily="18" charset="-128"/>
              </a:rPr>
              <a:t>者から提案があり、事業者ヒアリング、関係機関と協議の結果を事業募集に反映させた。</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marL="216000" lvl="0" indent="-180000">
              <a:lnSpc>
                <a:spcPts val="800"/>
              </a:lnSpc>
            </a:pPr>
            <a:endParaRPr lang="en-US" altLang="ja-JP" sz="1100" dirty="0" smtClean="0">
              <a:solidFill>
                <a:schemeClr val="tx1"/>
              </a:solidFill>
              <a:latin typeface="+mn-ea"/>
            </a:endParaRPr>
          </a:p>
          <a:p>
            <a:pPr lvl="0"/>
            <a:r>
              <a:rPr lang="en-US" altLang="ja-JP" sz="11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魅力を活かした新たなイベントの展開</a:t>
            </a:r>
            <a:r>
              <a:rPr lang="en-US" altLang="ja-JP" sz="1100" dirty="0" smtClean="0">
                <a:solidFill>
                  <a:schemeClr val="tx1"/>
                </a:solidFill>
                <a:latin typeface="ＭＳ Ｐゴシック" panose="020B0600070205080204" pitchFamily="50" charset="-128"/>
                <a:ea typeface="ＭＳ Ｐゴシック" panose="020B0600070205080204" pitchFamily="50" charset="-128"/>
              </a:rPr>
              <a:t>】</a:t>
            </a:r>
          </a:p>
          <a:p>
            <a:pPr marL="216000" lvl="0" indent="-180000">
              <a:buFont typeface="Wingdings" pitchFamily="2" charset="2"/>
              <a:buChar char="l"/>
            </a:pPr>
            <a:r>
              <a:rPr lang="ja-JP" altLang="en-US" sz="1100" dirty="0" smtClean="0">
                <a:solidFill>
                  <a:schemeClr val="tx1"/>
                </a:solidFill>
                <a:latin typeface="ＭＳ Ｐ明朝" panose="02020600040205080304" pitchFamily="18" charset="-128"/>
                <a:ea typeface="ＭＳ Ｐ明朝" panose="02020600040205080304" pitchFamily="18" charset="-128"/>
              </a:rPr>
              <a:t>西の丸庭園等において、民間の活力を活用して、モトクロスや</a:t>
            </a:r>
            <a:r>
              <a:rPr lang="en-US" altLang="ja-JP" sz="1100" dirty="0" smtClean="0">
                <a:solidFill>
                  <a:schemeClr val="tx1"/>
                </a:solidFill>
                <a:latin typeface="ＭＳ Ｐ明朝" panose="02020600040205080304" pitchFamily="18" charset="-128"/>
                <a:ea typeface="ＭＳ Ｐ明朝" panose="02020600040205080304" pitchFamily="18" charset="-128"/>
              </a:rPr>
              <a:t>3</a:t>
            </a:r>
            <a:r>
              <a:rPr lang="ja-JP" altLang="en-US" sz="1100" dirty="0" smtClean="0">
                <a:solidFill>
                  <a:schemeClr val="tx1"/>
                </a:solidFill>
                <a:latin typeface="ＭＳ Ｐ明朝" panose="02020600040205080304" pitchFamily="18" charset="-128"/>
                <a:ea typeface="ＭＳ Ｐ明朝" panose="02020600040205080304" pitchFamily="18" charset="-128"/>
              </a:rPr>
              <a:t>Ｄマッピングスーパーイルミネーションショーを展開</a:t>
            </a:r>
            <a:endParaRPr lang="en-US" altLang="ja-JP" sz="1100" dirty="0" smtClean="0">
              <a:solidFill>
                <a:schemeClr val="tx1"/>
              </a:solidFill>
              <a:latin typeface="ＭＳ Ｐ明朝" panose="02020600040205080304" pitchFamily="18" charset="-128"/>
              <a:ea typeface="ＭＳ Ｐ明朝" panose="02020600040205080304" pitchFamily="18" charset="-128"/>
            </a:endParaRPr>
          </a:p>
          <a:p>
            <a:pPr marL="216000" lvl="0" indent="-180000">
              <a:buFont typeface="Wingdings" pitchFamily="2" charset="2"/>
              <a:buChar char="l"/>
            </a:pPr>
            <a:endParaRPr lang="en-US" altLang="ja-JP" sz="1100" dirty="0" smtClean="0">
              <a:solidFill>
                <a:schemeClr val="tx1"/>
              </a:solidFill>
              <a:latin typeface="+mn-ea"/>
            </a:endParaRPr>
          </a:p>
        </p:txBody>
      </p:sp>
      <p:sp>
        <p:nvSpPr>
          <p:cNvPr id="17" name="Rectangle 2"/>
          <p:cNvSpPr txBox="1">
            <a:spLocks noChangeArrowheads="1"/>
          </p:cNvSpPr>
          <p:nvPr/>
        </p:nvSpPr>
        <p:spPr bwMode="auto">
          <a:xfrm>
            <a:off x="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③　既存</a:t>
            </a:r>
            <a:r>
              <a:rPr lang="ja-JP" altLang="en-US" sz="2000" b="1" dirty="0">
                <a:solidFill>
                  <a:schemeClr val="bg1"/>
                </a:solidFill>
                <a:latin typeface="ＭＳ ゴシック" pitchFamily="49" charset="-128"/>
                <a:ea typeface="ＭＳ ゴシック" pitchFamily="49" charset="-128"/>
              </a:rPr>
              <a:t>の観光資源に新たな魅力を</a:t>
            </a:r>
            <a:r>
              <a:rPr lang="ja-JP" altLang="en-US" sz="2000" b="1" dirty="0" smtClean="0">
                <a:solidFill>
                  <a:schemeClr val="bg1"/>
                </a:solidFill>
                <a:latin typeface="ＭＳ ゴシック" pitchFamily="49" charset="-128"/>
                <a:ea typeface="ＭＳ ゴシック" pitchFamily="49" charset="-128"/>
              </a:rPr>
              <a:t>付加　～大阪城公園の魅力向上～</a:t>
            </a:r>
            <a:endParaRPr lang="en-US" altLang="ja-JP" sz="2000" b="1" dirty="0" smtClean="0">
              <a:solidFill>
                <a:schemeClr val="bg1"/>
              </a:solidFill>
              <a:latin typeface="ＭＳ ゴシック" pitchFamily="49" charset="-128"/>
              <a:ea typeface="ＭＳ ゴシック" pitchFamily="49" charset="-128"/>
            </a:endParaRPr>
          </a:p>
        </p:txBody>
      </p:sp>
      <p:sp>
        <p:nvSpPr>
          <p:cNvPr id="20" name="スライド番号プレースホルダ 19"/>
          <p:cNvSpPr>
            <a:spLocks noGrp="1"/>
          </p:cNvSpPr>
          <p:nvPr>
            <p:ph type="sldNum" sz="quarter" idx="12"/>
          </p:nvPr>
        </p:nvSpPr>
        <p:spPr/>
        <p:txBody>
          <a:bodyPr/>
          <a:lstStyle/>
          <a:p>
            <a:fld id="{37EF5067-3AB7-4642-9103-42CBD40CC6D9}" type="slidenum">
              <a:rPr kumimoji="1" lang="ja-JP" altLang="en-US" smtClean="0"/>
              <a:pPr/>
              <a:t>62</a:t>
            </a:fld>
            <a:endParaRPr kumimoji="1" lang="ja-JP" altLang="en-US" dirty="0"/>
          </a:p>
        </p:txBody>
      </p:sp>
      <p:pic>
        <p:nvPicPr>
          <p:cNvPr id="126978" name="Picture 2"/>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227627" y="3871091"/>
            <a:ext cx="2773363" cy="20050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49240434"/>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2838450" y="782004"/>
            <a:ext cx="7021336" cy="6037896"/>
          </a:xfrm>
          <a:prstGeom prst="rect">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65306" tIns="32653" rIns="36000" bIns="32653" rtlCol="0" anchor="t"/>
          <a:lstStyle/>
          <a:p>
            <a:pPr marL="182563" indent="-182563">
              <a:spcBef>
                <a:spcPts val="300"/>
              </a:spcBef>
            </a:pPr>
            <a:r>
              <a:rPr lang="ja-JP" altLang="en-US" sz="1200" dirty="0">
                <a:solidFill>
                  <a:schemeClr val="tx1"/>
                </a:solidFill>
                <a:latin typeface="ＭＳ Ｐゴシック" panose="020B0600070205080204" pitchFamily="50" charset="-128"/>
                <a:ea typeface="ＭＳ Ｐゴシック" panose="020B0600070205080204" pitchFamily="50" charset="-128"/>
              </a:rPr>
              <a:t> </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pPr marL="182563" indent="-182563">
              <a:spcBef>
                <a:spcPts val="300"/>
              </a:spcBef>
            </a:pPr>
            <a:endParaRPr lang="en-US" altLang="ja-JP" sz="1200" dirty="0">
              <a:solidFill>
                <a:schemeClr val="tx1"/>
              </a:solidFill>
              <a:latin typeface="ＭＳ Ｐゴシック" panose="020B0600070205080204" pitchFamily="50" charset="-128"/>
              <a:ea typeface="ＭＳ Ｐゴシック" panose="020B0600070205080204" pitchFamily="50" charset="-128"/>
            </a:endParaRPr>
          </a:p>
          <a:p>
            <a:pPr marL="182563" indent="-182563">
              <a:spcBef>
                <a:spcPts val="300"/>
              </a:spcBef>
            </a:pPr>
            <a:endParaRPr lang="en-US" altLang="ja-JP" sz="1200" dirty="0" smtClean="0">
              <a:solidFill>
                <a:schemeClr val="tx1"/>
              </a:solidFill>
              <a:latin typeface="ＭＳ Ｐゴシック" panose="020B0600070205080204" pitchFamily="50" charset="-128"/>
              <a:ea typeface="ＭＳ Ｐゴシック" panose="020B0600070205080204" pitchFamily="50" charset="-128"/>
            </a:endParaRPr>
          </a:p>
          <a:p>
            <a:pPr marL="182563" indent="-182563">
              <a:spcBef>
                <a:spcPts val="300"/>
              </a:spcBef>
            </a:pPr>
            <a:endParaRPr lang="en-US" altLang="ja-JP" sz="1200" dirty="0">
              <a:solidFill>
                <a:schemeClr val="tx1"/>
              </a:solidFill>
              <a:latin typeface="ＭＳ Ｐゴシック" panose="020B0600070205080204" pitchFamily="50" charset="-128"/>
              <a:ea typeface="ＭＳ Ｐゴシック" panose="020B0600070205080204" pitchFamily="50" charset="-128"/>
            </a:endParaRPr>
          </a:p>
          <a:p>
            <a:pPr marL="182563" indent="-182563">
              <a:spcBef>
                <a:spcPts val="300"/>
              </a:spcBef>
            </a:pPr>
            <a:r>
              <a:rPr lang="ja-JP" altLang="en-US" sz="1200" dirty="0">
                <a:solidFill>
                  <a:schemeClr val="tx1"/>
                </a:solidFill>
                <a:latin typeface="ＭＳ Ｐゴシック" panose="020B0600070205080204" pitchFamily="50" charset="-128"/>
                <a:ea typeface="ＭＳ Ｐゴシック" panose="020B060007020508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rPr>
              <a:t>　　　　　　　　　　　　　　　　　　　　　　　　　　　　　　　　　　　　　　　　　　　</a:t>
            </a:r>
            <a:endParaRPr lang="en-US" altLang="ja-JP" sz="1050" dirty="0">
              <a:solidFill>
                <a:schemeClr val="tx1"/>
              </a:solidFill>
              <a:latin typeface="ＭＳ Ｐゴシック" panose="020B0600070205080204" pitchFamily="50" charset="-128"/>
              <a:ea typeface="ＭＳ Ｐゴシック" panose="020B0600070205080204" pitchFamily="50" charset="-128"/>
            </a:endParaRPr>
          </a:p>
        </p:txBody>
      </p:sp>
      <p:sp>
        <p:nvSpPr>
          <p:cNvPr id="7" name="右矢印 6"/>
          <p:cNvSpPr/>
          <p:nvPr/>
        </p:nvSpPr>
        <p:spPr>
          <a:xfrm>
            <a:off x="2548001" y="1811655"/>
            <a:ext cx="216023" cy="1089037"/>
          </a:xfrm>
          <a:prstGeom prst="rightArrow">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lIns="65306" tIns="32653" rIns="65306" bIns="32653" rtlCol="0" anchor="ctr"/>
          <a:lstStyle/>
          <a:p>
            <a:pPr algn="ctr"/>
            <a:endParaRPr kumimoji="1" lang="ja-JP" altLang="en-US">
              <a:solidFill>
                <a:schemeClr val="tx1"/>
              </a:solidFill>
            </a:endParaRPr>
          </a:p>
        </p:txBody>
      </p:sp>
      <p:sp>
        <p:nvSpPr>
          <p:cNvPr id="5" name="正方形/長方形 4"/>
          <p:cNvSpPr/>
          <p:nvPr/>
        </p:nvSpPr>
        <p:spPr>
          <a:xfrm>
            <a:off x="118660" y="736284"/>
            <a:ext cx="2386068" cy="3725211"/>
          </a:xfrm>
          <a:prstGeom prst="rect">
            <a:avLst/>
          </a:prstGeom>
          <a:noFill/>
          <a:ln w="12700">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65306" tIns="32653" rIns="65306" bIns="32653" rtlCol="0" anchor="t"/>
          <a:lstStyle/>
          <a:p>
            <a:pPr marL="92075" indent="-92075">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京都・奈良、神戸などの周辺都市に比べ、都市の魅力が府民にも、府外にも認知されていない</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92075" indent="-92075">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水辺の美しい景観、歴史・文化の蓄積、町並み、歴史的建造物など、大阪の既存の都市魅力を内外に強く発信する仕組みが必要</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a:p>
            <a:pPr marL="92075" indent="-92075">
              <a:spcBef>
                <a:spcPts val="600"/>
              </a:spcBef>
            </a:pPr>
            <a:endParaRPr lang="en-US" altLang="ja-JP" sz="1200" dirty="0">
              <a:solidFill>
                <a:schemeClr val="tx1"/>
              </a:solidFill>
            </a:endParaRPr>
          </a:p>
          <a:p>
            <a:pPr marL="92075" indent="-92075">
              <a:spcBef>
                <a:spcPts val="600"/>
              </a:spcBef>
            </a:pPr>
            <a:endParaRPr lang="en-US" altLang="ja-JP" sz="1200" dirty="0" smtClean="0">
              <a:solidFill>
                <a:schemeClr val="tx1"/>
              </a:solidFill>
            </a:endParaRPr>
          </a:p>
          <a:p>
            <a:pPr marL="92075" indent="-92075">
              <a:spcBef>
                <a:spcPts val="600"/>
              </a:spcBef>
            </a:pPr>
            <a:endParaRPr lang="en-US" altLang="ja-JP" sz="1200" dirty="0">
              <a:solidFill>
                <a:schemeClr val="tx1"/>
              </a:solidFill>
            </a:endParaRPr>
          </a:p>
          <a:p>
            <a:pPr marL="92075" indent="-92075">
              <a:spcBef>
                <a:spcPts val="600"/>
              </a:spcBef>
            </a:pPr>
            <a:endParaRPr lang="en-US" altLang="ja-JP" sz="1200" dirty="0">
              <a:solidFill>
                <a:schemeClr val="tx1"/>
              </a:solidFill>
            </a:endParaRPr>
          </a:p>
          <a:p>
            <a:pPr marL="92075" indent="-92075">
              <a:spcBef>
                <a:spcPts val="600"/>
              </a:spcBef>
            </a:pPr>
            <a:endParaRPr lang="en-US" altLang="ja-JP" sz="1200" dirty="0" smtClean="0">
              <a:solidFill>
                <a:schemeClr val="tx1"/>
              </a:solidFill>
            </a:endParaRPr>
          </a:p>
          <a:p>
            <a:pPr marL="92075" indent="-92075">
              <a:spcBef>
                <a:spcPts val="600"/>
              </a:spcBef>
            </a:pPr>
            <a:r>
              <a:rPr lang="ja-JP" altLang="en-US" sz="1200" dirty="0" smtClean="0">
                <a:solidFill>
                  <a:schemeClr val="tx1"/>
                </a:solidFill>
                <a:latin typeface="ＭＳ Ｐ明朝" panose="02020600040205080304" pitchFamily="18" charset="-128"/>
                <a:ea typeface="ＭＳ Ｐ明朝" panose="02020600040205080304" pitchFamily="18" charset="-128"/>
              </a:rPr>
              <a:t>・行政と民間の役割の考え方の整理が必要</a:t>
            </a:r>
            <a:endParaRPr lang="en-US" altLang="ja-JP" sz="1200" dirty="0" smtClean="0">
              <a:solidFill>
                <a:schemeClr val="tx1"/>
              </a:solidFill>
              <a:latin typeface="ＭＳ Ｐ明朝" panose="02020600040205080304" pitchFamily="18" charset="-128"/>
              <a:ea typeface="ＭＳ Ｐ明朝" panose="02020600040205080304" pitchFamily="18" charset="-128"/>
            </a:endParaRPr>
          </a:p>
        </p:txBody>
      </p:sp>
      <p:sp>
        <p:nvSpPr>
          <p:cNvPr id="10" name="Rectangle 2"/>
          <p:cNvSpPr txBox="1">
            <a:spLocks noChangeArrowheads="1"/>
          </p:cNvSpPr>
          <p:nvPr/>
        </p:nvSpPr>
        <p:spPr bwMode="auto">
          <a:xfrm>
            <a:off x="118660" y="478726"/>
            <a:ext cx="2386068" cy="257557"/>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ja-JP" altLang="en-US" sz="1200" dirty="0" smtClean="0">
                <a:solidFill>
                  <a:schemeClr val="bg1"/>
                </a:solidFill>
                <a:latin typeface="ＭＳ Ｐゴシック" panose="020B0600070205080204" pitchFamily="50" charset="-128"/>
                <a:ea typeface="ＭＳ Ｐゴシック" panose="020B0600070205080204" pitchFamily="50" charset="-128"/>
              </a:rPr>
              <a:t>課題</a:t>
            </a:r>
            <a:endParaRPr lang="en-US" altLang="ja-JP" sz="1200" dirty="0" smtClean="0">
              <a:solidFill>
                <a:schemeClr val="bg1"/>
              </a:solidFill>
              <a:latin typeface="ＭＳ Ｐゴシック" panose="020B0600070205080204" pitchFamily="50" charset="-128"/>
              <a:ea typeface="ＭＳ Ｐゴシック" panose="020B0600070205080204" pitchFamily="50" charset="-128"/>
            </a:endParaRPr>
          </a:p>
        </p:txBody>
      </p:sp>
      <p:sp>
        <p:nvSpPr>
          <p:cNvPr id="11" name="Rectangle 2"/>
          <p:cNvSpPr txBox="1">
            <a:spLocks noChangeArrowheads="1"/>
          </p:cNvSpPr>
          <p:nvPr/>
        </p:nvSpPr>
        <p:spPr bwMode="auto">
          <a:xfrm>
            <a:off x="2838450" y="478727"/>
            <a:ext cx="7043091" cy="257556"/>
          </a:xfrm>
          <a:prstGeom prst="rect">
            <a:avLst/>
          </a:prstGeom>
          <a:ln>
            <a:headEnd/>
            <a:tailEnd/>
          </a:ln>
          <a:effectLst/>
        </p:spPr>
        <p:style>
          <a:lnRef idx="1">
            <a:schemeClr val="dk1"/>
          </a:lnRef>
          <a:fillRef idx="3">
            <a:schemeClr val="dk1"/>
          </a:fillRef>
          <a:effectRef idx="2">
            <a:schemeClr val="dk1"/>
          </a:effectRef>
          <a:fontRef idx="minor">
            <a:schemeClr val="lt1"/>
          </a:fontRef>
        </p:style>
        <p:txBody>
          <a:bodyPr vert="horz" wrap="square" lIns="91428" tIns="45714" rIns="91428" bIns="45714" numCol="1" anchor="ctr" anchorCtr="0" compatLnSpc="1">
            <a:prstTxWarp prst="textNoShape">
              <a:avLst/>
            </a:prstTxWarp>
          </a:bodyPr>
          <a:lstStyle/>
          <a:p>
            <a:pPr algn="ctr"/>
            <a:r>
              <a:rPr lang="ja-JP" altLang="en-US" sz="1200" dirty="0" smtClean="0">
                <a:solidFill>
                  <a:schemeClr val="bg1"/>
                </a:solidFill>
                <a:latin typeface="ＭＳ Ｐゴシック" panose="020B0600070205080204" pitchFamily="50" charset="-128"/>
                <a:ea typeface="ＭＳ Ｐゴシック" panose="020B0600070205080204" pitchFamily="50" charset="-128"/>
              </a:rPr>
              <a:t>新たな取組み</a:t>
            </a:r>
            <a:endParaRPr lang="en-US" altLang="ja-JP" sz="1200" dirty="0" smtClean="0">
              <a:solidFill>
                <a:schemeClr val="bg1"/>
              </a:solidFill>
              <a:latin typeface="ＭＳ Ｐゴシック" panose="020B0600070205080204" pitchFamily="50" charset="-128"/>
              <a:ea typeface="ＭＳ Ｐゴシック" panose="020B0600070205080204" pitchFamily="50" charset="-128"/>
            </a:endParaRPr>
          </a:p>
        </p:txBody>
      </p:sp>
      <p:sp>
        <p:nvSpPr>
          <p:cNvPr id="9"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④　</a:t>
            </a:r>
            <a:r>
              <a:rPr lang="ja-JP" altLang="en-US" sz="2000" b="1" dirty="0">
                <a:solidFill>
                  <a:schemeClr val="bg1"/>
                </a:solidFill>
                <a:latin typeface="ＭＳ ゴシック" pitchFamily="49" charset="-128"/>
                <a:ea typeface="ＭＳ ゴシック" pitchFamily="49" charset="-128"/>
              </a:rPr>
              <a:t>大阪府域全体を「ミュージアム」に見立て、内外に</a:t>
            </a:r>
            <a:r>
              <a:rPr lang="ja-JP" altLang="en-US" sz="2000" b="1" dirty="0" smtClean="0">
                <a:solidFill>
                  <a:schemeClr val="bg1"/>
                </a:solidFill>
                <a:latin typeface="ＭＳ ゴシック" pitchFamily="49" charset="-128"/>
                <a:ea typeface="ＭＳ ゴシック" pitchFamily="49" charset="-128"/>
              </a:rPr>
              <a:t>発信　</a:t>
            </a:r>
            <a:r>
              <a:rPr lang="ja-JP" altLang="en-US" sz="1600" b="1" dirty="0" smtClean="0">
                <a:solidFill>
                  <a:schemeClr val="bg1"/>
                </a:solidFill>
                <a:latin typeface="ＭＳ ゴシック" pitchFamily="49" charset="-128"/>
                <a:ea typeface="ＭＳ ゴシック" pitchFamily="49" charset="-128"/>
              </a:rPr>
              <a:t>～大阪ミュージアム構想～</a:t>
            </a:r>
            <a:endParaRPr lang="en-US" altLang="ja-JP" sz="2000" b="1" dirty="0" smtClean="0">
              <a:solidFill>
                <a:schemeClr val="bg1"/>
              </a:solidFill>
              <a:latin typeface="ＭＳ ゴシック" pitchFamily="49" charset="-128"/>
              <a:ea typeface="ＭＳ ゴシック" pitchFamily="49" charset="-128"/>
            </a:endParaRPr>
          </a:p>
        </p:txBody>
      </p:sp>
      <p:pic>
        <p:nvPicPr>
          <p:cNvPr id="1026" name="Picture 2"/>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221822" y="2422052"/>
            <a:ext cx="2125925" cy="8195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7" name="Picture 6" descr="E:\LIB\ミュージアムＧ\大阪ミュージアム構想推進グループ退避用\シンボルマーク・ロゴ\シンボル・ロゴ（完成品）\ＪＰＧ\６～１１　シンボルマークとロゴの組み合わせ\８　マーク＋ロゴ（日＋英）横長.jpg"/>
          <p:cNvPicPr>
            <a:picLocks noChangeAspect="1" noChangeArrowheads="1"/>
          </p:cNvPicPr>
          <p:nvPr/>
        </p:nvPicPr>
        <p:blipFill>
          <a:blip r:embed="rId3" cstate="email"/>
          <a:srcRect/>
          <a:stretch>
            <a:fillRect/>
          </a:stretch>
        </p:blipFill>
        <p:spPr bwMode="auto">
          <a:xfrm>
            <a:off x="3208649" y="1082558"/>
            <a:ext cx="1974342" cy="370073"/>
          </a:xfrm>
          <a:prstGeom prst="rect">
            <a:avLst/>
          </a:prstGeom>
          <a:noFill/>
          <a:ln w="9525">
            <a:noFill/>
            <a:miter lim="800000"/>
            <a:headEnd/>
            <a:tailEnd/>
          </a:ln>
        </p:spPr>
      </p:pic>
      <p:sp>
        <p:nvSpPr>
          <p:cNvPr id="4" name="正方形/長方形 3"/>
          <p:cNvSpPr/>
          <p:nvPr/>
        </p:nvSpPr>
        <p:spPr>
          <a:xfrm>
            <a:off x="2844403" y="4497904"/>
            <a:ext cx="6958599" cy="720710"/>
          </a:xfrm>
          <a:prstGeom prst="rect">
            <a:avLst/>
          </a:prstGeom>
        </p:spPr>
        <p:txBody>
          <a:bodyPr wrap="square" rIns="36000">
            <a:spAutoFit/>
          </a:bodyPr>
          <a:lstStyle/>
          <a:p>
            <a:pPr marL="180975" lvl="0" indent="-180975">
              <a:lnSpc>
                <a:spcPts val="1200"/>
              </a:lnSpc>
              <a:spcBef>
                <a:spcPts val="300"/>
              </a:spcBef>
            </a:pPr>
            <a:r>
              <a:rPr lang="ja-JP" altLang="en-US" sz="1200" b="1" dirty="0" smtClean="0">
                <a:latin typeface="ＭＳ Ｐゴシック" panose="020B0600070205080204" pitchFamily="50" charset="-128"/>
                <a:ea typeface="ＭＳ Ｐゴシック" panose="020B0600070205080204" pitchFamily="50" charset="-128"/>
              </a:rPr>
              <a:t>（２）財源面での改革（基金を創設）　</a:t>
            </a:r>
            <a:endParaRPr lang="en-US" altLang="ja-JP" sz="1200" dirty="0" smtClean="0">
              <a:latin typeface="ＭＳ Ｐゴシック" panose="020B0600070205080204" pitchFamily="50" charset="-128"/>
              <a:ea typeface="ＭＳ Ｐゴシック" panose="020B0600070205080204" pitchFamily="50" charset="-128"/>
            </a:endParaRPr>
          </a:p>
          <a:p>
            <a:pPr marL="180975" lvl="0">
              <a:lnSpc>
                <a:spcPts val="1200"/>
              </a:lnSpc>
              <a:spcBef>
                <a:spcPts val="300"/>
              </a:spcBef>
            </a:pPr>
            <a:r>
              <a:rPr lang="ja-JP" altLang="en-US" sz="1050" dirty="0" smtClean="0">
                <a:latin typeface="ＭＳ Ｐ明朝" panose="02020600040205080304" pitchFamily="18" charset="-128"/>
                <a:ea typeface="ＭＳ Ｐ明朝" panose="02020600040205080304" pitchFamily="18" charset="-128"/>
              </a:rPr>
              <a:t>「民が主役、行政は民間の活動を最大限にｻﾎﾟｰﾄ」するという考え方を基本に、基金（</a:t>
            </a:r>
            <a:r>
              <a:rPr lang="en-US" altLang="ja-JP" sz="1050" dirty="0" smtClean="0">
                <a:latin typeface="ＭＳ Ｐ明朝" panose="02020600040205080304" pitchFamily="18" charset="-128"/>
                <a:ea typeface="ＭＳ Ｐ明朝" panose="02020600040205080304" pitchFamily="18" charset="-128"/>
              </a:rPr>
              <a:t>※</a:t>
            </a:r>
            <a:r>
              <a:rPr lang="ja-JP" altLang="en-US" sz="1050" dirty="0" smtClean="0">
                <a:latin typeface="ＭＳ Ｐ明朝" panose="02020600040205080304" pitchFamily="18" charset="-128"/>
                <a:ea typeface="ＭＳ Ｐ明朝" panose="02020600040205080304" pitchFamily="18" charset="-128"/>
              </a:rPr>
              <a:t>）を創設。地域の魅力づくりへの支援（助成）や、情報発信ツールの運営費などに活用</a:t>
            </a:r>
            <a:endParaRPr lang="en-US" altLang="ja-JP" sz="1050" dirty="0" smtClean="0">
              <a:latin typeface="ＭＳ Ｐ明朝" panose="02020600040205080304" pitchFamily="18" charset="-128"/>
              <a:ea typeface="ＭＳ Ｐ明朝" panose="02020600040205080304" pitchFamily="18" charset="-128"/>
            </a:endParaRPr>
          </a:p>
          <a:p>
            <a:pPr marL="990600" indent="-990600">
              <a:lnSpc>
                <a:spcPts val="1000"/>
              </a:lnSpc>
            </a:pPr>
            <a:r>
              <a:rPr lang="ja-JP" altLang="en-US" sz="1000" dirty="0" smtClean="0">
                <a:latin typeface="ＭＳ Ｐ明朝" panose="02020600040205080304" pitchFamily="18" charset="-128"/>
                <a:ea typeface="ＭＳ Ｐ明朝" panose="02020600040205080304" pitchFamily="18" charset="-128"/>
              </a:rPr>
              <a:t>　　</a:t>
            </a:r>
            <a:r>
              <a:rPr lang="en-US" altLang="ja-JP" sz="900" dirty="0" smtClean="0">
                <a:latin typeface="ＭＳ Ｐ明朝" panose="02020600040205080304" pitchFamily="18" charset="-128"/>
                <a:ea typeface="ＭＳ Ｐ明朝" panose="02020600040205080304" pitchFamily="18" charset="-128"/>
              </a:rPr>
              <a:t>※</a:t>
            </a:r>
            <a:r>
              <a:rPr lang="ja-JP" altLang="en-US" sz="900" dirty="0" smtClean="0">
                <a:latin typeface="ＭＳ Ｐ明朝" panose="02020600040205080304" pitchFamily="18" charset="-128"/>
                <a:ea typeface="ＭＳ Ｐ明朝" panose="02020600040205080304" pitchFamily="18" charset="-128"/>
              </a:rPr>
              <a:t>大阪ﾐｭｰｼﾞｱﾑ基金：</a:t>
            </a:r>
            <a:r>
              <a:rPr lang="en-US" altLang="ja-JP" sz="900" dirty="0" smtClean="0">
                <a:latin typeface="ＭＳ Ｐ明朝" panose="02020600040205080304" pitchFamily="18" charset="-128"/>
                <a:ea typeface="ＭＳ Ｐ明朝" panose="02020600040205080304" pitchFamily="18" charset="-128"/>
              </a:rPr>
              <a:t>2008</a:t>
            </a:r>
            <a:r>
              <a:rPr lang="ja-JP" altLang="en-US" sz="900" dirty="0" smtClean="0">
                <a:latin typeface="ＭＳ Ｐ明朝" panose="02020600040205080304" pitchFamily="18" charset="-128"/>
                <a:ea typeface="ＭＳ Ｐ明朝" panose="02020600040205080304" pitchFamily="18" charset="-128"/>
              </a:rPr>
              <a:t>年</a:t>
            </a:r>
            <a:r>
              <a:rPr lang="en-US" altLang="ja-JP" sz="900" dirty="0" smtClean="0">
                <a:latin typeface="ＭＳ Ｐ明朝" panose="02020600040205080304" pitchFamily="18" charset="-128"/>
                <a:ea typeface="ＭＳ Ｐ明朝" panose="02020600040205080304" pitchFamily="18" charset="-128"/>
              </a:rPr>
              <a:t>10</a:t>
            </a:r>
            <a:r>
              <a:rPr lang="ja-JP" altLang="en-US" sz="900" dirty="0" smtClean="0">
                <a:latin typeface="ＭＳ Ｐ明朝" panose="02020600040205080304" pitchFamily="18" charset="-128"/>
                <a:ea typeface="ＭＳ Ｐ明朝" panose="02020600040205080304" pitchFamily="18" charset="-128"/>
              </a:rPr>
              <a:t>月</a:t>
            </a:r>
            <a:r>
              <a:rPr lang="en-US" altLang="ja-JP" sz="900" dirty="0" smtClean="0">
                <a:latin typeface="ＭＳ Ｐ明朝" panose="02020600040205080304" pitchFamily="18" charset="-128"/>
                <a:ea typeface="ＭＳ Ｐ明朝" panose="02020600040205080304" pitchFamily="18" charset="-128"/>
              </a:rPr>
              <a:t>24</a:t>
            </a:r>
            <a:r>
              <a:rPr lang="ja-JP" altLang="en-US" sz="900" dirty="0" smtClean="0">
                <a:latin typeface="ＭＳ Ｐ明朝" panose="02020600040205080304" pitchFamily="18" charset="-128"/>
                <a:ea typeface="ＭＳ Ｐ明朝" panose="02020600040205080304" pitchFamily="18" charset="-128"/>
              </a:rPr>
              <a:t>日条例設置。大阪ﾐｭｰｼﾞｱﾑ構想</a:t>
            </a:r>
            <a:r>
              <a:rPr lang="ja-JP" altLang="en-US" sz="900" dirty="0">
                <a:latin typeface="ＭＳ Ｐ明朝" panose="02020600040205080304" pitchFamily="18" charset="-128"/>
                <a:ea typeface="ＭＳ Ｐ明朝" panose="02020600040205080304" pitchFamily="18" charset="-128"/>
              </a:rPr>
              <a:t>の趣旨に賛同する</a:t>
            </a:r>
            <a:r>
              <a:rPr lang="ja-JP" altLang="en-US" sz="900" dirty="0" smtClean="0">
                <a:latin typeface="ＭＳ Ｐ明朝" panose="02020600040205080304" pitchFamily="18" charset="-128"/>
                <a:ea typeface="ＭＳ Ｐ明朝" panose="02020600040205080304" pitchFamily="18" charset="-128"/>
              </a:rPr>
              <a:t>府民、ﾀｲｱｯﾌﾟ企業からの寄付金等を積み立て</a:t>
            </a:r>
            <a:endParaRPr lang="en-US" altLang="ja-JP" sz="900" dirty="0" smtClean="0">
              <a:latin typeface="ＭＳ Ｐ明朝" panose="02020600040205080304" pitchFamily="18" charset="-128"/>
              <a:ea typeface="ＭＳ Ｐ明朝" panose="02020600040205080304" pitchFamily="18" charset="-128"/>
            </a:endParaRPr>
          </a:p>
        </p:txBody>
      </p:sp>
      <p:sp>
        <p:nvSpPr>
          <p:cNvPr id="24" name="正方形/長方形 23"/>
          <p:cNvSpPr/>
          <p:nvPr/>
        </p:nvSpPr>
        <p:spPr>
          <a:xfrm>
            <a:off x="3008784" y="1518685"/>
            <a:ext cx="6796258" cy="1746632"/>
          </a:xfrm>
          <a:prstGeom prst="rect">
            <a:avLst/>
          </a:prstGeom>
        </p:spPr>
        <p:txBody>
          <a:bodyPr wrap="square">
            <a:spAutoFit/>
          </a:bodyPr>
          <a:lstStyle/>
          <a:p>
            <a:pPr lvl="0"/>
            <a:r>
              <a:rPr lang="ja-JP" altLang="en-US" sz="1050" b="1" dirty="0" smtClean="0">
                <a:latin typeface="ＭＳ Ｐ明朝" panose="02020600040205080304" pitchFamily="18" charset="-128"/>
                <a:ea typeface="ＭＳ Ｐ明朝" panose="02020600040205080304" pitchFamily="18" charset="-128"/>
              </a:rPr>
              <a:t>大阪府域全体を、屋根のない「ミュージアム」と見立て</a:t>
            </a:r>
            <a:r>
              <a:rPr lang="ja-JP" altLang="en-US" sz="1050" b="1" dirty="0">
                <a:latin typeface="ＭＳ Ｐ明朝" panose="02020600040205080304" pitchFamily="18" charset="-128"/>
                <a:ea typeface="ＭＳ Ｐ明朝" panose="02020600040205080304" pitchFamily="18" charset="-128"/>
              </a:rPr>
              <a:t>、魅力的な地域資源を収集</a:t>
            </a:r>
            <a:r>
              <a:rPr lang="ja-JP" altLang="en-US" sz="1050" b="1" dirty="0" smtClean="0">
                <a:latin typeface="ＭＳ Ｐ明朝" panose="02020600040205080304" pitchFamily="18" charset="-128"/>
                <a:ea typeface="ＭＳ Ｐ明朝" panose="02020600040205080304" pitchFamily="18" charset="-128"/>
              </a:rPr>
              <a:t>（登録）</a:t>
            </a:r>
            <a:endParaRPr lang="en-US" altLang="ja-JP" sz="1050" b="1" dirty="0" smtClean="0">
              <a:latin typeface="ＭＳ Ｐ明朝" panose="02020600040205080304" pitchFamily="18" charset="-128"/>
              <a:ea typeface="ＭＳ Ｐ明朝" panose="02020600040205080304" pitchFamily="18" charset="-128"/>
            </a:endParaRPr>
          </a:p>
          <a:p>
            <a:pPr lvl="0"/>
            <a:r>
              <a:rPr lang="ja-JP" altLang="en-US" sz="1050" b="1" dirty="0">
                <a:latin typeface="ＭＳ Ｐ明朝" panose="02020600040205080304" pitchFamily="18" charset="-128"/>
                <a:ea typeface="ＭＳ Ｐ明朝" panose="02020600040205080304" pitchFamily="18" charset="-128"/>
              </a:rPr>
              <a:t>　</a:t>
            </a:r>
            <a:r>
              <a:rPr lang="ja-JP" altLang="en-US" sz="1050" b="1" dirty="0" smtClean="0">
                <a:latin typeface="ＭＳ Ｐ明朝" panose="02020600040205080304" pitchFamily="18" charset="-128"/>
                <a:ea typeface="ＭＳ Ｐ明朝" panose="02020600040205080304" pitchFamily="18" charset="-128"/>
              </a:rPr>
              <a:t>　　</a:t>
            </a:r>
            <a:r>
              <a:rPr lang="ja-JP" altLang="en-US" sz="1050" b="1" dirty="0">
                <a:latin typeface="ＭＳ Ｐ明朝" panose="02020600040205080304" pitchFamily="18" charset="-128"/>
                <a:ea typeface="ＭＳ Ｐ明朝" panose="02020600040205080304" pitchFamily="18" charset="-128"/>
              </a:rPr>
              <a:t>府民（個人・企業・団体）等からの推薦に基づき、大阪ミュージアム構想の登録要領に規定する「登録基準」に照ら</a:t>
            </a:r>
          </a:p>
          <a:p>
            <a:pPr lvl="0"/>
            <a:r>
              <a:rPr lang="ja-JP" altLang="en-US" sz="1050" b="1" dirty="0">
                <a:latin typeface="ＭＳ Ｐ明朝" panose="02020600040205080304" pitchFamily="18" charset="-128"/>
                <a:ea typeface="ＭＳ Ｐ明朝" panose="02020600040205080304" pitchFamily="18" charset="-128"/>
              </a:rPr>
              <a:t>　　　し、関係市町村との協議を経て</a:t>
            </a:r>
            <a:r>
              <a:rPr lang="ja-JP" altLang="en-US" sz="1050" b="1" dirty="0" smtClean="0">
                <a:latin typeface="ＭＳ Ｐ明朝" panose="02020600040205080304" pitchFamily="18" charset="-128"/>
                <a:ea typeface="ＭＳ Ｐ明朝" panose="02020600040205080304" pitchFamily="18" charset="-128"/>
              </a:rPr>
              <a:t>登録</a:t>
            </a:r>
            <a:endParaRPr lang="en-US" altLang="ja-JP" sz="1050" b="1" dirty="0" smtClean="0">
              <a:latin typeface="ＭＳ Ｐ明朝" panose="02020600040205080304" pitchFamily="18" charset="-128"/>
              <a:ea typeface="ＭＳ Ｐ明朝" panose="02020600040205080304" pitchFamily="18" charset="-128"/>
            </a:endParaRPr>
          </a:p>
          <a:p>
            <a:pPr lvl="0"/>
            <a:r>
              <a:rPr kumimoji="0" lang="ja-JP" altLang="en-US" sz="1050" b="1" kern="0" dirty="0" smtClean="0">
                <a:latin typeface="ＭＳ Ｐ明朝" panose="02020600040205080304" pitchFamily="18" charset="-128"/>
                <a:ea typeface="ＭＳ Ｐ明朝" panose="02020600040205080304" pitchFamily="18" charset="-128"/>
              </a:rPr>
              <a:t>　　　登録</a:t>
            </a:r>
            <a:r>
              <a:rPr kumimoji="0" lang="ja-JP" altLang="en-US" sz="1050" b="1" kern="0" dirty="0">
                <a:latin typeface="ＭＳ Ｐ明朝" panose="02020600040205080304" pitchFamily="18" charset="-128"/>
                <a:ea typeface="ＭＳ Ｐ明朝" panose="02020600040205080304" pitchFamily="18" charset="-128"/>
              </a:rPr>
              <a:t>件数</a:t>
            </a:r>
            <a:r>
              <a:rPr kumimoji="0" lang="ja-JP" altLang="en-US" sz="1050" kern="0" dirty="0">
                <a:latin typeface="ＭＳ Ｐ明朝" panose="02020600040205080304" pitchFamily="18" charset="-128"/>
                <a:ea typeface="ＭＳ Ｐ明朝" panose="02020600040205080304" pitchFamily="18" charset="-128"/>
              </a:rPr>
              <a:t>（</a:t>
            </a:r>
            <a:r>
              <a:rPr kumimoji="0" lang="en-US" altLang="ja-JP" sz="800" kern="0" dirty="0">
                <a:latin typeface="ＭＳ Ｐ明朝" panose="02020600040205080304" pitchFamily="18" charset="-128"/>
                <a:ea typeface="ＭＳ Ｐ明朝" panose="02020600040205080304" pitchFamily="18" charset="-128"/>
              </a:rPr>
              <a:t>※</a:t>
            </a:r>
            <a:r>
              <a:rPr kumimoji="0" lang="ja-JP" altLang="en-US" sz="1050" kern="0" dirty="0">
                <a:latin typeface="ＭＳ Ｐ明朝" panose="02020600040205080304" pitchFamily="18" charset="-128"/>
                <a:ea typeface="ＭＳ Ｐ明朝" panose="02020600040205080304" pitchFamily="18" charset="-128"/>
              </a:rPr>
              <a:t>）</a:t>
            </a:r>
            <a:r>
              <a:rPr kumimoji="0" lang="ja-JP" altLang="en-US" sz="1050" b="1" kern="0" dirty="0" smtClean="0">
                <a:latin typeface="ＭＳ Ｐ明朝" panose="02020600040205080304" pitchFamily="18" charset="-128"/>
                <a:ea typeface="ＭＳ Ｐ明朝" panose="02020600040205080304" pitchFamily="18" charset="-128"/>
              </a:rPr>
              <a:t>１，２６２件　</a:t>
            </a:r>
            <a:r>
              <a:rPr kumimoji="0" lang="ja-JP" altLang="en-US" sz="1000" kern="0" dirty="0" smtClean="0">
                <a:latin typeface="ＭＳ Ｐ明朝" panose="02020600040205080304" pitchFamily="18" charset="-128"/>
                <a:ea typeface="ＭＳ Ｐ明朝" panose="02020600040205080304" pitchFamily="18" charset="-128"/>
              </a:rPr>
              <a:t>（</a:t>
            </a:r>
            <a:r>
              <a:rPr kumimoji="0" lang="en-US" altLang="ja-JP" sz="1000" kern="0" dirty="0">
                <a:latin typeface="ＭＳ Ｐ明朝" panose="02020600040205080304" pitchFamily="18" charset="-128"/>
                <a:ea typeface="ＭＳ Ｐ明朝" panose="02020600040205080304" pitchFamily="18" charset="-128"/>
              </a:rPr>
              <a:t>2014</a:t>
            </a:r>
            <a:r>
              <a:rPr kumimoji="0" lang="ja-JP" altLang="en-US" sz="1000" kern="0" dirty="0">
                <a:latin typeface="ＭＳ Ｐ明朝" panose="02020600040205080304" pitchFamily="18" charset="-128"/>
                <a:ea typeface="ＭＳ Ｐ明朝" panose="02020600040205080304" pitchFamily="18" charset="-128"/>
              </a:rPr>
              <a:t>年</a:t>
            </a:r>
            <a:r>
              <a:rPr kumimoji="0" lang="en-US" altLang="ja-JP" sz="1000" kern="0" dirty="0">
                <a:latin typeface="ＭＳ Ｐ明朝" panose="02020600040205080304" pitchFamily="18" charset="-128"/>
                <a:ea typeface="ＭＳ Ｐ明朝" panose="02020600040205080304" pitchFamily="18" charset="-128"/>
              </a:rPr>
              <a:t>11</a:t>
            </a:r>
            <a:r>
              <a:rPr kumimoji="0" lang="ja-JP" altLang="en-US" sz="1000" kern="0" dirty="0">
                <a:latin typeface="ＭＳ Ｐ明朝" panose="02020600040205080304" pitchFamily="18" charset="-128"/>
                <a:ea typeface="ＭＳ Ｐ明朝" panose="02020600040205080304" pitchFamily="18" charset="-128"/>
              </a:rPr>
              <a:t>月末現在）</a:t>
            </a:r>
            <a:endParaRPr kumimoji="0" lang="en-US" altLang="ja-JP" sz="1050" b="1" kern="0" dirty="0">
              <a:latin typeface="ＭＳ Ｐ明朝" panose="02020600040205080304" pitchFamily="18" charset="-128"/>
              <a:ea typeface="ＭＳ Ｐ明朝" panose="02020600040205080304" pitchFamily="18" charset="-128"/>
            </a:endParaRPr>
          </a:p>
          <a:p>
            <a:pPr lvl="0" algn="r" defTabSz="914400" fontAlgn="base">
              <a:defRPr/>
            </a:pPr>
            <a:r>
              <a:rPr kumimoji="0" lang="en-US" altLang="ja-JP" sz="900" kern="0" dirty="0" smtClean="0">
                <a:latin typeface="ＭＳ Ｐ明朝" panose="02020600040205080304" pitchFamily="18" charset="-128"/>
                <a:ea typeface="ＭＳ Ｐ明朝" panose="02020600040205080304" pitchFamily="18" charset="-128"/>
              </a:rPr>
              <a:t>(※)</a:t>
            </a:r>
            <a:r>
              <a:rPr kumimoji="0" lang="ja-JP" altLang="en-US" sz="900" kern="0" dirty="0">
                <a:latin typeface="ＭＳ Ｐ明朝" panose="02020600040205080304" pitchFamily="18" charset="-128"/>
                <a:ea typeface="ＭＳ Ｐ明朝" panose="02020600040205080304" pitchFamily="18" charset="-128"/>
              </a:rPr>
              <a:t>複数項目で登録しているものがある</a:t>
            </a:r>
            <a:r>
              <a:rPr kumimoji="0" lang="ja-JP" altLang="en-US" sz="900" kern="0" dirty="0" smtClean="0">
                <a:latin typeface="ＭＳ Ｐ明朝" panose="02020600040205080304" pitchFamily="18" charset="-128"/>
                <a:ea typeface="ＭＳ Ｐ明朝" panose="02020600040205080304" pitchFamily="18" charset="-128"/>
              </a:rPr>
              <a:t>ため項目</a:t>
            </a:r>
            <a:r>
              <a:rPr kumimoji="0" lang="ja-JP" altLang="en-US" sz="900" kern="0" dirty="0">
                <a:latin typeface="ＭＳ Ｐ明朝" panose="02020600040205080304" pitchFamily="18" charset="-128"/>
                <a:ea typeface="ＭＳ Ｐ明朝" panose="02020600040205080304" pitchFamily="18" charset="-128"/>
              </a:rPr>
              <a:t>の合計数と登録件数は一致</a:t>
            </a:r>
            <a:r>
              <a:rPr kumimoji="0" lang="ja-JP" altLang="en-US" sz="900" kern="0" dirty="0" smtClean="0">
                <a:latin typeface="ＭＳ Ｐ明朝" panose="02020600040205080304" pitchFamily="18" charset="-128"/>
                <a:ea typeface="ＭＳ Ｐ明朝" panose="02020600040205080304" pitchFamily="18" charset="-128"/>
              </a:rPr>
              <a:t>しない</a:t>
            </a:r>
            <a:endParaRPr kumimoji="0" lang="en-US" altLang="ja-JP" sz="900" kern="0" dirty="0">
              <a:latin typeface="ＭＳ Ｐ明朝" panose="02020600040205080304" pitchFamily="18" charset="-128"/>
              <a:ea typeface="ＭＳ Ｐ明朝" panose="02020600040205080304" pitchFamily="18" charset="-128"/>
            </a:endParaRPr>
          </a:p>
          <a:p>
            <a:pPr>
              <a:spcBef>
                <a:spcPts val="300"/>
              </a:spcBef>
            </a:pPr>
            <a:r>
              <a:rPr lang="ja-JP" altLang="en-US" sz="1050" dirty="0">
                <a:latin typeface="ＭＳ Ｐ明朝" panose="02020600040205080304" pitchFamily="18" charset="-128"/>
                <a:ea typeface="ＭＳ Ｐ明朝" panose="02020600040205080304" pitchFamily="18" charset="-128"/>
              </a:rPr>
              <a:t>　</a:t>
            </a:r>
            <a:r>
              <a:rPr lang="ja-JP" altLang="en-US" sz="1050" dirty="0" smtClean="0">
                <a:latin typeface="ＭＳ Ｐ明朝" panose="02020600040205080304" pitchFamily="18" charset="-128"/>
                <a:ea typeface="ＭＳ Ｐ明朝" panose="02020600040205080304" pitchFamily="18" charset="-128"/>
              </a:rPr>
              <a:t>　　</a:t>
            </a:r>
            <a:r>
              <a:rPr lang="en-US" altLang="ja-JP" sz="1050" dirty="0" smtClean="0">
                <a:latin typeface="ＭＳ Ｐ明朝" panose="02020600040205080304" pitchFamily="18" charset="-128"/>
                <a:ea typeface="ＭＳ Ｐ明朝" panose="02020600040205080304" pitchFamily="18" charset="-128"/>
              </a:rPr>
              <a:t>『</a:t>
            </a:r>
            <a:r>
              <a:rPr lang="ja-JP" altLang="en-US" sz="1050" dirty="0" smtClean="0">
                <a:latin typeface="ＭＳ Ｐ明朝" panose="02020600040205080304" pitchFamily="18" charset="-128"/>
                <a:ea typeface="ＭＳ Ｐ明朝" panose="02020600040205080304" pitchFamily="18" charset="-128"/>
              </a:rPr>
              <a:t>展示品</a:t>
            </a:r>
            <a:r>
              <a:rPr lang="en-US" altLang="ja-JP" sz="1050" dirty="0" smtClean="0">
                <a:latin typeface="ＭＳ Ｐ明朝" panose="02020600040205080304" pitchFamily="18" charset="-128"/>
                <a:ea typeface="ＭＳ Ｐ明朝" panose="02020600040205080304" pitchFamily="18" charset="-128"/>
              </a:rPr>
              <a:t>』</a:t>
            </a:r>
            <a:r>
              <a:rPr lang="ja-JP" altLang="en-US" sz="1050" dirty="0" smtClean="0">
                <a:latin typeface="ＭＳ Ｐ明朝" panose="02020600040205080304" pitchFamily="18" charset="-128"/>
                <a:ea typeface="ＭＳ Ｐ明朝" panose="02020600040205080304" pitchFamily="18" charset="-128"/>
              </a:rPr>
              <a:t>　</a:t>
            </a:r>
            <a:r>
              <a:rPr lang="en-US" altLang="ja-JP" sz="1050" dirty="0" smtClean="0">
                <a:latin typeface="ＭＳ Ｐ明朝" panose="02020600040205080304" pitchFamily="18" charset="-128"/>
                <a:ea typeface="ＭＳ Ｐ明朝" panose="02020600040205080304" pitchFamily="18" charset="-128"/>
              </a:rPr>
              <a:t>	</a:t>
            </a:r>
            <a:r>
              <a:rPr kumimoji="0" lang="ja-JP" altLang="en-US" sz="1050" kern="0" dirty="0">
                <a:latin typeface="ＭＳ Ｐ明朝" panose="02020600040205080304" pitchFamily="18" charset="-128"/>
                <a:ea typeface="ＭＳ Ｐ明朝" panose="02020600040205080304" pitchFamily="18" charset="-128"/>
              </a:rPr>
              <a:t>建物・まちなみ</a:t>
            </a:r>
            <a:r>
              <a:rPr kumimoji="0" lang="en-US" altLang="ja-JP" sz="1050" kern="0" dirty="0">
                <a:latin typeface="ＭＳ Ｐ明朝" panose="02020600040205080304" pitchFamily="18" charset="-128"/>
                <a:ea typeface="ＭＳ Ｐ明朝" panose="02020600040205080304" pitchFamily="18" charset="-128"/>
              </a:rPr>
              <a:t>(586)</a:t>
            </a:r>
            <a:r>
              <a:rPr kumimoji="0" lang="ja-JP" altLang="en-US" sz="1050" kern="0" dirty="0" err="1">
                <a:latin typeface="ＭＳ Ｐ明朝" panose="02020600040205080304" pitchFamily="18" charset="-128"/>
                <a:ea typeface="ＭＳ Ｐ明朝" panose="02020600040205080304" pitchFamily="18" charset="-128"/>
              </a:rPr>
              <a:t>、</a:t>
            </a:r>
            <a:r>
              <a:rPr kumimoji="0" lang="ja-JP" altLang="en-US" sz="1050" kern="0" dirty="0">
                <a:latin typeface="ＭＳ Ｐ明朝" panose="02020600040205080304" pitchFamily="18" charset="-128"/>
                <a:ea typeface="ＭＳ Ｐ明朝" panose="02020600040205080304" pitchFamily="18" charset="-128"/>
              </a:rPr>
              <a:t>みどり・自然</a:t>
            </a:r>
            <a:r>
              <a:rPr kumimoji="0" lang="en-US" altLang="ja-JP" sz="1050" kern="0" dirty="0">
                <a:latin typeface="ＭＳ Ｐ明朝" panose="02020600040205080304" pitchFamily="18" charset="-128"/>
                <a:ea typeface="ＭＳ Ｐ明朝" panose="02020600040205080304" pitchFamily="18" charset="-128"/>
              </a:rPr>
              <a:t>(233)</a:t>
            </a:r>
            <a:r>
              <a:rPr kumimoji="0" lang="ja-JP" altLang="en-US" sz="1050" kern="0" dirty="0" err="1">
                <a:latin typeface="ＭＳ Ｐ明朝" panose="02020600040205080304" pitchFamily="18" charset="-128"/>
                <a:ea typeface="ＭＳ Ｐ明朝" panose="02020600040205080304" pitchFamily="18" charset="-128"/>
              </a:rPr>
              <a:t>、</a:t>
            </a:r>
            <a:r>
              <a:rPr kumimoji="0" lang="ja-JP" altLang="en-US" sz="1050" kern="0" dirty="0">
                <a:latin typeface="ＭＳ Ｐ明朝" panose="02020600040205080304" pitchFamily="18" charset="-128"/>
                <a:ea typeface="ＭＳ Ｐ明朝" panose="02020600040205080304" pitchFamily="18" charset="-128"/>
              </a:rPr>
              <a:t>食・生活</a:t>
            </a:r>
            <a:r>
              <a:rPr kumimoji="0" lang="en-US" altLang="ja-JP" sz="1050" kern="0" dirty="0">
                <a:latin typeface="ＭＳ Ｐ明朝" panose="02020600040205080304" pitchFamily="18" charset="-128"/>
                <a:ea typeface="ＭＳ Ｐ明朝" panose="02020600040205080304" pitchFamily="18" charset="-128"/>
              </a:rPr>
              <a:t>(121)</a:t>
            </a:r>
            <a:r>
              <a:rPr kumimoji="0" lang="ja-JP" altLang="en-US" sz="1050" kern="0" dirty="0" err="1">
                <a:latin typeface="ＭＳ Ｐ明朝" panose="02020600040205080304" pitchFamily="18" charset="-128"/>
                <a:ea typeface="ＭＳ Ｐ明朝" panose="02020600040205080304" pitchFamily="18" charset="-128"/>
              </a:rPr>
              <a:t>、</a:t>
            </a:r>
            <a:r>
              <a:rPr kumimoji="0" lang="ja-JP" altLang="en-US" sz="1050" kern="0" dirty="0">
                <a:latin typeface="ＭＳ Ｐ明朝" panose="02020600040205080304" pitchFamily="18" charset="-128"/>
                <a:ea typeface="ＭＳ Ｐ明朝" panose="02020600040205080304" pitchFamily="18" charset="-128"/>
              </a:rPr>
              <a:t>芸能・娯楽</a:t>
            </a:r>
            <a:r>
              <a:rPr kumimoji="0" lang="en-US" altLang="ja-JP" sz="1050" kern="0" dirty="0">
                <a:latin typeface="ＭＳ Ｐ明朝" panose="02020600040205080304" pitchFamily="18" charset="-128"/>
                <a:ea typeface="ＭＳ Ｐ明朝" panose="02020600040205080304" pitchFamily="18" charset="-128"/>
              </a:rPr>
              <a:t>(34)</a:t>
            </a:r>
            <a:r>
              <a:rPr kumimoji="0" lang="ja-JP" altLang="en-US" sz="1050" kern="0" dirty="0" err="1">
                <a:latin typeface="ＭＳ Ｐ明朝" panose="02020600040205080304" pitchFamily="18" charset="-128"/>
                <a:ea typeface="ＭＳ Ｐ明朝" panose="02020600040205080304" pitchFamily="18" charset="-128"/>
              </a:rPr>
              <a:t>、</a:t>
            </a:r>
            <a:r>
              <a:rPr kumimoji="0" lang="ja-JP" altLang="en-US" sz="1050" kern="0" dirty="0">
                <a:latin typeface="ＭＳ Ｐ明朝" panose="02020600040205080304" pitchFamily="18" charset="-128"/>
                <a:ea typeface="ＭＳ Ｐ明朝" panose="02020600040205080304" pitchFamily="18" charset="-128"/>
              </a:rPr>
              <a:t>その他</a:t>
            </a:r>
            <a:r>
              <a:rPr kumimoji="0" lang="en-US" altLang="ja-JP" sz="1050" kern="0" dirty="0">
                <a:latin typeface="ＭＳ Ｐ明朝" panose="02020600040205080304" pitchFamily="18" charset="-128"/>
                <a:ea typeface="ＭＳ Ｐ明朝" panose="02020600040205080304" pitchFamily="18" charset="-128"/>
              </a:rPr>
              <a:t>(83</a:t>
            </a:r>
            <a:r>
              <a:rPr kumimoji="0" lang="en-US" altLang="ja-JP" sz="1050" kern="0" dirty="0" smtClean="0">
                <a:latin typeface="ＭＳ Ｐ明朝" panose="02020600040205080304" pitchFamily="18" charset="-128"/>
                <a:ea typeface="ＭＳ Ｐ明朝" panose="02020600040205080304" pitchFamily="18" charset="-128"/>
              </a:rPr>
              <a:t>)</a:t>
            </a:r>
          </a:p>
          <a:p>
            <a:pPr marL="962025" indent="-247650"/>
            <a:r>
              <a:rPr kumimoji="0" lang="en-US" altLang="ja-JP" sz="1000" kern="0" dirty="0" smtClean="0">
                <a:latin typeface="ＭＳ Ｐ明朝" panose="02020600040205080304" pitchFamily="18" charset="-128"/>
                <a:ea typeface="ＭＳ Ｐ明朝" panose="02020600040205080304" pitchFamily="18" charset="-128"/>
              </a:rPr>
              <a:t> </a:t>
            </a:r>
            <a:r>
              <a:rPr lang="ja-JP" altLang="en-US" sz="1000" dirty="0" smtClean="0">
                <a:latin typeface="ＭＳ Ｐ明朝" panose="02020600040205080304" pitchFamily="18" charset="-128"/>
                <a:ea typeface="ＭＳ Ｐ明朝" panose="02020600040205080304" pitchFamily="18" charset="-128"/>
              </a:rPr>
              <a:t>例）中之島公会堂、綿業会館、住吉大社、仁徳陵古墳、岸和田城、箕面大滝、牛</a:t>
            </a:r>
            <a:r>
              <a:rPr lang="ja-JP" altLang="en-US" sz="1000" dirty="0">
                <a:latin typeface="ＭＳ Ｐ明朝" panose="02020600040205080304" pitchFamily="18" charset="-128"/>
                <a:ea typeface="ＭＳ Ｐ明朝" panose="02020600040205080304" pitchFamily="18" charset="-128"/>
              </a:rPr>
              <a:t>滝山、天神橋筋商店街</a:t>
            </a:r>
            <a:r>
              <a:rPr lang="ja-JP" altLang="en-US" sz="1000" dirty="0" smtClean="0">
                <a:latin typeface="ＭＳ Ｐ明朝" panose="02020600040205080304" pitchFamily="18" charset="-128"/>
                <a:ea typeface="ＭＳ Ｐ明朝" panose="02020600040205080304" pitchFamily="18" charset="-128"/>
              </a:rPr>
              <a:t>、富田林寺内町　など</a:t>
            </a:r>
            <a:endParaRPr lang="en-US" altLang="ja-JP" sz="1000" dirty="0" smtClean="0">
              <a:latin typeface="ＭＳ Ｐ明朝" panose="02020600040205080304" pitchFamily="18" charset="-128"/>
              <a:ea typeface="ＭＳ Ｐ明朝" panose="02020600040205080304" pitchFamily="18" charset="-128"/>
            </a:endParaRPr>
          </a:p>
          <a:p>
            <a:pPr>
              <a:spcBef>
                <a:spcPts val="300"/>
              </a:spcBef>
            </a:pPr>
            <a:r>
              <a:rPr lang="ja-JP" altLang="en-US" sz="1050" dirty="0">
                <a:latin typeface="ＭＳ Ｐ明朝" panose="02020600040205080304" pitchFamily="18" charset="-128"/>
                <a:ea typeface="ＭＳ Ｐ明朝" panose="02020600040205080304" pitchFamily="18" charset="-128"/>
              </a:rPr>
              <a:t>　</a:t>
            </a:r>
            <a:r>
              <a:rPr lang="ja-JP" altLang="en-US" sz="1050" dirty="0" smtClean="0">
                <a:latin typeface="ＭＳ Ｐ明朝" panose="02020600040205080304" pitchFamily="18" charset="-128"/>
                <a:ea typeface="ＭＳ Ｐ明朝" panose="02020600040205080304" pitchFamily="18" charset="-128"/>
              </a:rPr>
              <a:t>　　</a:t>
            </a:r>
            <a:r>
              <a:rPr lang="en-US" altLang="ja-JP" sz="1050" dirty="0" smtClean="0">
                <a:latin typeface="ＭＳ Ｐ明朝" panose="02020600040205080304" pitchFamily="18" charset="-128"/>
                <a:ea typeface="ＭＳ Ｐ明朝" panose="02020600040205080304" pitchFamily="18" charset="-128"/>
              </a:rPr>
              <a:t>『</a:t>
            </a:r>
            <a:r>
              <a:rPr lang="ja-JP" altLang="en-US" sz="1050" dirty="0" smtClean="0">
                <a:latin typeface="ＭＳ Ｐ明朝" panose="02020600040205080304" pitchFamily="18" charset="-128"/>
                <a:ea typeface="ＭＳ Ｐ明朝" panose="02020600040205080304" pitchFamily="18" charset="-128"/>
              </a:rPr>
              <a:t>館内催し</a:t>
            </a:r>
            <a:r>
              <a:rPr lang="en-US" altLang="ja-JP" sz="1050" dirty="0" smtClean="0">
                <a:latin typeface="ＭＳ Ｐ明朝" panose="02020600040205080304" pitchFamily="18" charset="-128"/>
                <a:ea typeface="ＭＳ Ｐ明朝" panose="02020600040205080304" pitchFamily="18" charset="-128"/>
              </a:rPr>
              <a:t>』	</a:t>
            </a:r>
            <a:r>
              <a:rPr kumimoji="0" lang="ja-JP" altLang="en-US" sz="1050" kern="0" dirty="0" smtClean="0">
                <a:latin typeface="ＭＳ Ｐ明朝" panose="02020600040205080304" pitchFamily="18" charset="-128"/>
                <a:ea typeface="ＭＳ Ｐ明朝" panose="02020600040205080304" pitchFamily="18" charset="-128"/>
              </a:rPr>
              <a:t>祭り</a:t>
            </a:r>
            <a:r>
              <a:rPr kumimoji="0" lang="ja-JP" altLang="en-US" sz="1050" kern="0" dirty="0">
                <a:latin typeface="ＭＳ Ｐ明朝" panose="02020600040205080304" pitchFamily="18" charset="-128"/>
                <a:ea typeface="ＭＳ Ｐ明朝" panose="02020600040205080304" pitchFamily="18" charset="-128"/>
              </a:rPr>
              <a:t>・イベント</a:t>
            </a:r>
            <a:r>
              <a:rPr kumimoji="0" lang="en-US" altLang="ja-JP" sz="1050" kern="0" dirty="0">
                <a:latin typeface="ＭＳ Ｐ明朝" panose="02020600040205080304" pitchFamily="18" charset="-128"/>
                <a:ea typeface="ＭＳ Ｐ明朝" panose="02020600040205080304" pitchFamily="18" charset="-128"/>
              </a:rPr>
              <a:t>(268</a:t>
            </a:r>
            <a:r>
              <a:rPr kumimoji="0" lang="en-US" altLang="ja-JP" sz="1050" kern="0" dirty="0" smtClean="0">
                <a:latin typeface="ＭＳ Ｐ明朝" panose="02020600040205080304" pitchFamily="18" charset="-128"/>
                <a:ea typeface="ＭＳ Ｐ明朝" panose="02020600040205080304" pitchFamily="18" charset="-128"/>
              </a:rPr>
              <a:t>)</a:t>
            </a:r>
            <a:endParaRPr lang="en-US" altLang="ja-JP" sz="1050" dirty="0">
              <a:latin typeface="ＭＳ Ｐ明朝" panose="02020600040205080304" pitchFamily="18" charset="-128"/>
              <a:ea typeface="ＭＳ Ｐ明朝" panose="02020600040205080304" pitchFamily="18" charset="-128"/>
            </a:endParaRPr>
          </a:p>
          <a:p>
            <a:pPr marL="742950" lvl="0"/>
            <a:r>
              <a:rPr lang="ja-JP" altLang="en-US" sz="1000" dirty="0" smtClean="0">
                <a:latin typeface="ＭＳ Ｐ明朝" panose="02020600040205080304" pitchFamily="18" charset="-128"/>
                <a:ea typeface="ＭＳ Ｐ明朝" panose="02020600040205080304" pitchFamily="18" charset="-128"/>
              </a:rPr>
              <a:t>例）箕面川床、野崎まい</a:t>
            </a:r>
            <a:r>
              <a:rPr lang="ja-JP" altLang="en-US" sz="1000" dirty="0">
                <a:latin typeface="ＭＳ Ｐ明朝" panose="02020600040205080304" pitchFamily="18" charset="-128"/>
                <a:ea typeface="ＭＳ Ｐ明朝" panose="02020600040205080304" pitchFamily="18" charset="-128"/>
              </a:rPr>
              <a:t>り</a:t>
            </a:r>
            <a:r>
              <a:rPr lang="ja-JP" altLang="en-US" sz="1000" dirty="0" smtClean="0">
                <a:latin typeface="ＭＳ Ｐ明朝" panose="02020600040205080304" pitchFamily="18" charset="-128"/>
                <a:ea typeface="ＭＳ Ｐ明朝" panose="02020600040205080304" pitchFamily="18" charset="-128"/>
              </a:rPr>
              <a:t>、八尾河内音頭まつり、</a:t>
            </a:r>
            <a:r>
              <a:rPr lang="ja-JP" altLang="en-US" sz="1000" dirty="0" err="1" smtClean="0">
                <a:latin typeface="ＭＳ Ｐ明朝" panose="02020600040205080304" pitchFamily="18" charset="-128"/>
                <a:ea typeface="ＭＳ Ｐ明朝" panose="02020600040205080304" pitchFamily="18" charset="-128"/>
              </a:rPr>
              <a:t>だんじり</a:t>
            </a:r>
            <a:r>
              <a:rPr lang="ja-JP" altLang="en-US" sz="1000" dirty="0" smtClean="0">
                <a:latin typeface="ＭＳ Ｐ明朝" panose="02020600040205080304" pitchFamily="18" charset="-128"/>
                <a:ea typeface="ＭＳ Ｐ明朝" panose="02020600040205080304" pitchFamily="18" charset="-128"/>
              </a:rPr>
              <a:t>祭り、天神祭、リバークルーズなど</a:t>
            </a:r>
            <a:r>
              <a:rPr lang="ja-JP" altLang="en-US" sz="1000" dirty="0">
                <a:latin typeface="ＭＳ Ｐ明朝" panose="02020600040205080304" pitchFamily="18" charset="-128"/>
                <a:ea typeface="ＭＳ Ｐ明朝" panose="02020600040205080304" pitchFamily="18" charset="-128"/>
              </a:rPr>
              <a:t>　</a:t>
            </a:r>
            <a:r>
              <a:rPr lang="ja-JP" altLang="en-US" sz="1000" dirty="0">
                <a:latin typeface="ＭＳ Ｐゴシック" panose="020B0600070205080204" pitchFamily="50" charset="-128"/>
                <a:ea typeface="ＭＳ Ｐゴシック" panose="020B0600070205080204" pitchFamily="50" charset="-128"/>
              </a:rPr>
              <a:t>　</a:t>
            </a:r>
            <a:r>
              <a:rPr lang="ja-JP" altLang="en-US" sz="1050" dirty="0">
                <a:latin typeface="ＭＳ Ｐゴシック" panose="020B0600070205080204" pitchFamily="50" charset="-128"/>
                <a:ea typeface="ＭＳ Ｐゴシック" panose="020B0600070205080204" pitchFamily="50" charset="-128"/>
              </a:rPr>
              <a:t>　　　　　　　　　　</a:t>
            </a:r>
            <a:endParaRPr lang="en-US" altLang="ja-JP" sz="1050" dirty="0">
              <a:latin typeface="ＭＳ Ｐゴシック" panose="020B0600070205080204" pitchFamily="50" charset="-128"/>
              <a:ea typeface="ＭＳ Ｐゴシック" panose="020B0600070205080204" pitchFamily="50" charset="-128"/>
            </a:endParaRPr>
          </a:p>
        </p:txBody>
      </p:sp>
      <p:sp>
        <p:nvSpPr>
          <p:cNvPr id="35" name="正方形/長方形 34"/>
          <p:cNvSpPr/>
          <p:nvPr/>
        </p:nvSpPr>
        <p:spPr>
          <a:xfrm>
            <a:off x="5289959" y="1085839"/>
            <a:ext cx="4515083" cy="374461"/>
          </a:xfrm>
          <a:prstGeom prst="rect">
            <a:avLst/>
          </a:prstGeom>
        </p:spPr>
        <p:txBody>
          <a:bodyPr wrap="square">
            <a:spAutoFit/>
          </a:bodyPr>
          <a:lstStyle/>
          <a:p>
            <a:pPr>
              <a:lnSpc>
                <a:spcPts val="1100"/>
              </a:lnSpc>
              <a:spcBef>
                <a:spcPts val="300"/>
              </a:spcBef>
            </a:pPr>
            <a:r>
              <a:rPr lang="en-US" altLang="ja-JP" sz="1050" dirty="0" smtClean="0">
                <a:latin typeface="ＭＳ Ｐ明朝" panose="02020600040205080304" pitchFamily="18" charset="-128"/>
                <a:ea typeface="ＭＳ Ｐ明朝" panose="02020600040205080304" pitchFamily="18" charset="-128"/>
              </a:rPr>
              <a:t>2008</a:t>
            </a:r>
            <a:r>
              <a:rPr lang="ja-JP" altLang="en-US" sz="1050" dirty="0" smtClean="0">
                <a:latin typeface="ＭＳ Ｐ明朝" panose="02020600040205080304" pitchFamily="18" charset="-128"/>
                <a:ea typeface="ＭＳ Ｐ明朝" panose="02020600040205080304" pitchFamily="18" charset="-128"/>
              </a:rPr>
              <a:t>年度～　既存</a:t>
            </a:r>
            <a:r>
              <a:rPr lang="ja-JP" altLang="en-US" sz="1050" dirty="0">
                <a:latin typeface="ＭＳ Ｐ明朝" panose="02020600040205080304" pitchFamily="18" charset="-128"/>
                <a:ea typeface="ＭＳ Ｐ明朝" panose="02020600040205080304" pitchFamily="18" charset="-128"/>
              </a:rPr>
              <a:t>の都市魅力資源を最大限に活用し、発信力を強化するとともに</a:t>
            </a:r>
            <a:r>
              <a:rPr lang="ja-JP" altLang="en-US" sz="1050" dirty="0" smtClean="0">
                <a:latin typeface="ＭＳ Ｐ明朝" panose="02020600040205080304" pitchFamily="18" charset="-128"/>
                <a:ea typeface="ＭＳ Ｐ明朝" panose="02020600040205080304" pitchFamily="18" charset="-128"/>
              </a:rPr>
              <a:t>、魅力を</a:t>
            </a:r>
            <a:r>
              <a:rPr lang="ja-JP" altLang="en-US" sz="1050" dirty="0">
                <a:latin typeface="ＭＳ Ｐ明朝" panose="02020600040205080304" pitchFamily="18" charset="-128"/>
                <a:ea typeface="ＭＳ Ｐ明朝" panose="02020600040205080304" pitchFamily="18" charset="-128"/>
              </a:rPr>
              <a:t>さらに高める新しい「大阪の魅力づくりの府民運動</a:t>
            </a:r>
            <a:r>
              <a:rPr lang="ja-JP" altLang="en-US" sz="1050" dirty="0" smtClean="0">
                <a:latin typeface="ＭＳ Ｐ明朝" panose="02020600040205080304" pitchFamily="18" charset="-128"/>
                <a:ea typeface="ＭＳ Ｐ明朝" panose="02020600040205080304" pitchFamily="18" charset="-128"/>
              </a:rPr>
              <a:t>」</a:t>
            </a:r>
            <a:r>
              <a:rPr lang="ja-JP" altLang="en-US" sz="1050" dirty="0">
                <a:solidFill>
                  <a:prstClr val="black"/>
                </a:solidFill>
                <a:latin typeface="ＭＳ Ｐ明朝" panose="02020600040205080304" pitchFamily="18" charset="-128"/>
                <a:ea typeface="ＭＳ Ｐ明朝" panose="02020600040205080304" pitchFamily="18" charset="-128"/>
              </a:rPr>
              <a:t>　</a:t>
            </a:r>
            <a:r>
              <a:rPr lang="ja-JP" altLang="en-US" sz="1050" dirty="0" smtClean="0">
                <a:solidFill>
                  <a:prstClr val="black"/>
                </a:solidFill>
                <a:latin typeface="ＭＳ Ｐ明朝" panose="02020600040205080304" pitchFamily="18" charset="-128"/>
                <a:ea typeface="ＭＳ Ｐ明朝" panose="02020600040205080304" pitchFamily="18" charset="-128"/>
              </a:rPr>
              <a:t>として提唱</a:t>
            </a:r>
            <a:endParaRPr lang="en-US" altLang="ja-JP" sz="1050" dirty="0">
              <a:solidFill>
                <a:prstClr val="black"/>
              </a:solidFill>
              <a:latin typeface="ＭＳ Ｐ明朝" panose="02020600040205080304" pitchFamily="18" charset="-128"/>
              <a:ea typeface="ＭＳ Ｐ明朝" panose="02020600040205080304" pitchFamily="18" charset="-128"/>
            </a:endParaRPr>
          </a:p>
        </p:txBody>
      </p:sp>
      <p:sp>
        <p:nvSpPr>
          <p:cNvPr id="36" name="正方形/長方形 35"/>
          <p:cNvSpPr/>
          <p:nvPr/>
        </p:nvSpPr>
        <p:spPr>
          <a:xfrm>
            <a:off x="2842667" y="861702"/>
            <a:ext cx="6609150" cy="233397"/>
          </a:xfrm>
          <a:prstGeom prst="rect">
            <a:avLst/>
          </a:prstGeom>
        </p:spPr>
        <p:txBody>
          <a:bodyPr wrap="square">
            <a:spAutoFit/>
          </a:bodyPr>
          <a:lstStyle/>
          <a:p>
            <a:pPr lvl="0">
              <a:lnSpc>
                <a:spcPts val="1100"/>
              </a:lnSpc>
              <a:spcBef>
                <a:spcPts val="300"/>
              </a:spcBef>
            </a:pPr>
            <a:r>
              <a:rPr lang="ja-JP" altLang="en-US" sz="1200" b="1" dirty="0" smtClean="0">
                <a:solidFill>
                  <a:prstClr val="black"/>
                </a:solidFill>
                <a:latin typeface="ＭＳ Ｐゴシック" panose="020B0600070205080204" pitchFamily="50" charset="-128"/>
                <a:ea typeface="ＭＳ Ｐゴシック" panose="020B0600070205080204" pitchFamily="50" charset="-128"/>
              </a:rPr>
              <a:t>（１）府域全体としての発信力を強化</a:t>
            </a:r>
            <a:r>
              <a:rPr lang="ja-JP" altLang="en-US" sz="1200" b="1" dirty="0">
                <a:solidFill>
                  <a:prstClr val="black"/>
                </a:solidFill>
                <a:latin typeface="ＭＳ Ｐゴシック" panose="020B0600070205080204" pitchFamily="50" charset="-128"/>
                <a:ea typeface="ＭＳ Ｐゴシック" panose="020B0600070205080204" pitchFamily="50" charset="-128"/>
              </a:rPr>
              <a:t>　　　</a:t>
            </a:r>
            <a:endParaRPr lang="en-US" altLang="ja-JP" sz="1200" b="1" dirty="0">
              <a:solidFill>
                <a:prstClr val="black"/>
              </a:solidFill>
              <a:latin typeface="ＭＳ Ｐゴシック" panose="020B0600070205080204" pitchFamily="50" charset="-128"/>
              <a:ea typeface="ＭＳ Ｐゴシック" panose="020B0600070205080204" pitchFamily="50" charset="-128"/>
            </a:endParaRPr>
          </a:p>
        </p:txBody>
      </p:sp>
      <p:sp>
        <p:nvSpPr>
          <p:cNvPr id="2" name="角丸四角形 1"/>
          <p:cNvSpPr/>
          <p:nvPr/>
        </p:nvSpPr>
        <p:spPr>
          <a:xfrm>
            <a:off x="3419021" y="3241614"/>
            <a:ext cx="6337986" cy="1066431"/>
          </a:xfrm>
          <a:prstGeom prst="roundRect">
            <a:avLst>
              <a:gd name="adj" fmla="val 9820"/>
            </a:avLst>
          </a:prstGeom>
        </p:spPr>
        <p:style>
          <a:lnRef idx="1">
            <a:schemeClr val="accent5"/>
          </a:lnRef>
          <a:fillRef idx="2">
            <a:schemeClr val="accent5"/>
          </a:fillRef>
          <a:effectRef idx="1">
            <a:schemeClr val="accent5"/>
          </a:effectRef>
          <a:fontRef idx="minor">
            <a:schemeClr val="dk1"/>
          </a:fontRef>
        </p:style>
        <p:txBody>
          <a:bodyPr rtlCol="0" anchor="ctr"/>
          <a:lstStyle/>
          <a:p>
            <a:pPr>
              <a:spcBef>
                <a:spcPts val="300"/>
              </a:spcBef>
            </a:pPr>
            <a:r>
              <a:rPr lang="ja-JP" altLang="en-US" sz="1050" dirty="0">
                <a:solidFill>
                  <a:schemeClr val="tx1"/>
                </a:solidFill>
                <a:latin typeface="ＭＳ Ｐ明朝" panose="02020600040205080304" pitchFamily="18" charset="-128"/>
                <a:ea typeface="ＭＳ Ｐ明朝" panose="02020600040205080304" pitchFamily="18" charset="-128"/>
              </a:rPr>
              <a:t>・</a:t>
            </a:r>
            <a:r>
              <a:rPr lang="ja-JP" altLang="en-US" sz="1050" dirty="0" smtClean="0">
                <a:solidFill>
                  <a:schemeClr val="tx1"/>
                </a:solidFill>
                <a:latin typeface="ＭＳ Ｐ明朝" panose="02020600040205080304" pitchFamily="18" charset="-128"/>
                <a:ea typeface="ＭＳ Ｐ明朝" panose="02020600040205080304" pitchFamily="18" charset="-128"/>
              </a:rPr>
              <a:t>登録物の充実・・・府民や市町村等に協力を呼びかけ、「展示品」「館内催し」を登録し、随時追加</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pPr>
              <a:spcBef>
                <a:spcPts val="300"/>
              </a:spcBef>
            </a:pPr>
            <a:r>
              <a:rPr lang="ja-JP" altLang="en-US" sz="1050" dirty="0">
                <a:solidFill>
                  <a:schemeClr val="tx1"/>
                </a:solidFill>
                <a:latin typeface="ＭＳ Ｐ明朝" panose="02020600040205080304" pitchFamily="18" charset="-128"/>
                <a:ea typeface="ＭＳ Ｐ明朝" panose="02020600040205080304" pitchFamily="18" charset="-128"/>
              </a:rPr>
              <a:t>・</a:t>
            </a:r>
            <a:r>
              <a:rPr lang="ja-JP" altLang="en-US" sz="1050" dirty="0" smtClean="0">
                <a:solidFill>
                  <a:schemeClr val="tx1"/>
                </a:solidFill>
                <a:latin typeface="ＭＳ Ｐ明朝" panose="02020600040205080304" pitchFamily="18" charset="-128"/>
                <a:ea typeface="ＭＳ Ｐ明朝" panose="02020600040205080304" pitchFamily="18" charset="-128"/>
              </a:rPr>
              <a:t>地域</a:t>
            </a:r>
            <a:r>
              <a:rPr lang="ja-JP" altLang="en-US" sz="1050" dirty="0">
                <a:solidFill>
                  <a:schemeClr val="tx1"/>
                </a:solidFill>
                <a:latin typeface="ＭＳ Ｐ明朝" panose="02020600040205080304" pitchFamily="18" charset="-128"/>
                <a:ea typeface="ＭＳ Ｐ明朝" panose="02020600040205080304" pitchFamily="18" charset="-128"/>
              </a:rPr>
              <a:t>資源の魅力度・集客力を上げるための取組みへの助成</a:t>
            </a:r>
            <a:endParaRPr lang="en-US" altLang="ja-JP" sz="1050" dirty="0">
              <a:solidFill>
                <a:schemeClr val="tx1"/>
              </a:solidFill>
              <a:latin typeface="ＭＳ Ｐ明朝" panose="02020600040205080304" pitchFamily="18" charset="-128"/>
              <a:ea typeface="ＭＳ Ｐ明朝" panose="02020600040205080304" pitchFamily="18" charset="-128"/>
            </a:endParaRPr>
          </a:p>
          <a:p>
            <a:pPr marL="180975" indent="-180975">
              <a:spcBef>
                <a:spcPts val="300"/>
              </a:spcBef>
            </a:pPr>
            <a:r>
              <a:rPr lang="ja-JP" altLang="en-US" sz="1050" dirty="0">
                <a:solidFill>
                  <a:schemeClr val="tx1"/>
                </a:solidFill>
                <a:latin typeface="ＭＳ Ｐ明朝" panose="02020600040205080304" pitchFamily="18" charset="-128"/>
                <a:ea typeface="ＭＳ Ｐ明朝" panose="02020600040205080304" pitchFamily="18" charset="-128"/>
              </a:rPr>
              <a:t>・</a:t>
            </a:r>
            <a:r>
              <a:rPr lang="ja-JP" altLang="en-US" sz="1050" dirty="0" smtClean="0">
                <a:solidFill>
                  <a:schemeClr val="tx1"/>
                </a:solidFill>
                <a:latin typeface="ＭＳ Ｐ明朝" panose="02020600040205080304" pitchFamily="18" charset="-128"/>
                <a:ea typeface="ＭＳ Ｐ明朝" panose="02020600040205080304" pitchFamily="18" charset="-128"/>
              </a:rPr>
              <a:t>パッケージ</a:t>
            </a:r>
            <a:r>
              <a:rPr lang="ja-JP" altLang="en-US" sz="1050" dirty="0">
                <a:solidFill>
                  <a:schemeClr val="tx1"/>
                </a:solidFill>
                <a:latin typeface="ＭＳ Ｐ明朝" panose="02020600040205080304" pitchFamily="18" charset="-128"/>
                <a:ea typeface="ＭＳ Ｐ明朝" panose="02020600040205080304" pitchFamily="18" charset="-128"/>
              </a:rPr>
              <a:t>として</a:t>
            </a:r>
            <a:r>
              <a:rPr lang="ja-JP" altLang="en-US" sz="1050" dirty="0" smtClean="0">
                <a:solidFill>
                  <a:schemeClr val="tx1"/>
                </a:solidFill>
                <a:latin typeface="ＭＳ Ｐ明朝" panose="02020600040205080304" pitchFamily="18" charset="-128"/>
                <a:ea typeface="ＭＳ Ｐ明朝" panose="02020600040205080304" pitchFamily="18" charset="-128"/>
              </a:rPr>
              <a:t>の情報発信ツールの提供・・・</a:t>
            </a:r>
            <a:r>
              <a:rPr kumimoji="1" lang="ja-JP" altLang="en-US" sz="1050" dirty="0" smtClean="0">
                <a:solidFill>
                  <a:schemeClr val="tx1"/>
                </a:solidFill>
                <a:latin typeface="ＭＳ Ｐ明朝" panose="02020600040205080304" pitchFamily="18" charset="-128"/>
                <a:ea typeface="ＭＳ Ｐ明朝" panose="02020600040205080304" pitchFamily="18" charset="-128"/>
              </a:rPr>
              <a:t>専用ホームページやスマートフォン向けアプリなどの情報発信ツールを提供。登録物の</a:t>
            </a:r>
            <a:r>
              <a:rPr lang="ja-JP" altLang="en-US" sz="1050" dirty="0" smtClean="0">
                <a:solidFill>
                  <a:schemeClr val="tx1"/>
                </a:solidFill>
                <a:latin typeface="ＭＳ Ｐ明朝" panose="02020600040205080304" pitchFamily="18" charset="-128"/>
                <a:ea typeface="ＭＳ Ｐ明朝" panose="02020600040205080304" pitchFamily="18" charset="-128"/>
              </a:rPr>
              <a:t>地域・ジャンル・年代・位置情報検索、登録物をめぐるツアー</a:t>
            </a:r>
            <a:r>
              <a:rPr lang="ja-JP" altLang="en-US" sz="1050" dirty="0">
                <a:solidFill>
                  <a:schemeClr val="tx1"/>
                </a:solidFill>
                <a:latin typeface="ＭＳ Ｐ明朝" panose="02020600040205080304" pitchFamily="18" charset="-128"/>
                <a:ea typeface="ＭＳ Ｐ明朝" panose="02020600040205080304" pitchFamily="18" charset="-128"/>
              </a:rPr>
              <a:t>提案</a:t>
            </a:r>
            <a:r>
              <a:rPr lang="ja-JP" altLang="en-US" sz="1050" dirty="0" smtClean="0">
                <a:solidFill>
                  <a:schemeClr val="tx1"/>
                </a:solidFill>
                <a:latin typeface="ＭＳ Ｐ明朝" panose="02020600040205080304" pitchFamily="18" charset="-128"/>
                <a:ea typeface="ＭＳ Ｐ明朝" panose="02020600040205080304" pitchFamily="18" charset="-128"/>
              </a:rPr>
              <a:t>など</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pPr marL="180975" indent="-180975">
              <a:spcBef>
                <a:spcPts val="300"/>
              </a:spcBef>
            </a:pPr>
            <a:r>
              <a:rPr lang="ja-JP" altLang="en-US" sz="1050" dirty="0">
                <a:solidFill>
                  <a:schemeClr val="tx1"/>
                </a:solidFill>
                <a:latin typeface="ＭＳ Ｐ明朝" panose="02020600040205080304" pitchFamily="18" charset="-128"/>
                <a:ea typeface="ＭＳ Ｐ明朝" panose="02020600040205080304" pitchFamily="18" charset="-128"/>
              </a:rPr>
              <a:t>・</a:t>
            </a:r>
            <a:r>
              <a:rPr lang="ja-JP" altLang="en-US" sz="1050" dirty="0" smtClean="0">
                <a:solidFill>
                  <a:schemeClr val="tx1"/>
                </a:solidFill>
                <a:latin typeface="ＭＳ Ｐ明朝" panose="02020600040205080304" pitchFamily="18" charset="-128"/>
                <a:ea typeface="ＭＳ Ｐ明朝" panose="02020600040205080304" pitchFamily="18" charset="-128"/>
              </a:rPr>
              <a:t>情報発信力の強化</a:t>
            </a:r>
            <a:r>
              <a:rPr lang="ja-JP" altLang="en-US" sz="1050" dirty="0">
                <a:solidFill>
                  <a:schemeClr val="tx1"/>
                </a:solidFill>
                <a:latin typeface="ＭＳ Ｐ明朝" panose="02020600040205080304" pitchFamily="18" charset="-128"/>
                <a:ea typeface="ＭＳ Ｐ明朝" panose="02020600040205080304" pitchFamily="18" charset="-128"/>
              </a:rPr>
              <a:t>・・</a:t>
            </a:r>
            <a:r>
              <a:rPr lang="ja-JP" altLang="en-US" sz="1050" dirty="0" smtClean="0">
                <a:solidFill>
                  <a:schemeClr val="tx1"/>
                </a:solidFill>
                <a:latin typeface="ＭＳ Ｐ明朝" panose="02020600040205080304" pitchFamily="18" charset="-128"/>
                <a:ea typeface="ＭＳ Ｐ明朝" panose="02020600040205080304" pitchFamily="18" charset="-128"/>
              </a:rPr>
              <a:t>・</a:t>
            </a:r>
            <a:r>
              <a:rPr lang="en-US" altLang="ja-JP" sz="1050" dirty="0" smtClean="0">
                <a:solidFill>
                  <a:schemeClr val="tx1"/>
                </a:solidFill>
                <a:latin typeface="ＭＳ Ｐ明朝" panose="02020600040205080304" pitchFamily="18" charset="-128"/>
                <a:ea typeface="ＭＳ Ｐ明朝" panose="02020600040205080304" pitchFamily="18" charset="-128"/>
              </a:rPr>
              <a:t>CM</a:t>
            </a:r>
            <a:r>
              <a:rPr lang="ja-JP" altLang="en-US" sz="1050" dirty="0" smtClean="0">
                <a:solidFill>
                  <a:schemeClr val="tx1"/>
                </a:solidFill>
                <a:latin typeface="ＭＳ Ｐ明朝" panose="02020600040205080304" pitchFamily="18" charset="-128"/>
                <a:ea typeface="ＭＳ Ｐ明朝" panose="02020600040205080304" pitchFamily="18" charset="-128"/>
              </a:rPr>
              <a:t>コンテスト、イベント</a:t>
            </a:r>
            <a:r>
              <a:rPr lang="ja-JP" altLang="en-US" sz="1050" dirty="0">
                <a:solidFill>
                  <a:schemeClr val="tx1"/>
                </a:solidFill>
                <a:latin typeface="ＭＳ Ｐ明朝" panose="02020600040205080304" pitchFamily="18" charset="-128"/>
                <a:ea typeface="ＭＳ Ｐ明朝" panose="02020600040205080304" pitchFamily="18" charset="-128"/>
              </a:rPr>
              <a:t>連携</a:t>
            </a:r>
            <a:r>
              <a:rPr lang="ja-JP" altLang="en-US" sz="1050" dirty="0" smtClean="0">
                <a:solidFill>
                  <a:schemeClr val="tx1"/>
                </a:solidFill>
                <a:latin typeface="ＭＳ Ｐ明朝" panose="02020600040205080304" pitchFamily="18" charset="-128"/>
                <a:ea typeface="ＭＳ Ｐ明朝" panose="02020600040205080304" pitchFamily="18" charset="-128"/>
              </a:rPr>
              <a:t>コーディネート等を実施</a:t>
            </a:r>
            <a:endParaRPr kumimoji="1" lang="ja-JP" altLang="en-US" sz="1050" dirty="0">
              <a:solidFill>
                <a:schemeClr val="tx1"/>
              </a:solidFill>
              <a:latin typeface="ＭＳ Ｐ明朝" panose="02020600040205080304" pitchFamily="18" charset="-128"/>
              <a:ea typeface="ＭＳ Ｐ明朝" panose="02020600040205080304" pitchFamily="18" charset="-128"/>
            </a:endParaRPr>
          </a:p>
        </p:txBody>
      </p:sp>
      <p:sp>
        <p:nvSpPr>
          <p:cNvPr id="20" name="正方形/長方形 19"/>
          <p:cNvSpPr/>
          <p:nvPr/>
        </p:nvSpPr>
        <p:spPr>
          <a:xfrm>
            <a:off x="2921711" y="5337796"/>
            <a:ext cx="6835296" cy="1401024"/>
          </a:xfrm>
          <a:prstGeom prst="rect">
            <a:avLst/>
          </a:prstGeom>
          <a:ln>
            <a:noFill/>
          </a:ln>
        </p:spPr>
        <p:style>
          <a:lnRef idx="1">
            <a:schemeClr val="accent1"/>
          </a:lnRef>
          <a:fillRef idx="0">
            <a:schemeClr val="accent1"/>
          </a:fillRef>
          <a:effectRef idx="0">
            <a:schemeClr val="accent1"/>
          </a:effectRef>
          <a:fontRef idx="minor">
            <a:schemeClr val="tx1"/>
          </a:fontRef>
        </p:style>
        <p:txBody>
          <a:bodyPr rtlCol="0" anchor="t"/>
          <a:lstStyle/>
          <a:p>
            <a:r>
              <a:rPr kumimoji="1" lang="en-US" altLang="ja-JP" sz="1050" dirty="0" smtClean="0">
                <a:latin typeface="ＭＳ Ｐゴシック" panose="020B0600070205080204" pitchFamily="50" charset="-128"/>
                <a:ea typeface="ＭＳ Ｐゴシック" panose="020B0600070205080204" pitchFamily="50" charset="-128"/>
              </a:rPr>
              <a:t>【</a:t>
            </a:r>
            <a:r>
              <a:rPr kumimoji="1" lang="ja-JP" altLang="en-US" sz="1050" dirty="0" smtClean="0">
                <a:latin typeface="ＭＳ Ｐゴシック" panose="020B0600070205080204" pitchFamily="50" charset="-128"/>
                <a:ea typeface="ＭＳ Ｐゴシック" panose="020B0600070205080204" pitchFamily="50" charset="-128"/>
              </a:rPr>
              <a:t>大阪ミュージアム構想の取り組み成果</a:t>
            </a:r>
            <a:r>
              <a:rPr kumimoji="1" lang="en-US" altLang="ja-JP" sz="1050" dirty="0" smtClean="0">
                <a:latin typeface="ＭＳ Ｐゴシック" panose="020B0600070205080204" pitchFamily="50" charset="-128"/>
                <a:ea typeface="ＭＳ Ｐゴシック" panose="020B0600070205080204" pitchFamily="50" charset="-128"/>
              </a:rPr>
              <a:t>】</a:t>
            </a:r>
          </a:p>
          <a:p>
            <a:r>
              <a:rPr lang="ja-JP" altLang="en-US" sz="1050" dirty="0" smtClean="0">
                <a:latin typeface="ＭＳ Ｐゴシック" panose="020B0600070205080204" pitchFamily="50" charset="-128"/>
                <a:ea typeface="ＭＳ Ｐゴシック" panose="020B0600070205080204" pitchFamily="50" charset="-128"/>
              </a:rPr>
              <a:t>　　</a:t>
            </a:r>
            <a:r>
              <a:rPr lang="ja-JP" altLang="en-US" sz="1050" dirty="0" smtClean="0">
                <a:latin typeface="ＭＳ Ｐ明朝" panose="02020600040205080304" pitchFamily="18" charset="-128"/>
                <a:ea typeface="ＭＳ Ｐ明朝" panose="02020600040205080304" pitchFamily="18" charset="-128"/>
              </a:rPr>
              <a:t>取り組み</a:t>
            </a:r>
            <a:r>
              <a:rPr lang="ja-JP" altLang="en-US" sz="1050" dirty="0">
                <a:latin typeface="ＭＳ Ｐ明朝" panose="02020600040205080304" pitchFamily="18" charset="-128"/>
                <a:ea typeface="ＭＳ Ｐ明朝" panose="02020600040205080304" pitchFamily="18" charset="-128"/>
              </a:rPr>
              <a:t>の柱として、ミュージアム基金を活用して、地域主体のまちの魅力づくりを</a:t>
            </a:r>
            <a:r>
              <a:rPr lang="ja-JP" altLang="en-US" sz="1050" dirty="0" smtClean="0">
                <a:latin typeface="ＭＳ Ｐ明朝" panose="02020600040205080304" pitchFamily="18" charset="-128"/>
                <a:ea typeface="ＭＳ Ｐ明朝" panose="02020600040205080304" pitchFamily="18" charset="-128"/>
              </a:rPr>
              <a:t>支援</a:t>
            </a:r>
            <a:endParaRPr lang="en-US" altLang="ja-JP" sz="1050" dirty="0" smtClean="0">
              <a:latin typeface="ＭＳ Ｐ明朝" panose="02020600040205080304" pitchFamily="18" charset="-128"/>
              <a:ea typeface="ＭＳ Ｐ明朝" panose="02020600040205080304" pitchFamily="18" charset="-128"/>
            </a:endParaRPr>
          </a:p>
          <a:p>
            <a:endParaRPr lang="en-US" altLang="ja-JP" sz="1050" dirty="0"/>
          </a:p>
          <a:p>
            <a:r>
              <a:rPr lang="ja-JP" altLang="en-US" sz="1050" dirty="0" smtClean="0">
                <a:latin typeface="ＭＳ Ｐゴシック" panose="020B0600070205080204" pitchFamily="50" charset="-128"/>
                <a:ea typeface="ＭＳ Ｐゴシック" panose="020B0600070205080204" pitchFamily="50" charset="-128"/>
              </a:rPr>
              <a:t>■</a:t>
            </a:r>
            <a:r>
              <a:rPr lang="ja-JP" altLang="en-US" sz="1050" dirty="0">
                <a:latin typeface="ＭＳ Ｐゴシック" panose="020B0600070205080204" pitchFamily="50" charset="-128"/>
                <a:ea typeface="ＭＳ Ｐゴシック" panose="020B0600070205080204" pitchFamily="50" charset="-128"/>
              </a:rPr>
              <a:t>基金活用事例と集客効果</a:t>
            </a:r>
            <a:endParaRPr lang="en-US" altLang="ja-JP" sz="1050" dirty="0">
              <a:latin typeface="ＭＳ Ｐゴシック" panose="020B0600070205080204" pitchFamily="50" charset="-128"/>
              <a:ea typeface="ＭＳ Ｐゴシック" panose="020B0600070205080204" pitchFamily="50" charset="-128"/>
            </a:endParaRPr>
          </a:p>
          <a:p>
            <a:pPr marL="180975"/>
            <a:r>
              <a:rPr lang="ja-JP" altLang="en-US" sz="1000" dirty="0" smtClean="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北摂地域）　アステラス江坂ウインターイルミネーション　</a:t>
            </a:r>
            <a:r>
              <a:rPr lang="en-US" altLang="ja-JP" sz="1000" dirty="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吹田市</a:t>
            </a:r>
            <a:r>
              <a:rPr lang="en-US" altLang="ja-JP" sz="1000" dirty="0" smtClean="0">
                <a:latin typeface="ＭＳ Ｐ明朝" panose="02020600040205080304" pitchFamily="18" charset="-128"/>
                <a:ea typeface="ＭＳ Ｐ明朝" panose="02020600040205080304" pitchFamily="18" charset="-128"/>
              </a:rPr>
              <a:t>】	</a:t>
            </a:r>
            <a:r>
              <a:rPr lang="ja-JP" altLang="en-US" sz="1000" dirty="0" smtClean="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Ｈ</a:t>
            </a:r>
            <a:r>
              <a:rPr lang="en-US" altLang="ja-JP" sz="1000" dirty="0">
                <a:latin typeface="ＭＳ Ｐ明朝" panose="02020600040205080304" pitchFamily="18" charset="-128"/>
                <a:ea typeface="ＭＳ Ｐ明朝" panose="02020600040205080304" pitchFamily="18" charset="-128"/>
              </a:rPr>
              <a:t>23</a:t>
            </a:r>
            <a:r>
              <a:rPr lang="ja-JP" altLang="en-US" sz="1000" dirty="0">
                <a:latin typeface="ＭＳ Ｐ明朝" panose="02020600040205080304" pitchFamily="18" charset="-128"/>
                <a:ea typeface="ＭＳ Ｐ明朝" panose="02020600040205080304" pitchFamily="18" charset="-128"/>
              </a:rPr>
              <a:t>年度　</a:t>
            </a:r>
            <a:r>
              <a:rPr lang="en-US" altLang="ja-JP" sz="1000" dirty="0">
                <a:latin typeface="ＭＳ Ｐ明朝" panose="02020600040205080304" pitchFamily="18" charset="-128"/>
                <a:ea typeface="ＭＳ Ｐ明朝" panose="02020600040205080304" pitchFamily="18" charset="-128"/>
              </a:rPr>
              <a:t>17,500</a:t>
            </a:r>
            <a:r>
              <a:rPr lang="ja-JP" altLang="en-US" sz="1000" dirty="0">
                <a:latin typeface="ＭＳ Ｐ明朝" panose="02020600040205080304" pitchFamily="18" charset="-128"/>
                <a:ea typeface="ＭＳ Ｐ明朝" panose="02020600040205080304" pitchFamily="18" charset="-128"/>
              </a:rPr>
              <a:t>人　⇒　</a:t>
            </a:r>
            <a:r>
              <a:rPr lang="en-US" altLang="ja-JP" sz="1000" dirty="0">
                <a:latin typeface="ＭＳ Ｐ明朝" panose="02020600040205080304" pitchFamily="18" charset="-128"/>
                <a:ea typeface="ＭＳ Ｐ明朝" panose="02020600040205080304" pitchFamily="18" charset="-128"/>
              </a:rPr>
              <a:t>H25</a:t>
            </a:r>
            <a:r>
              <a:rPr lang="ja-JP" altLang="en-US" sz="1000" dirty="0">
                <a:latin typeface="ＭＳ Ｐ明朝" panose="02020600040205080304" pitchFamily="18" charset="-128"/>
                <a:ea typeface="ＭＳ Ｐ明朝" panose="02020600040205080304" pitchFamily="18" charset="-128"/>
              </a:rPr>
              <a:t>年度　</a:t>
            </a:r>
            <a:r>
              <a:rPr lang="en-US" altLang="ja-JP" sz="1000" dirty="0">
                <a:latin typeface="ＭＳ Ｐ明朝" panose="02020600040205080304" pitchFamily="18" charset="-128"/>
                <a:ea typeface="ＭＳ Ｐ明朝" panose="02020600040205080304" pitchFamily="18" charset="-128"/>
              </a:rPr>
              <a:t>158,000</a:t>
            </a:r>
            <a:r>
              <a:rPr lang="ja-JP" altLang="en-US" sz="1000" dirty="0">
                <a:latin typeface="ＭＳ Ｐ明朝" panose="02020600040205080304" pitchFamily="18" charset="-128"/>
                <a:ea typeface="ＭＳ Ｐ明朝" panose="02020600040205080304" pitchFamily="18" charset="-128"/>
              </a:rPr>
              <a:t>人）</a:t>
            </a:r>
            <a:endParaRPr lang="en-US" altLang="ja-JP" sz="1000" dirty="0">
              <a:latin typeface="ＭＳ Ｐ明朝" panose="02020600040205080304" pitchFamily="18" charset="-128"/>
              <a:ea typeface="ＭＳ Ｐ明朝" panose="02020600040205080304" pitchFamily="18" charset="-128"/>
            </a:endParaRPr>
          </a:p>
          <a:p>
            <a:pPr marL="180975"/>
            <a:r>
              <a:rPr lang="ja-JP" altLang="en-US" sz="1000" dirty="0" smtClean="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河内地域）　棚田夢灯り　</a:t>
            </a:r>
            <a:r>
              <a:rPr lang="en-US" altLang="ja-JP" sz="1000" dirty="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千早赤阪村</a:t>
            </a:r>
            <a:r>
              <a:rPr lang="en-US" altLang="ja-JP" sz="1000" dirty="0" smtClean="0">
                <a:latin typeface="ＭＳ Ｐ明朝" panose="02020600040205080304" pitchFamily="18" charset="-128"/>
                <a:ea typeface="ＭＳ Ｐ明朝" panose="02020600040205080304" pitchFamily="18" charset="-128"/>
              </a:rPr>
              <a:t>】		</a:t>
            </a:r>
            <a:r>
              <a:rPr lang="ja-JP" altLang="en-US" sz="1000" dirty="0" smtClean="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Ｈ</a:t>
            </a:r>
            <a:r>
              <a:rPr lang="en-US" altLang="ja-JP" sz="1000" dirty="0">
                <a:latin typeface="ＭＳ Ｐ明朝" panose="02020600040205080304" pitchFamily="18" charset="-128"/>
                <a:ea typeface="ＭＳ Ｐ明朝" panose="02020600040205080304" pitchFamily="18" charset="-128"/>
              </a:rPr>
              <a:t>21</a:t>
            </a:r>
            <a:r>
              <a:rPr lang="ja-JP" altLang="en-US" sz="1000" dirty="0">
                <a:latin typeface="ＭＳ Ｐ明朝" panose="02020600040205080304" pitchFamily="18" charset="-128"/>
                <a:ea typeface="ＭＳ Ｐ明朝" panose="02020600040205080304" pitchFamily="18" charset="-128"/>
              </a:rPr>
              <a:t>年度　</a:t>
            </a:r>
            <a:r>
              <a:rPr lang="en-US" altLang="ja-JP" sz="1000" dirty="0">
                <a:latin typeface="ＭＳ Ｐ明朝" panose="02020600040205080304" pitchFamily="18" charset="-128"/>
                <a:ea typeface="ＭＳ Ｐ明朝" panose="02020600040205080304" pitchFamily="18" charset="-128"/>
              </a:rPr>
              <a:t>1,500</a:t>
            </a:r>
            <a:r>
              <a:rPr lang="ja-JP" altLang="en-US" sz="1000" dirty="0">
                <a:latin typeface="ＭＳ Ｐ明朝" panose="02020600040205080304" pitchFamily="18" charset="-128"/>
                <a:ea typeface="ＭＳ Ｐ明朝" panose="02020600040205080304" pitchFamily="18" charset="-128"/>
              </a:rPr>
              <a:t>人　  ⇒　</a:t>
            </a:r>
            <a:r>
              <a:rPr lang="en-US" altLang="ja-JP" sz="1000" dirty="0">
                <a:latin typeface="ＭＳ Ｐ明朝" panose="02020600040205080304" pitchFamily="18" charset="-128"/>
                <a:ea typeface="ＭＳ Ｐ明朝" panose="02020600040205080304" pitchFamily="18" charset="-128"/>
              </a:rPr>
              <a:t>H25</a:t>
            </a:r>
            <a:r>
              <a:rPr lang="ja-JP" altLang="en-US" sz="1000" dirty="0">
                <a:latin typeface="ＭＳ Ｐ明朝" panose="02020600040205080304" pitchFamily="18" charset="-128"/>
                <a:ea typeface="ＭＳ Ｐ明朝" panose="02020600040205080304" pitchFamily="18" charset="-128"/>
              </a:rPr>
              <a:t>年度　</a:t>
            </a:r>
            <a:r>
              <a:rPr lang="en-US" altLang="ja-JP" sz="1000" dirty="0">
                <a:latin typeface="ＭＳ Ｐ明朝" panose="02020600040205080304" pitchFamily="18" charset="-128"/>
                <a:ea typeface="ＭＳ Ｐ明朝" panose="02020600040205080304" pitchFamily="18" charset="-128"/>
              </a:rPr>
              <a:t>4,000</a:t>
            </a:r>
            <a:r>
              <a:rPr lang="ja-JP" altLang="en-US" sz="1000" dirty="0">
                <a:latin typeface="ＭＳ Ｐ明朝" panose="02020600040205080304" pitchFamily="18" charset="-128"/>
                <a:ea typeface="ＭＳ Ｐ明朝" panose="02020600040205080304" pitchFamily="18" charset="-128"/>
              </a:rPr>
              <a:t>人）</a:t>
            </a:r>
            <a:endParaRPr lang="en-US" altLang="ja-JP" sz="1000" dirty="0">
              <a:latin typeface="ＭＳ Ｐ明朝" panose="02020600040205080304" pitchFamily="18" charset="-128"/>
              <a:ea typeface="ＭＳ Ｐ明朝" panose="02020600040205080304" pitchFamily="18" charset="-128"/>
            </a:endParaRPr>
          </a:p>
          <a:p>
            <a:pPr marL="180975"/>
            <a:r>
              <a:rPr lang="ja-JP" altLang="en-US" sz="1000" dirty="0">
                <a:latin typeface="ＭＳ Ｐ明朝" panose="02020600040205080304" pitchFamily="18" charset="-128"/>
                <a:ea typeface="ＭＳ Ｐ明朝" panose="02020600040205080304" pitchFamily="18" charset="-128"/>
              </a:rPr>
              <a:t>　　　　　　　　  久宝寺寺内町燈路まつり</a:t>
            </a:r>
            <a:r>
              <a:rPr lang="en-US" altLang="ja-JP" sz="1000" dirty="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八尾市</a:t>
            </a:r>
            <a:r>
              <a:rPr lang="en-US" altLang="ja-JP" sz="1000" dirty="0" smtClean="0">
                <a:latin typeface="ＭＳ Ｐ明朝" panose="02020600040205080304" pitchFamily="18" charset="-128"/>
                <a:ea typeface="ＭＳ Ｐ明朝" panose="02020600040205080304" pitchFamily="18" charset="-128"/>
              </a:rPr>
              <a:t>】		</a:t>
            </a:r>
            <a:r>
              <a:rPr lang="ja-JP" altLang="en-US" sz="1000" dirty="0" smtClean="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Ｈ</a:t>
            </a:r>
            <a:r>
              <a:rPr lang="en-US" altLang="ja-JP" sz="1000" dirty="0">
                <a:latin typeface="ＭＳ Ｐ明朝" panose="02020600040205080304" pitchFamily="18" charset="-128"/>
                <a:ea typeface="ＭＳ Ｐ明朝" panose="02020600040205080304" pitchFamily="18" charset="-128"/>
              </a:rPr>
              <a:t>21</a:t>
            </a:r>
            <a:r>
              <a:rPr lang="ja-JP" altLang="en-US" sz="1000" dirty="0">
                <a:latin typeface="ＭＳ Ｐ明朝" panose="02020600040205080304" pitchFamily="18" charset="-128"/>
                <a:ea typeface="ＭＳ Ｐ明朝" panose="02020600040205080304" pitchFamily="18" charset="-128"/>
              </a:rPr>
              <a:t>年度　</a:t>
            </a:r>
            <a:r>
              <a:rPr lang="en-US" altLang="ja-JP" sz="1000" dirty="0">
                <a:latin typeface="ＭＳ Ｐ明朝" panose="02020600040205080304" pitchFamily="18" charset="-128"/>
                <a:ea typeface="ＭＳ Ｐ明朝" panose="02020600040205080304" pitchFamily="18" charset="-128"/>
              </a:rPr>
              <a:t>3,000</a:t>
            </a:r>
            <a:r>
              <a:rPr lang="ja-JP" altLang="en-US" sz="1000" dirty="0">
                <a:latin typeface="ＭＳ Ｐ明朝" panose="02020600040205080304" pitchFamily="18" charset="-128"/>
                <a:ea typeface="ＭＳ Ｐ明朝" panose="02020600040205080304" pitchFamily="18" charset="-128"/>
              </a:rPr>
              <a:t>人　  ⇒　</a:t>
            </a:r>
            <a:r>
              <a:rPr lang="en-US" altLang="ja-JP" sz="1000" dirty="0">
                <a:latin typeface="ＭＳ Ｐ明朝" panose="02020600040205080304" pitchFamily="18" charset="-128"/>
                <a:ea typeface="ＭＳ Ｐ明朝" panose="02020600040205080304" pitchFamily="18" charset="-128"/>
              </a:rPr>
              <a:t>H25</a:t>
            </a:r>
            <a:r>
              <a:rPr lang="ja-JP" altLang="en-US" sz="1000" dirty="0">
                <a:latin typeface="ＭＳ Ｐ明朝" panose="02020600040205080304" pitchFamily="18" charset="-128"/>
                <a:ea typeface="ＭＳ Ｐ明朝" panose="02020600040205080304" pitchFamily="18" charset="-128"/>
              </a:rPr>
              <a:t>年度　</a:t>
            </a:r>
            <a:r>
              <a:rPr lang="en-US" altLang="ja-JP" sz="1000" dirty="0">
                <a:latin typeface="ＭＳ Ｐ明朝" panose="02020600040205080304" pitchFamily="18" charset="-128"/>
                <a:ea typeface="ＭＳ Ｐ明朝" panose="02020600040205080304" pitchFamily="18" charset="-128"/>
              </a:rPr>
              <a:t>4,800</a:t>
            </a:r>
            <a:r>
              <a:rPr lang="ja-JP" altLang="en-US" sz="1000" dirty="0">
                <a:latin typeface="ＭＳ Ｐ明朝" panose="02020600040205080304" pitchFamily="18" charset="-128"/>
                <a:ea typeface="ＭＳ Ｐ明朝" panose="02020600040205080304" pitchFamily="18" charset="-128"/>
              </a:rPr>
              <a:t>人）</a:t>
            </a:r>
            <a:endParaRPr lang="en-US" altLang="ja-JP" sz="1000" dirty="0">
              <a:latin typeface="ＭＳ Ｐ明朝" panose="02020600040205080304" pitchFamily="18" charset="-128"/>
              <a:ea typeface="ＭＳ Ｐ明朝" panose="02020600040205080304" pitchFamily="18" charset="-128"/>
            </a:endParaRPr>
          </a:p>
          <a:p>
            <a:pPr marL="180975"/>
            <a:r>
              <a:rPr lang="ja-JP" altLang="en-US" sz="1000" dirty="0" smtClean="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泉州地域）　 熊野街道信達宿の藤まつり</a:t>
            </a:r>
            <a:r>
              <a:rPr lang="en-US" altLang="ja-JP" sz="1000" dirty="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泉南市</a:t>
            </a:r>
            <a:r>
              <a:rPr lang="en-US" altLang="ja-JP" sz="1000" dirty="0" smtClean="0">
                <a:latin typeface="ＭＳ Ｐ明朝" panose="02020600040205080304" pitchFamily="18" charset="-128"/>
                <a:ea typeface="ＭＳ Ｐ明朝" panose="02020600040205080304" pitchFamily="18" charset="-128"/>
              </a:rPr>
              <a:t>】	</a:t>
            </a:r>
            <a:r>
              <a:rPr lang="ja-JP" altLang="en-US" sz="1000" dirty="0" smtClean="0">
                <a:latin typeface="ＭＳ Ｐ明朝" panose="02020600040205080304" pitchFamily="18" charset="-128"/>
                <a:ea typeface="ＭＳ Ｐ明朝" panose="02020600040205080304" pitchFamily="18" charset="-128"/>
              </a:rPr>
              <a:t>（</a:t>
            </a:r>
            <a:r>
              <a:rPr lang="ja-JP" altLang="en-US" sz="1000" dirty="0">
                <a:latin typeface="ＭＳ Ｐ明朝" panose="02020600040205080304" pitchFamily="18" charset="-128"/>
                <a:ea typeface="ＭＳ Ｐ明朝" panose="02020600040205080304" pitchFamily="18" charset="-128"/>
              </a:rPr>
              <a:t>Ｈ</a:t>
            </a:r>
            <a:r>
              <a:rPr lang="en-US" altLang="ja-JP" sz="1000" dirty="0">
                <a:latin typeface="ＭＳ Ｐ明朝" panose="02020600040205080304" pitchFamily="18" charset="-128"/>
                <a:ea typeface="ＭＳ Ｐ明朝" panose="02020600040205080304" pitchFamily="18" charset="-128"/>
              </a:rPr>
              <a:t>22</a:t>
            </a:r>
            <a:r>
              <a:rPr lang="ja-JP" altLang="en-US" sz="1000" dirty="0">
                <a:latin typeface="ＭＳ Ｐ明朝" panose="02020600040205080304" pitchFamily="18" charset="-128"/>
                <a:ea typeface="ＭＳ Ｐ明朝" panose="02020600040205080304" pitchFamily="18" charset="-128"/>
              </a:rPr>
              <a:t>年度　</a:t>
            </a:r>
            <a:r>
              <a:rPr lang="en-US" altLang="ja-JP" sz="1000" dirty="0">
                <a:latin typeface="ＭＳ Ｐ明朝" panose="02020600040205080304" pitchFamily="18" charset="-128"/>
                <a:ea typeface="ＭＳ Ｐ明朝" panose="02020600040205080304" pitchFamily="18" charset="-128"/>
              </a:rPr>
              <a:t>9,000</a:t>
            </a:r>
            <a:r>
              <a:rPr lang="ja-JP" altLang="en-US" sz="1000" dirty="0">
                <a:latin typeface="ＭＳ Ｐ明朝" panose="02020600040205080304" pitchFamily="18" charset="-128"/>
                <a:ea typeface="ＭＳ Ｐ明朝" panose="02020600040205080304" pitchFamily="18" charset="-128"/>
              </a:rPr>
              <a:t>人　  ⇒　</a:t>
            </a:r>
            <a:r>
              <a:rPr lang="en-US" altLang="ja-JP" sz="1000" dirty="0">
                <a:latin typeface="ＭＳ Ｐ明朝" panose="02020600040205080304" pitchFamily="18" charset="-128"/>
                <a:ea typeface="ＭＳ Ｐ明朝" panose="02020600040205080304" pitchFamily="18" charset="-128"/>
              </a:rPr>
              <a:t>H25</a:t>
            </a:r>
            <a:r>
              <a:rPr lang="ja-JP" altLang="en-US" sz="1000" dirty="0">
                <a:latin typeface="ＭＳ Ｐ明朝" panose="02020600040205080304" pitchFamily="18" charset="-128"/>
                <a:ea typeface="ＭＳ Ｐ明朝" panose="02020600040205080304" pitchFamily="18" charset="-128"/>
              </a:rPr>
              <a:t>年度　</a:t>
            </a:r>
            <a:r>
              <a:rPr lang="en-US" altLang="ja-JP" sz="1000" dirty="0">
                <a:latin typeface="ＭＳ Ｐ明朝" panose="02020600040205080304" pitchFamily="18" charset="-128"/>
                <a:ea typeface="ＭＳ Ｐ明朝" panose="02020600040205080304" pitchFamily="18" charset="-128"/>
              </a:rPr>
              <a:t>12,500</a:t>
            </a:r>
            <a:r>
              <a:rPr lang="ja-JP" altLang="en-US" sz="1000" dirty="0">
                <a:latin typeface="ＭＳ Ｐ明朝" panose="02020600040205080304" pitchFamily="18" charset="-128"/>
                <a:ea typeface="ＭＳ Ｐ明朝" panose="02020600040205080304" pitchFamily="18" charset="-128"/>
              </a:rPr>
              <a:t>人</a:t>
            </a:r>
            <a:r>
              <a:rPr lang="ja-JP" altLang="en-US" sz="1000" dirty="0" smtClean="0">
                <a:latin typeface="ＭＳ Ｐ明朝" panose="02020600040205080304" pitchFamily="18" charset="-128"/>
                <a:ea typeface="ＭＳ Ｐ明朝" panose="02020600040205080304" pitchFamily="18" charset="-128"/>
              </a:rPr>
              <a:t>）</a:t>
            </a:r>
            <a:endParaRPr kumimoji="1" lang="ja-JP" altLang="en-US" sz="1050" dirty="0"/>
          </a:p>
        </p:txBody>
      </p:sp>
      <p:sp>
        <p:nvSpPr>
          <p:cNvPr id="21" name="正方形/長方形 20"/>
          <p:cNvSpPr/>
          <p:nvPr/>
        </p:nvSpPr>
        <p:spPr>
          <a:xfrm>
            <a:off x="2921711" y="5990524"/>
            <a:ext cx="6643786" cy="422651"/>
          </a:xfrm>
          <a:prstGeom prst="rect">
            <a:avLst/>
          </a:prstGeom>
          <a:ln>
            <a:noFill/>
          </a:ln>
        </p:spPr>
        <p:style>
          <a:lnRef idx="1">
            <a:schemeClr val="accent1"/>
          </a:lnRef>
          <a:fillRef idx="0">
            <a:schemeClr val="accent1"/>
          </a:fillRef>
          <a:effectRef idx="0">
            <a:schemeClr val="accent1"/>
          </a:effectRef>
          <a:fontRef idx="minor">
            <a:schemeClr val="tx1"/>
          </a:fontRef>
        </p:style>
        <p:txBody>
          <a:bodyPr rtlCol="0" anchor="ctr"/>
          <a:lstStyle/>
          <a:p>
            <a:r>
              <a:rPr lang="ja-JP" altLang="en-US" sz="1000" b="1" dirty="0" smtClean="0"/>
              <a:t>　</a:t>
            </a:r>
            <a:endParaRPr lang="en-US" altLang="ja-JP" sz="1000" b="1" dirty="0" smtClean="0"/>
          </a:p>
          <a:p>
            <a:endParaRPr kumimoji="1" lang="en-US" altLang="ja-JP" sz="1000" b="1" dirty="0" smtClean="0"/>
          </a:p>
          <a:p>
            <a:endParaRPr kumimoji="1" lang="en-US" altLang="ja-JP" sz="1000" b="1" dirty="0" smtClean="0"/>
          </a:p>
          <a:p>
            <a:endParaRPr kumimoji="1" lang="ja-JP" altLang="en-US" sz="1000" b="1" dirty="0"/>
          </a:p>
        </p:txBody>
      </p:sp>
      <p:sp>
        <p:nvSpPr>
          <p:cNvPr id="19" name="スライド番号プレースホルダ 18"/>
          <p:cNvSpPr>
            <a:spLocks noGrp="1"/>
          </p:cNvSpPr>
          <p:nvPr>
            <p:ph type="sldNum" sz="quarter" idx="12"/>
          </p:nvPr>
        </p:nvSpPr>
        <p:spPr/>
        <p:txBody>
          <a:bodyPr/>
          <a:lstStyle/>
          <a:p>
            <a:fld id="{37EF5067-3AB7-4642-9103-42CBD40CC6D9}" type="slidenum">
              <a:rPr kumimoji="1" lang="ja-JP" altLang="en-US" smtClean="0"/>
              <a:pPr/>
              <a:t>63</a:t>
            </a:fld>
            <a:endParaRPr kumimoji="1" lang="ja-JP" altLang="en-US" dirty="0"/>
          </a:p>
        </p:txBody>
      </p:sp>
    </p:spTree>
    <p:extLst>
      <p:ext uri="{BB962C8B-B14F-4D97-AF65-F5344CB8AC3E}">
        <p14:creationId xmlns:p14="http://schemas.microsoft.com/office/powerpoint/2010/main" val="2614439486"/>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11"/>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⑤　オール</a:t>
            </a:r>
            <a:r>
              <a:rPr lang="ja-JP" altLang="en-US" sz="2000" b="1" dirty="0">
                <a:solidFill>
                  <a:schemeClr val="bg1"/>
                </a:solidFill>
                <a:latin typeface="ＭＳ ゴシック" pitchFamily="49" charset="-128"/>
                <a:ea typeface="ＭＳ ゴシック" pitchFamily="49" charset="-128"/>
              </a:rPr>
              <a:t>大阪</a:t>
            </a:r>
            <a:r>
              <a:rPr lang="ja-JP" altLang="en-US" sz="2000" b="1" dirty="0" smtClean="0">
                <a:solidFill>
                  <a:schemeClr val="bg1"/>
                </a:solidFill>
                <a:latin typeface="ＭＳ ゴシック" pitchFamily="49" charset="-128"/>
                <a:ea typeface="ＭＳ ゴシック" pitchFamily="49" charset="-128"/>
              </a:rPr>
              <a:t>での観光</a:t>
            </a:r>
            <a:r>
              <a:rPr lang="ja-JP" altLang="en-US" sz="2000" b="1" dirty="0">
                <a:solidFill>
                  <a:schemeClr val="bg1"/>
                </a:solidFill>
                <a:latin typeface="ＭＳ ゴシック" pitchFamily="49" charset="-128"/>
                <a:ea typeface="ＭＳ ゴシック" pitchFamily="49" charset="-128"/>
              </a:rPr>
              <a:t>プロモーション推進</a:t>
            </a:r>
            <a:r>
              <a:rPr lang="ja-JP" altLang="en-US" sz="2000" b="1" dirty="0" smtClean="0">
                <a:solidFill>
                  <a:schemeClr val="bg1"/>
                </a:solidFill>
                <a:latin typeface="ＭＳ ゴシック" pitchFamily="49" charset="-128"/>
                <a:ea typeface="ＭＳ ゴシック" pitchFamily="49" charset="-128"/>
              </a:rPr>
              <a:t>体制　～大阪観光局～</a:t>
            </a:r>
            <a:endParaRPr lang="en-US" altLang="ja-JP" sz="2000" b="1" dirty="0" smtClean="0">
              <a:solidFill>
                <a:schemeClr val="bg1"/>
              </a:solidFill>
              <a:latin typeface="ＭＳ ゴシック" pitchFamily="49" charset="-128"/>
              <a:ea typeface="ＭＳ ゴシック" pitchFamily="49" charset="-128"/>
            </a:endParaRPr>
          </a:p>
        </p:txBody>
      </p:sp>
      <p:sp>
        <p:nvSpPr>
          <p:cNvPr id="29" name="正方形/長方形 28"/>
          <p:cNvSpPr/>
          <p:nvPr/>
        </p:nvSpPr>
        <p:spPr>
          <a:xfrm>
            <a:off x="98165" y="1179864"/>
            <a:ext cx="2687687" cy="41541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marL="108000" lvl="0" indent="-144000"/>
            <a:endParaRPr lang="en-US" altLang="ja-JP" sz="1200" dirty="0" smtClean="0">
              <a:solidFill>
                <a:schemeClr val="tx1"/>
              </a:solidFill>
            </a:endParaRPr>
          </a:p>
          <a:p>
            <a:pPr marL="72000" lvl="0" indent="-144000">
              <a:spcBef>
                <a:spcPts val="600"/>
              </a:spcBef>
            </a:pPr>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dirty="0" smtClean="0">
                <a:solidFill>
                  <a:schemeClr val="tx1"/>
                </a:solidFill>
                <a:latin typeface="ＭＳ Ｐゴシック" panose="020B0600070205080204" pitchFamily="50" charset="-128"/>
                <a:ea typeface="ＭＳ Ｐゴシック" panose="020B0600070205080204" pitchFamily="50" charset="-128"/>
              </a:rPr>
              <a:t>背景</a:t>
            </a:r>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p>
          <a:p>
            <a:pPr marL="72000" indent="-144000"/>
            <a:r>
              <a:rPr lang="ja-JP" altLang="en-US" sz="1050" dirty="0" smtClean="0">
                <a:solidFill>
                  <a:schemeClr val="tx1"/>
                </a:solidFill>
              </a:rPr>
              <a:t>　</a:t>
            </a:r>
            <a:r>
              <a:rPr lang="ja-JP" altLang="en-US" sz="1050" dirty="0" smtClean="0">
                <a:solidFill>
                  <a:schemeClr val="tx1"/>
                </a:solidFill>
                <a:latin typeface="ＭＳ Ｐ明朝" panose="02020600040205080304" pitchFamily="18" charset="-128"/>
                <a:ea typeface="ＭＳ Ｐ明朝" panose="02020600040205080304" pitchFamily="18" charset="-128"/>
              </a:rPr>
              <a:t>大阪における観光振興については、大阪府は「大阪府観光戦略」、大阪市は「大阪市観光振興戦略」に基づき、府市ともに（公財）大阪観光コンベンション協会と連携して実施してきた。</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pPr marL="72000" lvl="0" indent="-144000"/>
            <a:endParaRPr lang="en-US" altLang="ja-JP" sz="1050" dirty="0" smtClean="0">
              <a:solidFill>
                <a:schemeClr val="tx1"/>
              </a:solidFill>
            </a:endParaRPr>
          </a:p>
          <a:p>
            <a:pPr marL="72000" lvl="0" indent="-144000"/>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dirty="0" smtClean="0">
                <a:solidFill>
                  <a:schemeClr val="tx1"/>
                </a:solidFill>
                <a:latin typeface="ＭＳ Ｐゴシック" panose="020B0600070205080204" pitchFamily="50" charset="-128"/>
                <a:ea typeface="ＭＳ Ｐゴシック" panose="020B0600070205080204" pitchFamily="50" charset="-128"/>
              </a:rPr>
              <a:t>課題</a:t>
            </a:r>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p>
          <a:p>
            <a:pPr marL="72000" lvl="0" indent="-144000"/>
            <a:r>
              <a:rPr lang="ja-JP" altLang="en-US" sz="1050" dirty="0" smtClean="0">
                <a:solidFill>
                  <a:schemeClr val="tx1"/>
                </a:solidFill>
                <a:latin typeface="ＭＳ Ｐ明朝" panose="02020600040205080304" pitchFamily="18" charset="-128"/>
                <a:ea typeface="ＭＳ Ｐ明朝" panose="02020600040205080304" pitchFamily="18" charset="-128"/>
              </a:rPr>
              <a:t>　・行政主導による事業組み立て</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pPr marL="72000" lvl="0" indent="-144000"/>
            <a:r>
              <a:rPr lang="ja-JP" altLang="en-US" sz="1050" dirty="0" smtClean="0">
                <a:solidFill>
                  <a:schemeClr val="tx1"/>
                </a:solidFill>
                <a:latin typeface="ＭＳ Ｐ明朝" panose="02020600040205080304" pitchFamily="18" charset="-128"/>
                <a:ea typeface="ＭＳ Ｐ明朝" panose="02020600040205080304" pitchFamily="18" charset="-128"/>
              </a:rPr>
              <a:t>　・状況の変化に応じた迅速な対応が困難</a:t>
            </a:r>
            <a:endParaRPr lang="en-US" altLang="ja-JP" sz="1050" strike="dblStrike" dirty="0" smtClean="0">
              <a:solidFill>
                <a:srgbClr val="0000FF"/>
              </a:solidFill>
              <a:latin typeface="ＭＳ Ｐ明朝" panose="02020600040205080304" pitchFamily="18" charset="-128"/>
              <a:ea typeface="ＭＳ Ｐ明朝" panose="02020600040205080304" pitchFamily="18" charset="-128"/>
            </a:endParaRPr>
          </a:p>
          <a:p>
            <a:pPr marL="72000" lvl="0" indent="-144000"/>
            <a:r>
              <a:rPr lang="ja-JP" altLang="en-US" sz="1050" dirty="0" smtClean="0">
                <a:solidFill>
                  <a:schemeClr val="tx1"/>
                </a:solidFill>
                <a:latin typeface="ＭＳ Ｐ明朝" panose="02020600040205080304" pitchFamily="18" charset="-128"/>
                <a:ea typeface="ＭＳ Ｐ明朝" panose="02020600040205080304" pitchFamily="18" charset="-128"/>
              </a:rPr>
              <a:t>　・明確な目標設定と評価の仕組みがない</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pPr marL="72000" lvl="0" indent="-144000"/>
            <a:endParaRPr lang="en-US" altLang="ja-JP" sz="1100" dirty="0" smtClean="0">
              <a:solidFill>
                <a:schemeClr val="tx1"/>
              </a:solidFill>
            </a:endParaRPr>
          </a:p>
          <a:p>
            <a:pPr marL="72000" lvl="0" indent="-144000"/>
            <a:r>
              <a:rPr lang="ja-JP" altLang="en-US" sz="1100" dirty="0" smtClean="0">
                <a:solidFill>
                  <a:schemeClr val="tx1"/>
                </a:solidFill>
              </a:rPr>
              <a:t>　</a:t>
            </a:r>
            <a:endParaRPr lang="en-US" altLang="ja-JP" sz="1100" dirty="0" smtClean="0">
              <a:solidFill>
                <a:schemeClr val="tx1"/>
              </a:solidFill>
            </a:endParaRPr>
          </a:p>
        </p:txBody>
      </p:sp>
      <p:sp>
        <p:nvSpPr>
          <p:cNvPr id="30" name="正方形/長方形 29"/>
          <p:cNvSpPr/>
          <p:nvPr/>
        </p:nvSpPr>
        <p:spPr>
          <a:xfrm>
            <a:off x="6104831" y="1179864"/>
            <a:ext cx="3673570" cy="34556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endParaRPr lang="en-US" altLang="ja-JP" sz="1200" dirty="0" smtClean="0">
              <a:solidFill>
                <a:schemeClr val="tx1"/>
              </a:solidFill>
            </a:endParaRPr>
          </a:p>
          <a:p>
            <a:pPr>
              <a:spcBef>
                <a:spcPts val="600"/>
              </a:spcBef>
            </a:pP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外国人目線でのマーケティング</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marL="127000" indent="-127000"/>
            <a:r>
              <a:rPr lang="ja-JP" altLang="en-US" sz="1000" b="1" dirty="0" smtClean="0">
                <a:solidFill>
                  <a:schemeClr val="tx1"/>
                </a:solidFill>
                <a:latin typeface="ＭＳ Ｐ明朝" panose="02020600040205080304" pitchFamily="18" charset="-128"/>
                <a:ea typeface="ＭＳ Ｐ明朝" panose="02020600040205080304" pitchFamily="18" charset="-128"/>
              </a:rPr>
              <a:t>　</a:t>
            </a:r>
            <a:r>
              <a:rPr lang="ja-JP" altLang="en-US" sz="1000" dirty="0">
                <a:solidFill>
                  <a:schemeClr val="tx1"/>
                </a:solidFill>
                <a:latin typeface="ＭＳ Ｐ明朝" panose="02020600040205080304" pitchFamily="18" charset="-128"/>
                <a:ea typeface="ＭＳ Ｐ明朝" panose="02020600040205080304" pitchFamily="18" charset="-128"/>
              </a:rPr>
              <a:t>・関西国際空港での外国人動向調査を実施。</a:t>
            </a:r>
            <a:r>
              <a:rPr lang="en-US" altLang="ja-JP" sz="1000" dirty="0">
                <a:solidFill>
                  <a:schemeClr val="tx1"/>
                </a:solidFill>
                <a:latin typeface="ＭＳ Ｐ明朝" panose="02020600040205080304" pitchFamily="18" charset="-128"/>
                <a:ea typeface="ＭＳ Ｐ明朝" panose="02020600040205080304" pitchFamily="18" charset="-128"/>
              </a:rPr>
              <a:t>8,200</a:t>
            </a:r>
            <a:r>
              <a:rPr lang="ja-JP" altLang="en-US" sz="1000" dirty="0">
                <a:solidFill>
                  <a:schemeClr val="tx1"/>
                </a:solidFill>
                <a:latin typeface="ＭＳ Ｐ明朝" panose="02020600040205080304" pitchFamily="18" charset="-128"/>
                <a:ea typeface="ＭＳ Ｐ明朝" panose="02020600040205080304" pitchFamily="18" charset="-128"/>
              </a:rPr>
              <a:t>人のデータを収集して事業戦略に</a:t>
            </a:r>
            <a:r>
              <a:rPr lang="ja-JP" altLang="en-US" sz="1000" dirty="0" smtClean="0">
                <a:solidFill>
                  <a:schemeClr val="tx1"/>
                </a:solidFill>
                <a:latin typeface="ＭＳ Ｐ明朝" panose="02020600040205080304" pitchFamily="18" charset="-128"/>
                <a:ea typeface="ＭＳ Ｐ明朝" panose="02020600040205080304" pitchFamily="18" charset="-128"/>
              </a:rPr>
              <a:t>活用</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ターゲットを狙ったプロモーション</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000" dirty="0" smtClean="0">
                <a:solidFill>
                  <a:schemeClr val="tx1"/>
                </a:solidFill>
                <a:latin typeface="ＭＳ Ｐ明朝" panose="02020600040205080304" pitchFamily="18" charset="-128"/>
                <a:ea typeface="ＭＳ Ｐ明朝" panose="02020600040205080304" pitchFamily="18" charset="-128"/>
              </a:rPr>
              <a:t>　・マーケティングに基づいた戦略的なプロモーション</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lang="ja-JP" altLang="en-US" sz="1000" dirty="0" smtClean="0">
                <a:solidFill>
                  <a:schemeClr val="tx1"/>
                </a:solidFill>
                <a:latin typeface="ＭＳ Ｐ明朝" panose="02020600040205080304" pitchFamily="18" charset="-128"/>
                <a:ea typeface="ＭＳ Ｐ明朝" panose="02020600040205080304" pitchFamily="18" charset="-128"/>
              </a:rPr>
              <a:t>　・「ムスリム観光客受入セミナー」を実施</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インターネット戦略</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pPr marL="177800" indent="-177800"/>
            <a:r>
              <a:rPr lang="ja-JP" altLang="en-US" sz="1000" dirty="0" smtClean="0">
                <a:solidFill>
                  <a:schemeClr val="tx1"/>
                </a:solidFill>
                <a:latin typeface="ＭＳ Ｐ明朝" panose="02020600040205080304" pitchFamily="18" charset="-128"/>
                <a:ea typeface="ＭＳ Ｐ明朝" panose="02020600040205080304" pitchFamily="18" charset="-128"/>
              </a:rPr>
              <a:t>　・「</a:t>
            </a:r>
            <a:r>
              <a:rPr lang="en-US" altLang="ja-JP" sz="1000" dirty="0" smtClean="0">
                <a:solidFill>
                  <a:schemeClr val="tx1"/>
                </a:solidFill>
                <a:latin typeface="ＭＳ Ｐ明朝" panose="02020600040205080304" pitchFamily="18" charset="-128"/>
                <a:ea typeface="ＭＳ Ｐ明朝" panose="02020600040205080304" pitchFamily="18" charset="-128"/>
              </a:rPr>
              <a:t>Osaka</a:t>
            </a:r>
            <a:r>
              <a:rPr lang="ja-JP" altLang="en-US" sz="1000" dirty="0" smtClean="0">
                <a:solidFill>
                  <a:schemeClr val="tx1"/>
                </a:solidFill>
                <a:latin typeface="ＭＳ Ｐ明朝" panose="02020600040205080304" pitchFamily="18" charset="-128"/>
                <a:ea typeface="ＭＳ Ｐ明朝" panose="02020600040205080304" pitchFamily="18" charset="-128"/>
              </a:rPr>
              <a:t>　</a:t>
            </a:r>
            <a:r>
              <a:rPr lang="en-US" altLang="ja-JP" sz="1000" dirty="0" smtClean="0">
                <a:solidFill>
                  <a:schemeClr val="tx1"/>
                </a:solidFill>
                <a:latin typeface="ＭＳ Ｐ明朝" panose="02020600040205080304" pitchFamily="18" charset="-128"/>
                <a:ea typeface="ＭＳ Ｐ明朝" panose="02020600040205080304" pitchFamily="18" charset="-128"/>
              </a:rPr>
              <a:t>Free</a:t>
            </a:r>
            <a:r>
              <a:rPr lang="ja-JP" altLang="en-US" sz="1000" dirty="0" smtClean="0">
                <a:solidFill>
                  <a:schemeClr val="tx1"/>
                </a:solidFill>
                <a:latin typeface="ＭＳ Ｐ明朝" panose="02020600040205080304" pitchFamily="18" charset="-128"/>
                <a:ea typeface="ＭＳ Ｐ明朝" panose="02020600040205080304" pitchFamily="18" charset="-128"/>
              </a:rPr>
              <a:t>　</a:t>
            </a:r>
            <a:r>
              <a:rPr lang="en-US" altLang="ja-JP" sz="1000" dirty="0" smtClean="0">
                <a:solidFill>
                  <a:schemeClr val="tx1"/>
                </a:solidFill>
                <a:latin typeface="ＭＳ Ｐ明朝" panose="02020600040205080304" pitchFamily="18" charset="-128"/>
                <a:ea typeface="ＭＳ Ｐ明朝" panose="02020600040205080304" pitchFamily="18" charset="-128"/>
              </a:rPr>
              <a:t>Wi-Fi</a:t>
            </a:r>
            <a:r>
              <a:rPr lang="ja-JP" altLang="en-US" sz="1000" dirty="0" smtClean="0">
                <a:solidFill>
                  <a:schemeClr val="tx1"/>
                </a:solidFill>
                <a:latin typeface="ＭＳ Ｐ明朝" panose="02020600040205080304" pitchFamily="18" charset="-128"/>
                <a:ea typeface="ＭＳ Ｐ明朝" panose="02020600040205080304" pitchFamily="18" charset="-128"/>
              </a:rPr>
              <a:t>」の整備、</a:t>
            </a:r>
            <a:r>
              <a:rPr lang="en-US" altLang="ja-JP" sz="1000" dirty="0" smtClean="0">
                <a:solidFill>
                  <a:schemeClr val="tx1"/>
                </a:solidFill>
                <a:latin typeface="ＭＳ Ｐ明朝" panose="02020600040205080304" pitchFamily="18" charset="-128"/>
                <a:ea typeface="ＭＳ Ｐ明朝" panose="02020600040205080304" pitchFamily="18" charset="-128"/>
              </a:rPr>
              <a:t>6</a:t>
            </a:r>
            <a:r>
              <a:rPr lang="ja-JP" altLang="en-US" sz="1000" dirty="0">
                <a:solidFill>
                  <a:schemeClr val="tx1"/>
                </a:solidFill>
                <a:latin typeface="ＭＳ Ｐ明朝" panose="02020600040205080304" pitchFamily="18" charset="-128"/>
                <a:ea typeface="ＭＳ Ｐ明朝" panose="02020600040205080304" pitchFamily="18" charset="-128"/>
              </a:rPr>
              <a:t>言語に対応</a:t>
            </a:r>
            <a:r>
              <a:rPr lang="ja-JP" altLang="en-US" sz="1000" dirty="0" smtClean="0">
                <a:solidFill>
                  <a:schemeClr val="tx1"/>
                </a:solidFill>
                <a:latin typeface="ＭＳ Ｐ明朝" panose="02020600040205080304" pitchFamily="18" charset="-128"/>
                <a:ea typeface="ＭＳ Ｐ明朝" panose="02020600040205080304" pitchFamily="18" charset="-128"/>
              </a:rPr>
              <a:t>し</a:t>
            </a:r>
            <a:r>
              <a:rPr lang="en-US" altLang="ja-JP" sz="1000" dirty="0" smtClean="0">
                <a:solidFill>
                  <a:schemeClr val="tx1"/>
                </a:solidFill>
                <a:latin typeface="ＭＳ Ｐ明朝" panose="02020600040205080304" pitchFamily="18" charset="-128"/>
                <a:ea typeface="ＭＳ Ｐ明朝" panose="02020600040205080304" pitchFamily="18" charset="-128"/>
              </a:rPr>
              <a:t>2014</a:t>
            </a:r>
            <a:r>
              <a:rPr lang="ja-JP" altLang="en-US" sz="1000" dirty="0" smtClean="0">
                <a:solidFill>
                  <a:schemeClr val="tx1"/>
                </a:solidFill>
                <a:latin typeface="ＭＳ Ｐ明朝" panose="02020600040205080304" pitchFamily="18" charset="-128"/>
                <a:ea typeface="ＭＳ Ｐ明朝" panose="02020600040205080304" pitchFamily="18" charset="-128"/>
              </a:rPr>
              <a:t>年</a:t>
            </a:r>
            <a:r>
              <a:rPr lang="en-US" altLang="ja-JP" sz="1000" dirty="0" smtClean="0">
                <a:solidFill>
                  <a:schemeClr val="tx1"/>
                </a:solidFill>
                <a:latin typeface="ＭＳ Ｐ明朝" panose="02020600040205080304" pitchFamily="18" charset="-128"/>
                <a:ea typeface="ＭＳ Ｐ明朝" panose="02020600040205080304" pitchFamily="18" charset="-128"/>
              </a:rPr>
              <a:t>10</a:t>
            </a:r>
            <a:r>
              <a:rPr lang="ja-JP" altLang="en-US" sz="1000" dirty="0" smtClean="0">
                <a:solidFill>
                  <a:schemeClr val="tx1"/>
                </a:solidFill>
                <a:latin typeface="ＭＳ Ｐ明朝" panose="02020600040205080304" pitchFamily="18" charset="-128"/>
                <a:ea typeface="ＭＳ Ｐ明朝" panose="02020600040205080304" pitchFamily="18" charset="-128"/>
              </a:rPr>
              <a:t>月末</a:t>
            </a:r>
            <a:r>
              <a:rPr lang="en-US" altLang="ja-JP" sz="1000" dirty="0" smtClean="0">
                <a:solidFill>
                  <a:schemeClr val="tx1"/>
                </a:solidFill>
                <a:latin typeface="ＭＳ Ｐ明朝" panose="02020600040205080304" pitchFamily="18" charset="-128"/>
                <a:ea typeface="ＭＳ Ｐ明朝" panose="02020600040205080304" pitchFamily="18" charset="-128"/>
              </a:rPr>
              <a:t/>
            </a:r>
            <a:br>
              <a:rPr lang="en-US" altLang="ja-JP" sz="1000" dirty="0" smtClean="0">
                <a:solidFill>
                  <a:schemeClr val="tx1"/>
                </a:solidFill>
                <a:latin typeface="ＭＳ Ｐ明朝" panose="02020600040205080304" pitchFamily="18" charset="-128"/>
                <a:ea typeface="ＭＳ Ｐ明朝" panose="02020600040205080304" pitchFamily="18" charset="-128"/>
              </a:rPr>
            </a:br>
            <a:r>
              <a:rPr lang="ja-JP" altLang="en-US" sz="1000" dirty="0" smtClean="0">
                <a:solidFill>
                  <a:schemeClr val="tx1"/>
                </a:solidFill>
                <a:latin typeface="ＭＳ Ｐ明朝" panose="02020600040205080304" pitchFamily="18" charset="-128"/>
                <a:ea typeface="ＭＳ Ｐ明朝" panose="02020600040205080304" pitchFamily="18" charset="-128"/>
              </a:rPr>
              <a:t>現在</a:t>
            </a:r>
            <a:r>
              <a:rPr lang="ja-JP" altLang="en-US" sz="1000" dirty="0">
                <a:solidFill>
                  <a:schemeClr val="tx1"/>
                </a:solidFill>
                <a:latin typeface="ＭＳ Ｐ明朝" panose="02020600040205080304" pitchFamily="18" charset="-128"/>
                <a:ea typeface="ＭＳ Ｐ明朝" panose="02020600040205080304" pitchFamily="18" charset="-128"/>
              </a:rPr>
              <a:t>府内</a:t>
            </a:r>
            <a:r>
              <a:rPr lang="en-US" altLang="ja-JP" sz="1000" dirty="0">
                <a:solidFill>
                  <a:schemeClr val="tx1"/>
                </a:solidFill>
                <a:latin typeface="ＭＳ Ｐ明朝" panose="02020600040205080304" pitchFamily="18" charset="-128"/>
                <a:ea typeface="ＭＳ Ｐ明朝" panose="02020600040205080304" pitchFamily="18" charset="-128"/>
              </a:rPr>
              <a:t>1,400</a:t>
            </a:r>
            <a:r>
              <a:rPr lang="ja-JP" altLang="en-US" sz="1000" dirty="0">
                <a:solidFill>
                  <a:schemeClr val="tx1"/>
                </a:solidFill>
                <a:latin typeface="ＭＳ Ｐ明朝" panose="02020600040205080304" pitchFamily="18" charset="-128"/>
                <a:ea typeface="ＭＳ Ｐ明朝" panose="02020600040205080304" pitchFamily="18" charset="-128"/>
              </a:rPr>
              <a:t>箇所で</a:t>
            </a:r>
            <a:r>
              <a:rPr lang="ja-JP" altLang="en-US" sz="1000" dirty="0" smtClean="0">
                <a:solidFill>
                  <a:schemeClr val="tx1"/>
                </a:solidFill>
                <a:latin typeface="ＭＳ Ｐ明朝" panose="02020600040205080304" pitchFamily="18" charset="-128"/>
                <a:ea typeface="ＭＳ Ｐ明朝" panose="02020600040205080304" pitchFamily="18" charset="-128"/>
              </a:rPr>
              <a:t>稼働</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大阪ならではの魅力を活かした集客</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000" dirty="0" smtClean="0">
                <a:solidFill>
                  <a:schemeClr val="tx1"/>
                </a:solidFill>
              </a:rPr>
              <a:t>　・大阪城３</a:t>
            </a:r>
            <a:r>
              <a:rPr lang="en-US" altLang="ja-JP" sz="1000" dirty="0" smtClean="0">
                <a:solidFill>
                  <a:schemeClr val="tx1"/>
                </a:solidFill>
              </a:rPr>
              <a:t>D</a:t>
            </a:r>
            <a:r>
              <a:rPr lang="ja-JP" altLang="en-US" sz="1000" dirty="0" smtClean="0">
                <a:solidFill>
                  <a:schemeClr val="tx1"/>
                </a:solidFill>
              </a:rPr>
              <a:t>マッピング（入場者数</a:t>
            </a:r>
            <a:r>
              <a:rPr lang="en-US" altLang="ja-JP" sz="1000" dirty="0" smtClean="0">
                <a:solidFill>
                  <a:schemeClr val="tx1"/>
                </a:solidFill>
              </a:rPr>
              <a:t>59</a:t>
            </a:r>
            <a:r>
              <a:rPr lang="ja-JP" altLang="en-US" sz="1000" dirty="0" smtClean="0">
                <a:solidFill>
                  <a:schemeClr val="tx1"/>
                </a:solidFill>
              </a:rPr>
              <a:t>万人）</a:t>
            </a:r>
            <a:endParaRPr lang="en-US" altLang="ja-JP" sz="1000" dirty="0" smtClean="0">
              <a:solidFill>
                <a:schemeClr val="tx1"/>
              </a:solidFill>
            </a:endParaRPr>
          </a:p>
          <a:p>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a:t>
            </a:r>
            <a:r>
              <a:rPr lang="en-US" altLang="ja-JP" sz="1050" b="1" dirty="0" smtClean="0">
                <a:solidFill>
                  <a:schemeClr val="tx1"/>
                </a:solidFill>
                <a:latin typeface="ＭＳ Ｐゴシック" panose="020B0600070205080204" pitchFamily="50" charset="-128"/>
                <a:ea typeface="ＭＳ Ｐゴシック" panose="020B0600070205080204" pitchFamily="50" charset="-128"/>
              </a:rPr>
              <a:t>MICE</a:t>
            </a:r>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誘致</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000" dirty="0" smtClean="0">
                <a:solidFill>
                  <a:schemeClr val="tx1"/>
                </a:solidFill>
                <a:latin typeface="ＭＳ Ｐ明朝" panose="02020600040205080304" pitchFamily="18" charset="-128"/>
                <a:ea typeface="ＭＳ Ｐ明朝" panose="02020600040205080304" pitchFamily="18" charset="-128"/>
              </a:rPr>
              <a:t>　・「大阪</a:t>
            </a:r>
            <a:r>
              <a:rPr lang="en-US" altLang="ja-JP" sz="1000" dirty="0" smtClean="0">
                <a:solidFill>
                  <a:schemeClr val="tx1"/>
                </a:solidFill>
                <a:latin typeface="ＭＳ Ｐ明朝" panose="02020600040205080304" pitchFamily="18" charset="-128"/>
                <a:ea typeface="ＭＳ Ｐ明朝" panose="02020600040205080304" pitchFamily="18" charset="-128"/>
              </a:rPr>
              <a:t>MICE</a:t>
            </a:r>
            <a:r>
              <a:rPr lang="ja-JP" altLang="en-US" sz="1000" dirty="0" smtClean="0">
                <a:solidFill>
                  <a:schemeClr val="tx1"/>
                </a:solidFill>
                <a:latin typeface="ＭＳ Ｐ明朝" panose="02020600040205080304" pitchFamily="18" charset="-128"/>
                <a:ea typeface="ＭＳ Ｐ明朝" panose="02020600040205080304" pitchFamily="18" charset="-128"/>
              </a:rPr>
              <a:t>ビジネスアライアンス</a:t>
            </a:r>
            <a:r>
              <a:rPr lang="en-US" altLang="ja-JP" sz="1000" dirty="0" smtClean="0">
                <a:solidFill>
                  <a:schemeClr val="tx1"/>
                </a:solidFill>
                <a:latin typeface="ＭＳ Ｐ明朝" panose="02020600040205080304" pitchFamily="18" charset="-128"/>
                <a:ea typeface="ＭＳ Ｐ明朝" panose="02020600040205080304" pitchFamily="18" charset="-128"/>
              </a:rPr>
              <a:t>※</a:t>
            </a:r>
            <a:r>
              <a:rPr lang="ja-JP" altLang="en-US" sz="1000" dirty="0" smtClean="0">
                <a:solidFill>
                  <a:schemeClr val="tx1"/>
                </a:solidFill>
                <a:latin typeface="ＭＳ Ｐ明朝" panose="02020600040205080304" pitchFamily="18" charset="-128"/>
                <a:ea typeface="ＭＳ Ｐ明朝" panose="02020600040205080304" pitchFamily="18" charset="-128"/>
              </a:rPr>
              <a:t>」設立</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lang="ja-JP" altLang="en-US" sz="1000" dirty="0" smtClean="0">
                <a:solidFill>
                  <a:schemeClr val="tx1"/>
                </a:solidFill>
                <a:latin typeface="ＭＳ Ｐ明朝" panose="02020600040205080304" pitchFamily="18" charset="-128"/>
                <a:ea typeface="ＭＳ Ｐ明朝" panose="02020600040205080304" pitchFamily="18" charset="-128"/>
              </a:rPr>
              <a:t>　</a:t>
            </a:r>
            <a:r>
              <a:rPr lang="en-US" altLang="ja-JP" sz="1000" dirty="0" smtClean="0">
                <a:solidFill>
                  <a:schemeClr val="tx1"/>
                </a:solidFill>
                <a:latin typeface="ＭＳ Ｐ明朝" panose="02020600040205080304" pitchFamily="18" charset="-128"/>
                <a:ea typeface="ＭＳ Ｐ明朝" panose="02020600040205080304" pitchFamily="18" charset="-128"/>
              </a:rPr>
              <a:t>※MICE</a:t>
            </a:r>
            <a:r>
              <a:rPr lang="ja-JP" altLang="en-US" sz="1000" dirty="0" smtClean="0">
                <a:solidFill>
                  <a:schemeClr val="tx1"/>
                </a:solidFill>
                <a:latin typeface="ＭＳ Ｐ明朝" panose="02020600040205080304" pitchFamily="18" charset="-128"/>
                <a:ea typeface="ＭＳ Ｐ明朝" panose="02020600040205080304" pitchFamily="18" charset="-128"/>
              </a:rPr>
              <a:t>誘致に向けた産学官一体となったオール</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lang="ja-JP" altLang="en-US" sz="1000" dirty="0" smtClean="0">
                <a:solidFill>
                  <a:schemeClr val="tx1"/>
                </a:solidFill>
                <a:latin typeface="ＭＳ Ｐ明朝" panose="02020600040205080304" pitchFamily="18" charset="-128"/>
                <a:ea typeface="ＭＳ Ｐ明朝" panose="02020600040205080304" pitchFamily="18" charset="-128"/>
              </a:rPr>
              <a:t>　　大阪でのワンストップサービス組織。</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pPr marL="152400" indent="-63500"/>
            <a:r>
              <a:rPr lang="ja-JP" altLang="en-US" sz="1000" dirty="0">
                <a:solidFill>
                  <a:schemeClr val="tx1"/>
                </a:solidFill>
                <a:latin typeface="ＭＳ Ｐ明朝" panose="02020600040205080304" pitchFamily="18" charset="-128"/>
                <a:ea typeface="ＭＳ Ｐ明朝" panose="02020600040205080304" pitchFamily="18" charset="-128"/>
              </a:rPr>
              <a:t>・「大阪</a:t>
            </a:r>
            <a:r>
              <a:rPr lang="en-US" altLang="ja-JP" sz="1000" dirty="0">
                <a:solidFill>
                  <a:schemeClr val="tx1"/>
                </a:solidFill>
                <a:latin typeface="ＭＳ Ｐ明朝" panose="02020600040205080304" pitchFamily="18" charset="-128"/>
                <a:ea typeface="ＭＳ Ｐ明朝" panose="02020600040205080304" pitchFamily="18" charset="-128"/>
              </a:rPr>
              <a:t>MICE</a:t>
            </a:r>
            <a:r>
              <a:rPr lang="ja-JP" altLang="en-US" sz="1000" dirty="0">
                <a:solidFill>
                  <a:schemeClr val="tx1"/>
                </a:solidFill>
                <a:latin typeface="ＭＳ Ｐ明朝" panose="02020600040205080304" pitchFamily="18" charset="-128"/>
                <a:ea typeface="ＭＳ Ｐ明朝" panose="02020600040205080304" pitchFamily="18" charset="-128"/>
              </a:rPr>
              <a:t>見本市」を初開催（会議主催者等</a:t>
            </a:r>
            <a:r>
              <a:rPr lang="en-US" altLang="ja-JP" sz="1000" dirty="0" smtClean="0">
                <a:solidFill>
                  <a:schemeClr val="tx1"/>
                </a:solidFill>
                <a:latin typeface="ＭＳ Ｐ明朝" panose="02020600040205080304" pitchFamily="18" charset="-128"/>
                <a:ea typeface="ＭＳ Ｐ明朝" panose="02020600040205080304" pitchFamily="18" charset="-128"/>
              </a:rPr>
              <a:t>300</a:t>
            </a:r>
            <a:r>
              <a:rPr lang="ja-JP" altLang="en-US" sz="1000" dirty="0" smtClean="0">
                <a:solidFill>
                  <a:schemeClr val="tx1"/>
                </a:solidFill>
                <a:latin typeface="ＭＳ Ｐ明朝" panose="02020600040205080304" pitchFamily="18" charset="-128"/>
                <a:ea typeface="ＭＳ Ｐ明朝" panose="02020600040205080304" pitchFamily="18" charset="-128"/>
              </a:rPr>
              <a:t>名</a:t>
            </a:r>
            <a:r>
              <a:rPr lang="ja-JP" altLang="en-US" sz="1000" dirty="0">
                <a:solidFill>
                  <a:schemeClr val="tx1"/>
                </a:solidFill>
                <a:latin typeface="ＭＳ Ｐ明朝" panose="02020600040205080304" pitchFamily="18" charset="-128"/>
                <a:ea typeface="ＭＳ Ｐ明朝" panose="02020600040205080304" pitchFamily="18" charset="-128"/>
              </a:rPr>
              <a:t>が参加</a:t>
            </a:r>
            <a:r>
              <a:rPr lang="ja-JP" altLang="en-US" sz="1000" dirty="0" smtClean="0">
                <a:solidFill>
                  <a:schemeClr val="tx1"/>
                </a:solidFill>
                <a:latin typeface="ＭＳ Ｐ明朝" panose="02020600040205080304" pitchFamily="18" charset="-128"/>
                <a:ea typeface="ＭＳ Ｐ明朝" panose="02020600040205080304" pitchFamily="18" charset="-128"/>
              </a:rPr>
              <a:t>）</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魅力的なプロモーションツール</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000" b="1" dirty="0" smtClean="0">
                <a:solidFill>
                  <a:schemeClr val="tx1"/>
                </a:solidFill>
                <a:latin typeface="ＭＳ Ｐ明朝" panose="02020600040205080304" pitchFamily="18" charset="-128"/>
                <a:ea typeface="ＭＳ Ｐ明朝" panose="02020600040205080304" pitchFamily="18" charset="-128"/>
              </a:rPr>
              <a:t> ・</a:t>
            </a:r>
            <a:r>
              <a:rPr lang="ja-JP" altLang="en-US" sz="1000" dirty="0">
                <a:solidFill>
                  <a:schemeClr val="tx1"/>
                </a:solidFill>
                <a:latin typeface="ＭＳ Ｐ明朝" panose="02020600040205080304" pitchFamily="18" charset="-128"/>
                <a:ea typeface="ＭＳ Ｐ明朝" panose="02020600040205080304" pitchFamily="18" charset="-128"/>
              </a:rPr>
              <a:t>多言語での</a:t>
            </a:r>
            <a:r>
              <a:rPr lang="en-US" altLang="ja-JP" sz="1000" dirty="0" smtClean="0">
                <a:solidFill>
                  <a:schemeClr val="tx1"/>
                </a:solidFill>
                <a:latin typeface="ＭＳ Ｐ明朝" panose="02020600040205080304" pitchFamily="18" charset="-128"/>
                <a:ea typeface="ＭＳ Ｐ明朝" panose="02020600040205080304" pitchFamily="18" charset="-128"/>
              </a:rPr>
              <a:t>Web</a:t>
            </a:r>
            <a:r>
              <a:rPr lang="ja-JP" altLang="en-US" sz="1000" dirty="0" smtClean="0">
                <a:solidFill>
                  <a:schemeClr val="tx1"/>
                </a:solidFill>
                <a:latin typeface="ＭＳ Ｐ明朝" panose="02020600040205080304" pitchFamily="18" charset="-128"/>
                <a:ea typeface="ＭＳ Ｐ明朝" panose="02020600040205080304" pitchFamily="18" charset="-128"/>
              </a:rPr>
              <a:t>サイトや</a:t>
            </a:r>
            <a:r>
              <a:rPr lang="en-US" altLang="ja-JP" sz="1000" dirty="0" smtClean="0">
                <a:solidFill>
                  <a:schemeClr val="tx1"/>
                </a:solidFill>
                <a:latin typeface="ＭＳ Ｐ明朝" panose="02020600040205080304" pitchFamily="18" charset="-128"/>
                <a:ea typeface="ＭＳ Ｐ明朝" panose="02020600040205080304" pitchFamily="18" charset="-128"/>
              </a:rPr>
              <a:t>SNS</a:t>
            </a:r>
            <a:r>
              <a:rPr lang="ja-JP" altLang="en-US" sz="1000" dirty="0" smtClean="0">
                <a:solidFill>
                  <a:schemeClr val="tx1"/>
                </a:solidFill>
                <a:latin typeface="ＭＳ Ｐ明朝" panose="02020600040205080304" pitchFamily="18" charset="-128"/>
                <a:ea typeface="ＭＳ Ｐ明朝" panose="02020600040205080304" pitchFamily="18" charset="-128"/>
              </a:rPr>
              <a:t>による発信、ｶﾞｲﾄﾞﾌﾞｯｸ等の作成</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フィルムコミッションの推進　</a:t>
            </a:r>
            <a:endParaRPr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000" dirty="0" smtClean="0">
                <a:solidFill>
                  <a:schemeClr val="tx1"/>
                </a:solidFill>
                <a:latin typeface="ＭＳ Ｐ明朝" panose="02020600040205080304" pitchFamily="18" charset="-128"/>
                <a:ea typeface="ＭＳ Ｐ明朝" panose="02020600040205080304" pitchFamily="18" charset="-128"/>
              </a:rPr>
              <a:t>　・ドラマ「半沢直樹」、映画「円卓」などロケ誘致</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endParaRPr lang="en-US" altLang="ja-JP" sz="900" dirty="0" smtClean="0">
              <a:solidFill>
                <a:schemeClr val="tx1"/>
              </a:solidFill>
            </a:endParaRPr>
          </a:p>
          <a:p>
            <a:endParaRPr lang="en-US" altLang="ja-JP" sz="900" dirty="0" smtClean="0">
              <a:solidFill>
                <a:schemeClr val="tx1"/>
              </a:solidFill>
            </a:endParaRPr>
          </a:p>
          <a:p>
            <a:endParaRPr lang="en-US" altLang="ja-JP" sz="900" dirty="0" smtClean="0">
              <a:solidFill>
                <a:schemeClr val="tx1"/>
              </a:solidFill>
            </a:endParaRPr>
          </a:p>
        </p:txBody>
      </p:sp>
      <p:sp>
        <p:nvSpPr>
          <p:cNvPr id="31" name="正方形/長方形 30"/>
          <p:cNvSpPr/>
          <p:nvPr/>
        </p:nvSpPr>
        <p:spPr>
          <a:xfrm>
            <a:off x="3098801" y="1179864"/>
            <a:ext cx="2950156" cy="4154140"/>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900" dirty="0" smtClean="0">
              <a:solidFill>
                <a:schemeClr val="tx1"/>
              </a:solidFill>
            </a:endParaRPr>
          </a:p>
          <a:p>
            <a:endParaRPr lang="en-US" altLang="ja-JP" sz="900" dirty="0" smtClean="0">
              <a:solidFill>
                <a:schemeClr val="tx1"/>
              </a:solidFill>
            </a:endParaRPr>
          </a:p>
          <a:p>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dirty="0" smtClean="0">
                <a:solidFill>
                  <a:schemeClr val="tx1"/>
                </a:solidFill>
                <a:latin typeface="ＭＳ Ｐゴシック" panose="020B0600070205080204" pitchFamily="50" charset="-128"/>
                <a:ea typeface="ＭＳ Ｐゴシック" panose="020B0600070205080204" pitchFamily="50" charset="-128"/>
              </a:rPr>
              <a:t>背景</a:t>
            </a:r>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p>
          <a:p>
            <a:pPr marL="88900"/>
            <a:r>
              <a:rPr lang="ja-JP" altLang="en-US" sz="1050" dirty="0" smtClean="0">
                <a:solidFill>
                  <a:schemeClr val="tx1"/>
                </a:solidFill>
                <a:latin typeface="ＭＳ Ｐ明朝" panose="02020600040205080304" pitchFamily="18" charset="-128"/>
                <a:ea typeface="ＭＳ Ｐ明朝" panose="02020600040205080304" pitchFamily="18" charset="-128"/>
              </a:rPr>
              <a:t>府市統合本部の議論を踏まえ、世界の観光客が憧れる大阪の実現に向け、府市共通の戦略「大阪の観光戦略」に基づき、府市経済界により大阪観光局を設立し、強力に観光振興を推進。</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endParaRPr lang="en-US" altLang="ja-JP" sz="1050" dirty="0" smtClean="0">
              <a:solidFill>
                <a:schemeClr val="tx1"/>
              </a:solidFill>
            </a:endParaRPr>
          </a:p>
          <a:p>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dirty="0" smtClean="0">
                <a:solidFill>
                  <a:schemeClr val="tx1"/>
                </a:solidFill>
                <a:latin typeface="ＭＳ Ｐゴシック" panose="020B0600070205080204" pitchFamily="50" charset="-128"/>
                <a:ea typeface="ＭＳ Ｐゴシック" panose="020B0600070205080204" pitchFamily="50" charset="-128"/>
              </a:rPr>
              <a:t>変革</a:t>
            </a:r>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p>
          <a:p>
            <a:r>
              <a:rPr lang="ja-JP" altLang="en-US" sz="1050" dirty="0" smtClean="0">
                <a:solidFill>
                  <a:schemeClr val="tx1"/>
                </a:solidFill>
                <a:latin typeface="ＭＳ Ｐ明朝" panose="02020600040205080304" pitchFamily="18" charset="-128"/>
                <a:ea typeface="ＭＳ Ｐ明朝" panose="02020600040205080304" pitchFamily="18" charset="-128"/>
              </a:rPr>
              <a:t>　・観光のプロによる事業展開</a:t>
            </a:r>
            <a:endParaRPr lang="en-US" altLang="ja-JP" sz="1050" strike="dblStrike" dirty="0" smtClean="0">
              <a:solidFill>
                <a:schemeClr val="tx1"/>
              </a:solidFill>
              <a:latin typeface="ＭＳ Ｐ明朝" panose="02020600040205080304" pitchFamily="18" charset="-128"/>
              <a:ea typeface="ＭＳ Ｐ明朝" panose="02020600040205080304" pitchFamily="18" charset="-128"/>
            </a:endParaRPr>
          </a:p>
          <a:p>
            <a:r>
              <a:rPr lang="ja-JP" altLang="en-US" sz="1050" dirty="0" smtClean="0">
                <a:solidFill>
                  <a:schemeClr val="tx1"/>
                </a:solidFill>
                <a:latin typeface="ＭＳ Ｐ明朝" panose="02020600040205080304" pitchFamily="18" charset="-128"/>
                <a:ea typeface="ＭＳ Ｐ明朝" panose="02020600040205080304" pitchFamily="18" charset="-128"/>
              </a:rPr>
              <a:t>　・結果（目標達成）を重視</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r>
              <a:rPr lang="ja-JP" altLang="en-US" sz="1050" dirty="0" smtClean="0">
                <a:solidFill>
                  <a:schemeClr val="tx1"/>
                </a:solidFill>
                <a:latin typeface="ＭＳ Ｐ明朝" panose="02020600040205080304" pitchFamily="18" charset="-128"/>
                <a:ea typeface="ＭＳ Ｐ明朝" panose="02020600040205080304" pitchFamily="18" charset="-128"/>
              </a:rPr>
              <a:t>　・トップの裁量による柔軟な予算執行</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r>
              <a:rPr lang="ja-JP" altLang="en-US" sz="1050" dirty="0" smtClean="0">
                <a:solidFill>
                  <a:schemeClr val="tx1"/>
                </a:solidFill>
              </a:rPr>
              <a:t>　</a:t>
            </a:r>
            <a:endParaRPr lang="en-US" altLang="ja-JP" sz="1050" dirty="0" smtClean="0">
              <a:solidFill>
                <a:schemeClr val="tx1"/>
              </a:solidFill>
            </a:endParaRPr>
          </a:p>
          <a:p>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1050" dirty="0" smtClean="0">
                <a:solidFill>
                  <a:schemeClr val="tx1"/>
                </a:solidFill>
                <a:latin typeface="ＭＳ Ｐゴシック" panose="020B0600070205080204" pitchFamily="50" charset="-128"/>
                <a:ea typeface="ＭＳ Ｐゴシック" panose="020B0600070205080204" pitchFamily="50" charset="-128"/>
              </a:rPr>
              <a:t>特色</a:t>
            </a:r>
            <a:r>
              <a:rPr lang="en-US" altLang="ja-JP" sz="1050" dirty="0" smtClean="0">
                <a:solidFill>
                  <a:schemeClr val="tx1"/>
                </a:solidFill>
                <a:latin typeface="ＭＳ Ｐゴシック" panose="020B0600070205080204" pitchFamily="50" charset="-128"/>
                <a:ea typeface="ＭＳ Ｐゴシック" panose="020B0600070205080204" pitchFamily="50" charset="-128"/>
              </a:rPr>
              <a:t>】</a:t>
            </a:r>
          </a:p>
          <a:p>
            <a:r>
              <a:rPr lang="ja-JP" altLang="en-US" sz="1050" b="1" dirty="0" smtClean="0">
                <a:solidFill>
                  <a:schemeClr val="tx1"/>
                </a:solidFill>
                <a:latin typeface="ＭＳ Ｐ明朝" panose="02020600040205080304" pitchFamily="18" charset="-128"/>
                <a:ea typeface="ＭＳ Ｐ明朝" panose="02020600040205080304" pitchFamily="18" charset="-128"/>
              </a:rPr>
              <a:t>　</a:t>
            </a:r>
            <a:r>
              <a:rPr lang="ja-JP" altLang="en-US" sz="1050" dirty="0" smtClean="0">
                <a:solidFill>
                  <a:schemeClr val="tx1"/>
                </a:solidFill>
                <a:latin typeface="ＭＳ Ｐ明朝" panose="02020600040205080304" pitchFamily="18" charset="-128"/>
                <a:ea typeface="ＭＳ Ｐ明朝" panose="02020600040205080304" pitchFamily="18" charset="-128"/>
              </a:rPr>
              <a:t>・観光局トップのマネジメントを最大限発揮</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r>
              <a:rPr lang="ja-JP" altLang="en-US" sz="1050" dirty="0" smtClean="0">
                <a:solidFill>
                  <a:schemeClr val="tx1"/>
                </a:solidFill>
                <a:latin typeface="ＭＳ Ｐ明朝" panose="02020600040205080304" pitchFamily="18" charset="-128"/>
                <a:ea typeface="ＭＳ Ｐ明朝" panose="02020600040205080304" pitchFamily="18" charset="-128"/>
              </a:rPr>
              <a:t>　・民間の視点重視</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r>
              <a:rPr lang="ja-JP" altLang="en-US" sz="1050" dirty="0" smtClean="0">
                <a:solidFill>
                  <a:schemeClr val="tx1"/>
                </a:solidFill>
                <a:latin typeface="ＭＳ Ｐ明朝" panose="02020600040205080304" pitchFamily="18" charset="-128"/>
                <a:ea typeface="ＭＳ Ｐ明朝" panose="02020600040205080304" pitchFamily="18" charset="-128"/>
              </a:rPr>
              <a:t>　・徹底した旅行者目線による事業展開</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r>
              <a:rPr lang="ja-JP" altLang="en-US" sz="1050" dirty="0" smtClean="0">
                <a:solidFill>
                  <a:schemeClr val="tx1"/>
                </a:solidFill>
                <a:latin typeface="ＭＳ Ｐ明朝" panose="02020600040205080304" pitchFamily="18" charset="-128"/>
                <a:ea typeface="ＭＳ Ｐ明朝" panose="02020600040205080304" pitchFamily="18" charset="-128"/>
              </a:rPr>
              <a:t>　・マーケティングとフォローアップを強化</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r>
              <a:rPr lang="ja-JP" altLang="en-US" sz="1050" dirty="0" smtClean="0">
                <a:solidFill>
                  <a:schemeClr val="tx1"/>
                </a:solidFill>
                <a:latin typeface="ＭＳ Ｐ明朝" panose="02020600040205080304" pitchFamily="18" charset="-128"/>
                <a:ea typeface="ＭＳ Ｐ明朝" panose="02020600040205080304" pitchFamily="18" charset="-128"/>
              </a:rPr>
              <a:t>　・観光局ブランドを活かした事業の展開</a:t>
            </a:r>
            <a:endParaRPr lang="en-US" altLang="ja-JP" sz="1050" dirty="0" smtClean="0">
              <a:solidFill>
                <a:schemeClr val="tx1"/>
              </a:solidFill>
              <a:latin typeface="ＭＳ Ｐ明朝" panose="02020600040205080304" pitchFamily="18" charset="-128"/>
              <a:ea typeface="ＭＳ Ｐ明朝" panose="02020600040205080304" pitchFamily="18" charset="-128"/>
            </a:endParaRPr>
          </a:p>
          <a:p>
            <a:endParaRPr lang="en-US" altLang="ja-JP" sz="1000" b="1" dirty="0" smtClean="0">
              <a:solidFill>
                <a:schemeClr val="tx1"/>
              </a:solidFill>
            </a:endParaRPr>
          </a:p>
          <a:p>
            <a:r>
              <a:rPr lang="ja-JP" altLang="en-US" sz="1000" b="1" dirty="0">
                <a:solidFill>
                  <a:schemeClr val="tx1"/>
                </a:solidFill>
                <a:latin typeface="ＭＳ Ｐ明朝" panose="02020600040205080304" pitchFamily="18" charset="-128"/>
                <a:ea typeface="ＭＳ Ｐ明朝" panose="02020600040205080304" pitchFamily="18" charset="-128"/>
              </a:rPr>
              <a:t>・事業目標の達成と結果責任を連動</a:t>
            </a:r>
            <a:endParaRPr lang="en-US" altLang="ja-JP" sz="1000" b="1" dirty="0">
              <a:solidFill>
                <a:schemeClr val="tx1"/>
              </a:solidFill>
              <a:latin typeface="ＭＳ Ｐ明朝" panose="02020600040205080304" pitchFamily="18" charset="-128"/>
              <a:ea typeface="ＭＳ Ｐ明朝" panose="02020600040205080304" pitchFamily="18" charset="-128"/>
            </a:endParaRPr>
          </a:p>
          <a:p>
            <a:r>
              <a:rPr lang="ja-JP" altLang="en-US" sz="1000" b="1" dirty="0">
                <a:solidFill>
                  <a:schemeClr val="tx1"/>
                </a:solidFill>
                <a:latin typeface="ＭＳ Ｐ明朝" panose="02020600040205080304" pitchFamily="18" charset="-128"/>
                <a:ea typeface="ＭＳ Ｐ明朝" panose="02020600040205080304" pitchFamily="18" charset="-128"/>
              </a:rPr>
              <a:t>　（目標達成時のインセンティブと</a:t>
            </a:r>
            <a:endParaRPr lang="en-US" altLang="ja-JP" sz="1000" b="1" dirty="0">
              <a:solidFill>
                <a:schemeClr val="tx1"/>
              </a:solidFill>
              <a:latin typeface="ＭＳ Ｐ明朝" panose="02020600040205080304" pitchFamily="18" charset="-128"/>
              <a:ea typeface="ＭＳ Ｐ明朝" panose="02020600040205080304" pitchFamily="18" charset="-128"/>
            </a:endParaRPr>
          </a:p>
          <a:p>
            <a:r>
              <a:rPr lang="ja-JP" altLang="en-US" sz="1000" b="1" dirty="0">
                <a:solidFill>
                  <a:schemeClr val="tx1"/>
                </a:solidFill>
                <a:latin typeface="ＭＳ Ｐ明朝" panose="02020600040205080304" pitchFamily="18" charset="-128"/>
                <a:ea typeface="ＭＳ Ｐ明朝" panose="02020600040205080304" pitchFamily="18" charset="-128"/>
              </a:rPr>
              <a:t>　　　　　　　未達成時のペナルティを設定</a:t>
            </a:r>
            <a:r>
              <a:rPr lang="ja-JP" altLang="en-US" sz="1000" b="1" dirty="0" smtClean="0">
                <a:solidFill>
                  <a:schemeClr val="tx1"/>
                </a:solidFill>
                <a:latin typeface="ＭＳ Ｐ明朝" panose="02020600040205080304" pitchFamily="18" charset="-128"/>
                <a:ea typeface="ＭＳ Ｐ明朝" panose="02020600040205080304" pitchFamily="18" charset="-128"/>
              </a:rPr>
              <a:t>）</a:t>
            </a:r>
            <a:endParaRPr lang="en-US" altLang="ja-JP" sz="1000" b="1" dirty="0" smtClean="0">
              <a:solidFill>
                <a:schemeClr val="tx1"/>
              </a:solidFill>
              <a:latin typeface="ＭＳ Ｐ明朝" panose="02020600040205080304" pitchFamily="18" charset="-128"/>
              <a:ea typeface="ＭＳ Ｐ明朝" panose="02020600040205080304" pitchFamily="18" charset="-128"/>
            </a:endParaRPr>
          </a:p>
          <a:p>
            <a:endParaRPr lang="en-US" altLang="ja-JP" sz="1000" dirty="0" smtClean="0">
              <a:solidFill>
                <a:schemeClr val="tx1"/>
              </a:solidFill>
            </a:endParaRPr>
          </a:p>
          <a:p>
            <a:endParaRPr lang="en-US" altLang="ja-JP" sz="1000" dirty="0" smtClean="0">
              <a:solidFill>
                <a:schemeClr val="tx1"/>
              </a:solidFill>
            </a:endParaRPr>
          </a:p>
          <a:p>
            <a:endParaRPr lang="en-US" altLang="ja-JP" sz="1000" dirty="0" smtClean="0">
              <a:solidFill>
                <a:schemeClr val="tx1"/>
              </a:solidFill>
            </a:endParaRPr>
          </a:p>
        </p:txBody>
      </p:sp>
      <p:sp>
        <p:nvSpPr>
          <p:cNvPr id="32" name="右矢印 31"/>
          <p:cNvSpPr/>
          <p:nvPr/>
        </p:nvSpPr>
        <p:spPr>
          <a:xfrm>
            <a:off x="2862775" y="2259985"/>
            <a:ext cx="197327" cy="1170107"/>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正方形/長方形 33"/>
          <p:cNvSpPr/>
          <p:nvPr/>
        </p:nvSpPr>
        <p:spPr>
          <a:xfrm>
            <a:off x="98163" y="1179864"/>
            <a:ext cx="2722051" cy="242540"/>
          </a:xfrm>
          <a:prstGeom prst="rect">
            <a:avLst/>
          </a:prstGeom>
          <a:solidFill>
            <a:schemeClr val="tx1"/>
          </a:solidFill>
          <a:ln w="12700"/>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200" b="1" dirty="0" smtClean="0">
                <a:latin typeface="ＭＳ Ｐゴシック" panose="020B0600070205080204" pitchFamily="50" charset="-128"/>
                <a:ea typeface="ＭＳ Ｐゴシック" panose="020B0600070205080204" pitchFamily="50" charset="-128"/>
              </a:rPr>
              <a:t>大阪観光局設立前</a:t>
            </a:r>
            <a:endParaRPr kumimoji="1" lang="ja-JP" altLang="en-US" sz="1200" b="1" dirty="0">
              <a:latin typeface="ＭＳ Ｐゴシック" panose="020B0600070205080204" pitchFamily="50" charset="-128"/>
              <a:ea typeface="ＭＳ Ｐゴシック" panose="020B0600070205080204" pitchFamily="50" charset="-128"/>
            </a:endParaRPr>
          </a:p>
        </p:txBody>
      </p:sp>
      <p:sp>
        <p:nvSpPr>
          <p:cNvPr id="38" name="正方形/長方形 37"/>
          <p:cNvSpPr/>
          <p:nvPr/>
        </p:nvSpPr>
        <p:spPr>
          <a:xfrm>
            <a:off x="6104831" y="1179864"/>
            <a:ext cx="3673570" cy="2425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latin typeface="ＭＳ Ｐゴシック" panose="020B0600070205080204" pitchFamily="50" charset="-128"/>
                <a:ea typeface="ＭＳ Ｐゴシック" panose="020B0600070205080204" pitchFamily="50" charset="-128"/>
              </a:rPr>
              <a:t>大阪観光局の取組（</a:t>
            </a:r>
            <a:r>
              <a:rPr kumimoji="1" lang="en-US" altLang="ja-JP" sz="1200" b="1" dirty="0" smtClean="0">
                <a:latin typeface="ＭＳ Ｐゴシック" panose="020B0600070205080204" pitchFamily="50" charset="-128"/>
                <a:ea typeface="ＭＳ Ｐゴシック" panose="020B0600070205080204" pitchFamily="50" charset="-128"/>
              </a:rPr>
              <a:t>2013</a:t>
            </a:r>
            <a:r>
              <a:rPr kumimoji="1" lang="ja-JP" altLang="en-US" sz="1200" b="1" dirty="0" smtClean="0">
                <a:latin typeface="ＭＳ Ｐゴシック" panose="020B0600070205080204" pitchFamily="50" charset="-128"/>
                <a:ea typeface="ＭＳ Ｐゴシック" panose="020B0600070205080204" pitchFamily="50" charset="-128"/>
              </a:rPr>
              <a:t>年度）</a:t>
            </a:r>
            <a:endParaRPr kumimoji="1" lang="ja-JP" altLang="en-US" sz="1200" b="1" dirty="0">
              <a:latin typeface="ＭＳ Ｐゴシック" panose="020B0600070205080204" pitchFamily="50" charset="-128"/>
              <a:ea typeface="ＭＳ Ｐゴシック" panose="020B0600070205080204" pitchFamily="50" charset="-128"/>
            </a:endParaRPr>
          </a:p>
        </p:txBody>
      </p:sp>
      <p:sp>
        <p:nvSpPr>
          <p:cNvPr id="39" name="正方形/長方形 38"/>
          <p:cNvSpPr/>
          <p:nvPr/>
        </p:nvSpPr>
        <p:spPr>
          <a:xfrm>
            <a:off x="3098800" y="1179864"/>
            <a:ext cx="2950156" cy="217140"/>
          </a:xfrm>
          <a:prstGeom prst="rect">
            <a:avLst/>
          </a:prstGeom>
          <a:solidFill>
            <a:schemeClr val="tx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latin typeface="ＭＳ Ｐゴシック" panose="020B0600070205080204" pitchFamily="50" charset="-128"/>
                <a:ea typeface="ＭＳ Ｐゴシック" panose="020B0600070205080204" pitchFamily="50" charset="-128"/>
              </a:rPr>
              <a:t>大阪観光局設立後</a:t>
            </a:r>
            <a:endParaRPr kumimoji="1" lang="ja-JP" altLang="en-US" sz="1200" b="1" dirty="0">
              <a:latin typeface="ＭＳ Ｐゴシック" panose="020B0600070205080204" pitchFamily="50" charset="-128"/>
              <a:ea typeface="ＭＳ Ｐゴシック" panose="020B0600070205080204" pitchFamily="50" charset="-128"/>
            </a:endParaRPr>
          </a:p>
        </p:txBody>
      </p:sp>
      <p:sp>
        <p:nvSpPr>
          <p:cNvPr id="15" name="正方形/長方形 14"/>
          <p:cNvSpPr/>
          <p:nvPr/>
        </p:nvSpPr>
        <p:spPr>
          <a:xfrm>
            <a:off x="88638" y="5315958"/>
            <a:ext cx="2730303" cy="7687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algn="ctr"/>
            <a:r>
              <a:rPr kumimoji="1" lang="en-US" altLang="ja-JP" sz="1400" dirty="0" smtClean="0">
                <a:latin typeface="ＭＳ Ｐゴシック" panose="020B0600070205080204" pitchFamily="50" charset="-128"/>
                <a:ea typeface="ＭＳ Ｐゴシック" panose="020B0600070205080204" pitchFamily="50" charset="-128"/>
              </a:rPr>
              <a:t>2012</a:t>
            </a:r>
            <a:r>
              <a:rPr kumimoji="1" lang="ja-JP" altLang="en-US" sz="1400" dirty="0" smtClean="0">
                <a:latin typeface="ＭＳ Ｐゴシック" panose="020B0600070205080204" pitchFamily="50" charset="-128"/>
                <a:ea typeface="ＭＳ Ｐゴシック" panose="020B0600070205080204" pitchFamily="50" charset="-128"/>
              </a:rPr>
              <a:t>年（平成</a:t>
            </a:r>
            <a:r>
              <a:rPr kumimoji="1" lang="en-US" altLang="ja-JP" sz="1400" dirty="0" smtClean="0">
                <a:latin typeface="ＭＳ Ｐゴシック" panose="020B0600070205080204" pitchFamily="50" charset="-128"/>
                <a:ea typeface="ＭＳ Ｐゴシック" panose="020B0600070205080204" pitchFamily="50" charset="-128"/>
              </a:rPr>
              <a:t>24</a:t>
            </a:r>
            <a:r>
              <a:rPr kumimoji="1" lang="ja-JP" altLang="en-US" sz="1400" dirty="0" smtClean="0">
                <a:latin typeface="ＭＳ Ｐゴシック" panose="020B0600070205080204" pitchFamily="50" charset="-128"/>
                <a:ea typeface="ＭＳ Ｐゴシック" panose="020B0600070205080204" pitchFamily="50" charset="-128"/>
              </a:rPr>
              <a:t>年）</a:t>
            </a:r>
            <a:endParaRPr kumimoji="1" lang="en-US" altLang="ja-JP" sz="1400" dirty="0" smtClean="0">
              <a:latin typeface="ＭＳ Ｐゴシック" panose="020B0600070205080204" pitchFamily="50" charset="-128"/>
              <a:ea typeface="ＭＳ Ｐゴシック" panose="020B0600070205080204" pitchFamily="50" charset="-128"/>
            </a:endParaRPr>
          </a:p>
          <a:p>
            <a:endParaRPr lang="en-US" altLang="ja-JP" sz="400" dirty="0" smtClean="0">
              <a:latin typeface="ＭＳ Ｐゴシック" panose="020B0600070205080204" pitchFamily="50" charset="-128"/>
              <a:ea typeface="ＭＳ Ｐゴシック" panose="020B0600070205080204" pitchFamily="50" charset="-128"/>
            </a:endParaRPr>
          </a:p>
          <a:p>
            <a:r>
              <a:rPr lang="ja-JP" altLang="en-US" sz="1100" b="1" dirty="0" smtClean="0">
                <a:latin typeface="ＭＳ Ｐゴシック" panose="020B0600070205080204" pitchFamily="50" charset="-128"/>
                <a:ea typeface="ＭＳ Ｐゴシック" panose="020B0600070205080204" pitchFamily="50" charset="-128"/>
              </a:rPr>
              <a:t>来阪外国人旅行者数　</a:t>
            </a:r>
            <a:r>
              <a:rPr lang="en-US" altLang="ja-JP" sz="1400" b="1" dirty="0" smtClean="0">
                <a:latin typeface="ＭＳ Ｐゴシック" panose="020B0600070205080204" pitchFamily="50" charset="-128"/>
                <a:ea typeface="ＭＳ Ｐゴシック" panose="020B0600070205080204" pitchFamily="50" charset="-128"/>
              </a:rPr>
              <a:t>203</a:t>
            </a:r>
            <a:r>
              <a:rPr lang="ja-JP" altLang="en-US" sz="1400" b="1" dirty="0" smtClean="0">
                <a:latin typeface="ＭＳ Ｐゴシック" panose="020B0600070205080204" pitchFamily="50" charset="-128"/>
                <a:ea typeface="ＭＳ Ｐゴシック" panose="020B0600070205080204" pitchFamily="50" charset="-128"/>
              </a:rPr>
              <a:t>万人</a:t>
            </a:r>
            <a:endParaRPr lang="en-US" altLang="ja-JP" sz="1400" b="1" dirty="0" smtClean="0">
              <a:latin typeface="ＭＳ Ｐゴシック" panose="020B0600070205080204" pitchFamily="50" charset="-128"/>
              <a:ea typeface="ＭＳ Ｐゴシック" panose="020B0600070205080204" pitchFamily="50" charset="-128"/>
            </a:endParaRPr>
          </a:p>
          <a:p>
            <a:r>
              <a:rPr lang="ja-JP" altLang="en-US" sz="1100" b="1" dirty="0" smtClean="0">
                <a:latin typeface="ＭＳ Ｐゴシック" panose="020B0600070205080204" pitchFamily="50" charset="-128"/>
                <a:ea typeface="ＭＳ Ｐゴシック" panose="020B0600070205080204" pitchFamily="50" charset="-128"/>
              </a:rPr>
              <a:t>来阪外国人延べ宿泊者数</a:t>
            </a:r>
            <a:r>
              <a:rPr lang="ja-JP" altLang="en-US" sz="1400" b="1" dirty="0" smtClean="0">
                <a:latin typeface="ＭＳ Ｐゴシック" panose="020B0600070205080204" pitchFamily="50" charset="-128"/>
                <a:ea typeface="ＭＳ Ｐゴシック" panose="020B0600070205080204" pitchFamily="50" charset="-128"/>
              </a:rPr>
              <a:t>　</a:t>
            </a:r>
            <a:r>
              <a:rPr lang="en-US" altLang="ja-JP" sz="1400" b="1" dirty="0" smtClean="0">
                <a:latin typeface="ＭＳ Ｐゴシック" panose="020B0600070205080204" pitchFamily="50" charset="-128"/>
                <a:ea typeface="ＭＳ Ｐゴシック" panose="020B0600070205080204" pitchFamily="50" charset="-128"/>
              </a:rPr>
              <a:t>306</a:t>
            </a:r>
            <a:r>
              <a:rPr lang="ja-JP" altLang="en-US" sz="1400" b="1" dirty="0" smtClean="0">
                <a:latin typeface="ＭＳ Ｐゴシック" panose="020B0600070205080204" pitchFamily="50" charset="-128"/>
                <a:ea typeface="ＭＳ Ｐゴシック" panose="020B0600070205080204" pitchFamily="50" charset="-128"/>
              </a:rPr>
              <a:t>万人</a:t>
            </a:r>
            <a:endParaRPr kumimoji="1" lang="ja-JP" altLang="en-US" sz="1400" b="1" dirty="0">
              <a:latin typeface="ＭＳ Ｐゴシック" panose="020B0600070205080204" pitchFamily="50" charset="-128"/>
              <a:ea typeface="ＭＳ Ｐゴシック" panose="020B0600070205080204" pitchFamily="50" charset="-128"/>
            </a:endParaRPr>
          </a:p>
        </p:txBody>
      </p:sp>
      <p:sp>
        <p:nvSpPr>
          <p:cNvPr id="17" name="正方形/長方形 16"/>
          <p:cNvSpPr/>
          <p:nvPr/>
        </p:nvSpPr>
        <p:spPr>
          <a:xfrm>
            <a:off x="6095306" y="5330472"/>
            <a:ext cx="3684706" cy="7687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r>
              <a:rPr lang="ja-JP" altLang="en-US" sz="1600" dirty="0" smtClean="0">
                <a:latin typeface="ＭＳ Ｐゴシック" panose="020B0600070205080204" pitchFamily="50" charset="-128"/>
                <a:ea typeface="ＭＳ Ｐゴシック" panose="020B0600070205080204" pitchFamily="50" charset="-128"/>
              </a:rPr>
              <a:t>　</a:t>
            </a:r>
            <a:endParaRPr kumimoji="1" lang="en-US" altLang="ja-JP" sz="1600" dirty="0" smtClean="0">
              <a:latin typeface="ＭＳ Ｐゴシック" panose="020B0600070205080204" pitchFamily="50" charset="-128"/>
              <a:ea typeface="ＭＳ Ｐゴシック" panose="020B0600070205080204" pitchFamily="50" charset="-128"/>
            </a:endParaRPr>
          </a:p>
          <a:p>
            <a:r>
              <a:rPr lang="ja-JP" altLang="en-US" sz="1100" b="1" dirty="0" smtClean="0">
                <a:latin typeface="ＭＳ Ｐゴシック" panose="020B0600070205080204" pitchFamily="50" charset="-128"/>
                <a:ea typeface="ＭＳ Ｐゴシック" panose="020B0600070205080204" pitchFamily="50" charset="-128"/>
              </a:rPr>
              <a:t>来阪外国人旅行者数</a:t>
            </a:r>
            <a:r>
              <a:rPr lang="ja-JP" altLang="en-US" sz="1400" b="1" dirty="0" smtClean="0">
                <a:latin typeface="ＭＳ Ｐゴシック" panose="020B0600070205080204" pitchFamily="50" charset="-128"/>
                <a:ea typeface="ＭＳ Ｐゴシック" panose="020B0600070205080204" pitchFamily="50" charset="-128"/>
              </a:rPr>
              <a:t>　</a:t>
            </a:r>
            <a:r>
              <a:rPr lang="en-US" altLang="ja-JP" sz="1400" b="1" dirty="0" smtClean="0">
                <a:latin typeface="ＭＳ Ｐゴシック" panose="020B0600070205080204" pitchFamily="50" charset="-128"/>
                <a:ea typeface="ＭＳ Ｐゴシック" panose="020B0600070205080204" pitchFamily="50" charset="-128"/>
              </a:rPr>
              <a:t>262</a:t>
            </a:r>
            <a:r>
              <a:rPr lang="ja-JP" altLang="en-US" sz="1400" b="1" dirty="0" smtClean="0">
                <a:latin typeface="ＭＳ Ｐゴシック" panose="020B0600070205080204" pitchFamily="50" charset="-128"/>
                <a:ea typeface="ＭＳ Ｐゴシック" panose="020B0600070205080204" pitchFamily="50" charset="-128"/>
              </a:rPr>
              <a:t>万人</a:t>
            </a:r>
            <a:endParaRPr lang="en-US" altLang="ja-JP" sz="1400" b="1" dirty="0" smtClean="0">
              <a:latin typeface="ＭＳ Ｐゴシック" panose="020B0600070205080204" pitchFamily="50" charset="-128"/>
              <a:ea typeface="ＭＳ Ｐゴシック" panose="020B0600070205080204" pitchFamily="50" charset="-128"/>
            </a:endParaRPr>
          </a:p>
          <a:p>
            <a:r>
              <a:rPr lang="ja-JP" altLang="en-US" sz="1100" b="1" dirty="0" smtClean="0">
                <a:latin typeface="ＭＳ Ｐゴシック" panose="020B0600070205080204" pitchFamily="50" charset="-128"/>
                <a:ea typeface="ＭＳ Ｐゴシック" panose="020B0600070205080204" pitchFamily="50" charset="-128"/>
              </a:rPr>
              <a:t>来阪外国人延べ宿泊者数　</a:t>
            </a:r>
            <a:r>
              <a:rPr lang="en-US" altLang="ja-JP" sz="1400" b="1" dirty="0" smtClean="0">
                <a:latin typeface="ＭＳ Ｐゴシック" panose="020B0600070205080204" pitchFamily="50" charset="-128"/>
                <a:ea typeface="ＭＳ Ｐゴシック" panose="020B0600070205080204" pitchFamily="50" charset="-128"/>
              </a:rPr>
              <a:t>431</a:t>
            </a:r>
            <a:r>
              <a:rPr lang="ja-JP" altLang="en-US" sz="1400" b="1" dirty="0" smtClean="0">
                <a:latin typeface="ＭＳ Ｐゴシック" panose="020B0600070205080204" pitchFamily="50" charset="-128"/>
                <a:ea typeface="ＭＳ Ｐゴシック" panose="020B0600070205080204" pitchFamily="50" charset="-128"/>
              </a:rPr>
              <a:t>万人</a:t>
            </a:r>
            <a:endParaRPr kumimoji="1" lang="ja-JP" altLang="en-US" sz="1400" b="1" dirty="0">
              <a:latin typeface="ＭＳ Ｐゴシック" panose="020B0600070205080204" pitchFamily="50" charset="-128"/>
              <a:ea typeface="ＭＳ Ｐゴシック" panose="020B0600070205080204" pitchFamily="50" charset="-128"/>
            </a:endParaRPr>
          </a:p>
        </p:txBody>
      </p:sp>
      <p:sp>
        <p:nvSpPr>
          <p:cNvPr id="23" name="右矢印 22"/>
          <p:cNvSpPr/>
          <p:nvPr/>
        </p:nvSpPr>
        <p:spPr>
          <a:xfrm>
            <a:off x="2878650" y="5345100"/>
            <a:ext cx="248725" cy="751855"/>
          </a:xfrm>
          <a:prstGeom prst="right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3167088" y="4335267"/>
            <a:ext cx="2644278" cy="571501"/>
          </a:xfrm>
          <a:prstGeom prst="rect">
            <a:avLst/>
          </a:prstGeom>
          <a:noFill/>
          <a:ln>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dirty="0">
              <a:solidFill>
                <a:schemeClr val="tx1"/>
              </a:solidFill>
              <a:latin typeface="ＭＳ Ｐ明朝" panose="02020600040205080304" pitchFamily="18" charset="-128"/>
              <a:ea typeface="ＭＳ Ｐ明朝" panose="02020600040205080304" pitchFamily="18" charset="-128"/>
            </a:endParaRPr>
          </a:p>
        </p:txBody>
      </p:sp>
      <p:sp>
        <p:nvSpPr>
          <p:cNvPr id="21" name="正方形/長方形 20"/>
          <p:cNvSpPr/>
          <p:nvPr/>
        </p:nvSpPr>
        <p:spPr>
          <a:xfrm>
            <a:off x="6095304" y="5316072"/>
            <a:ext cx="3684707" cy="263748"/>
          </a:xfrm>
          <a:prstGeom prst="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dirty="0" smtClean="0">
                <a:latin typeface="ＭＳ Ｐゴシック" panose="020B0600070205080204" pitchFamily="50" charset="-128"/>
                <a:ea typeface="ＭＳ Ｐゴシック" panose="020B0600070205080204" pitchFamily="50" charset="-128"/>
              </a:rPr>
              <a:t>現状　</a:t>
            </a:r>
            <a:r>
              <a:rPr lang="en-US" altLang="ja-JP" sz="1400" dirty="0" smtClean="0">
                <a:latin typeface="ＭＳ Ｐゴシック" panose="020B0600070205080204" pitchFamily="50" charset="-128"/>
                <a:ea typeface="ＭＳ Ｐゴシック" panose="020B0600070205080204" pitchFamily="50" charset="-128"/>
              </a:rPr>
              <a:t>2013</a:t>
            </a:r>
            <a:r>
              <a:rPr lang="ja-JP" altLang="en-US" sz="1400" dirty="0" smtClean="0">
                <a:latin typeface="ＭＳ Ｐゴシック" panose="020B0600070205080204" pitchFamily="50" charset="-128"/>
                <a:ea typeface="ＭＳ Ｐゴシック" panose="020B0600070205080204" pitchFamily="50" charset="-128"/>
              </a:rPr>
              <a:t>年（平成</a:t>
            </a:r>
            <a:r>
              <a:rPr lang="en-US" altLang="ja-JP" sz="1400" dirty="0" smtClean="0">
                <a:latin typeface="ＭＳ Ｐゴシック" panose="020B0600070205080204" pitchFamily="50" charset="-128"/>
                <a:ea typeface="ＭＳ Ｐゴシック" panose="020B0600070205080204" pitchFamily="50" charset="-128"/>
              </a:rPr>
              <a:t>25</a:t>
            </a:r>
            <a:r>
              <a:rPr lang="ja-JP" altLang="en-US" sz="1400" dirty="0" smtClean="0">
                <a:latin typeface="ＭＳ Ｐゴシック" panose="020B0600070205080204" pitchFamily="50" charset="-128"/>
                <a:ea typeface="ＭＳ Ｐゴシック" panose="020B0600070205080204" pitchFamily="50" charset="-128"/>
              </a:rPr>
              <a:t>年）</a:t>
            </a:r>
            <a:endParaRPr kumimoji="1" lang="ja-JP" altLang="en-US" sz="1400" b="1" dirty="0">
              <a:latin typeface="ＭＳ Ｐゴシック" panose="020B0600070205080204" pitchFamily="50" charset="-128"/>
              <a:ea typeface="ＭＳ Ｐゴシック" panose="020B0600070205080204" pitchFamily="50" charset="-128"/>
            </a:endParaRPr>
          </a:p>
        </p:txBody>
      </p:sp>
      <p:sp>
        <p:nvSpPr>
          <p:cNvPr id="22" name="正方形/長方形 21"/>
          <p:cNvSpPr/>
          <p:nvPr/>
        </p:nvSpPr>
        <p:spPr>
          <a:xfrm>
            <a:off x="6106443" y="4643590"/>
            <a:ext cx="3673570" cy="703113"/>
          </a:xfrm>
          <a:prstGeom prst="rect">
            <a:avLst/>
          </a:prstGeom>
          <a:ln w="9525">
            <a:solidFill>
              <a:schemeClr val="tx1"/>
            </a:solidFill>
          </a:ln>
        </p:spPr>
        <p:style>
          <a:lnRef idx="2">
            <a:schemeClr val="accent6"/>
          </a:lnRef>
          <a:fillRef idx="1">
            <a:schemeClr val="lt1"/>
          </a:fillRef>
          <a:effectRef idx="0">
            <a:schemeClr val="accent6"/>
          </a:effectRef>
          <a:fontRef idx="minor">
            <a:schemeClr val="dk1"/>
          </a:fontRef>
        </p:style>
        <p:txBody>
          <a:bodyPr tIns="0" rtlCol="0" anchor="t"/>
          <a:lstStyle/>
          <a:p>
            <a:r>
              <a:rPr lang="ja-JP" altLang="en-US" sz="1050" b="1" dirty="0" smtClean="0">
                <a:solidFill>
                  <a:schemeClr val="tx1"/>
                </a:solidFill>
                <a:latin typeface="ＭＳ Ｐゴシック" panose="020B0600070205080204" pitchFamily="50" charset="-128"/>
                <a:ea typeface="ＭＳ Ｐゴシック" panose="020B0600070205080204" pitchFamily="50" charset="-128"/>
              </a:rPr>
              <a:t>◆ 「大阪国際音楽フェスティバル」</a:t>
            </a:r>
            <a:r>
              <a:rPr kumimoji="1" lang="ja-JP" altLang="en-US" sz="1050" b="1" dirty="0" smtClean="0">
                <a:solidFill>
                  <a:schemeClr val="tx1"/>
                </a:solidFill>
                <a:latin typeface="ＭＳ Ｐゴシック" panose="020B0600070205080204" pitchFamily="50" charset="-128"/>
                <a:ea typeface="ＭＳ Ｐゴシック" panose="020B0600070205080204" pitchFamily="50" charset="-128"/>
              </a:rPr>
              <a:t>の開催</a:t>
            </a:r>
            <a:r>
              <a:rPr lang="ja-JP" altLang="en-US" sz="1050" dirty="0" smtClean="0">
                <a:solidFill>
                  <a:schemeClr val="tx1"/>
                </a:solidFill>
                <a:latin typeface="ＭＳ Ｐゴシック" panose="020B0600070205080204" pitchFamily="50" charset="-128"/>
                <a:ea typeface="ＭＳ Ｐゴシック" panose="020B0600070205080204" pitchFamily="50" charset="-128"/>
              </a:rPr>
              <a:t>（</a:t>
            </a:r>
            <a:r>
              <a:rPr lang="en-US" altLang="ja-JP" sz="1050" dirty="0" smtClean="0">
                <a:solidFill>
                  <a:schemeClr val="tx1"/>
                </a:solidFill>
                <a:latin typeface="ＭＳ Ｐゴシック" panose="020B0600070205080204" pitchFamily="50" charset="-128"/>
                <a:ea typeface="ＭＳ Ｐゴシック" panose="020B0600070205080204" pitchFamily="50" charset="-128"/>
              </a:rPr>
              <a:t>2014</a:t>
            </a:r>
            <a:r>
              <a:rPr lang="ja-JP" altLang="en-US" sz="1050" dirty="0" smtClean="0">
                <a:solidFill>
                  <a:schemeClr val="tx1"/>
                </a:solidFill>
                <a:latin typeface="ＭＳ Ｐゴシック" panose="020B0600070205080204" pitchFamily="50" charset="-128"/>
                <a:ea typeface="ＭＳ Ｐゴシック" panose="020B0600070205080204" pitchFamily="50" charset="-128"/>
              </a:rPr>
              <a:t>年度）</a:t>
            </a:r>
            <a:endParaRPr kumimoji="1" lang="en-US" altLang="ja-JP" sz="1050" b="1"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000" dirty="0" smtClean="0">
                <a:solidFill>
                  <a:schemeClr val="tx1"/>
                </a:solidFill>
                <a:latin typeface="ＭＳ Ｐ明朝" panose="02020600040205080304" pitchFamily="18" charset="-128"/>
                <a:ea typeface="ＭＳ Ｐ明朝" panose="02020600040205080304" pitchFamily="18" charset="-128"/>
              </a:rPr>
              <a:t>　海外への大阪の知名度向上に大きく寄与したものの、その収支において多額の赤字が発生。</a:t>
            </a:r>
            <a:endParaRPr lang="en-US" altLang="ja-JP" sz="1000" dirty="0" smtClean="0">
              <a:solidFill>
                <a:schemeClr val="tx1"/>
              </a:solidFill>
              <a:latin typeface="ＭＳ Ｐ明朝" panose="02020600040205080304" pitchFamily="18" charset="-128"/>
              <a:ea typeface="ＭＳ Ｐ明朝" panose="02020600040205080304" pitchFamily="18" charset="-128"/>
            </a:endParaRPr>
          </a:p>
          <a:p>
            <a:r>
              <a:rPr kumimoji="1" lang="ja-JP" altLang="en-US" sz="1000" dirty="0" smtClean="0">
                <a:solidFill>
                  <a:schemeClr val="tx1"/>
                </a:solidFill>
                <a:latin typeface="ＭＳ Ｐ明朝" panose="02020600040205080304" pitchFamily="18" charset="-128"/>
                <a:ea typeface="ＭＳ Ｐ明朝" panose="02020600040205080304" pitchFamily="18" charset="-128"/>
              </a:rPr>
              <a:t>⇒今後は大阪観光局のガバナンスの強化を</a:t>
            </a:r>
            <a:r>
              <a:rPr lang="ja-JP" altLang="en-US" sz="1000" dirty="0" smtClean="0">
                <a:solidFill>
                  <a:schemeClr val="tx1"/>
                </a:solidFill>
                <a:latin typeface="ＭＳ Ｐ明朝" panose="02020600040205080304" pitchFamily="18" charset="-128"/>
                <a:ea typeface="ＭＳ Ｐ明朝" panose="02020600040205080304" pitchFamily="18" charset="-128"/>
              </a:rPr>
              <a:t>検討</a:t>
            </a:r>
            <a:r>
              <a:rPr kumimoji="1" lang="ja-JP" altLang="en-US" sz="1000" dirty="0" smtClean="0">
                <a:solidFill>
                  <a:schemeClr val="tx1"/>
                </a:solidFill>
                <a:latin typeface="ＭＳ Ｐ明朝" panose="02020600040205080304" pitchFamily="18" charset="-128"/>
                <a:ea typeface="ＭＳ Ｐ明朝" panose="02020600040205080304" pitchFamily="18" charset="-128"/>
              </a:rPr>
              <a:t>。</a:t>
            </a:r>
            <a:endParaRPr kumimoji="1" lang="ja-JP" altLang="en-US" sz="1000" dirty="0">
              <a:solidFill>
                <a:schemeClr val="tx1"/>
              </a:solidFill>
              <a:latin typeface="ＭＳ Ｐ明朝" panose="02020600040205080304" pitchFamily="18" charset="-128"/>
              <a:ea typeface="ＭＳ Ｐ明朝" panose="02020600040205080304" pitchFamily="18" charset="-128"/>
            </a:endParaRPr>
          </a:p>
        </p:txBody>
      </p:sp>
      <p:sp>
        <p:nvSpPr>
          <p:cNvPr id="24" name="正方形/長方形 23"/>
          <p:cNvSpPr/>
          <p:nvPr/>
        </p:nvSpPr>
        <p:spPr>
          <a:xfrm>
            <a:off x="3172385" y="5315958"/>
            <a:ext cx="2808312" cy="76873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400" dirty="0" smtClean="0">
              <a:latin typeface="ＭＳ Ｐゴシック" panose="020B0600070205080204" pitchFamily="50" charset="-128"/>
              <a:ea typeface="ＭＳ Ｐゴシック" panose="020B0600070205080204" pitchFamily="50" charset="-128"/>
            </a:endParaRPr>
          </a:p>
          <a:p>
            <a:endParaRPr lang="en-US" altLang="ja-JP" sz="1100" b="1" dirty="0" smtClean="0">
              <a:latin typeface="ＭＳ Ｐゴシック" panose="020B0600070205080204" pitchFamily="50" charset="-128"/>
              <a:ea typeface="ＭＳ Ｐゴシック" panose="020B0600070205080204" pitchFamily="50" charset="-128"/>
            </a:endParaRPr>
          </a:p>
          <a:p>
            <a:r>
              <a:rPr lang="ja-JP" altLang="en-US" sz="1100" b="1" dirty="0" smtClean="0">
                <a:latin typeface="ＭＳ Ｐゴシック" panose="020B0600070205080204" pitchFamily="50" charset="-128"/>
                <a:ea typeface="ＭＳ Ｐゴシック" panose="020B0600070205080204" pitchFamily="50" charset="-128"/>
              </a:rPr>
              <a:t>来阪外国人旅行者数</a:t>
            </a:r>
            <a:r>
              <a:rPr lang="ja-JP" altLang="en-US" sz="1400" b="1" dirty="0" smtClean="0">
                <a:latin typeface="ＭＳ Ｐゴシック" panose="020B0600070205080204" pitchFamily="50" charset="-128"/>
                <a:ea typeface="ＭＳ Ｐゴシック" panose="020B0600070205080204" pitchFamily="50" charset="-128"/>
              </a:rPr>
              <a:t>　</a:t>
            </a:r>
            <a:r>
              <a:rPr lang="en-US" altLang="ja-JP" sz="1400" b="1" dirty="0" smtClean="0">
                <a:latin typeface="ＭＳ Ｐゴシック" panose="020B0600070205080204" pitchFamily="50" charset="-128"/>
                <a:ea typeface="ＭＳ Ｐゴシック" panose="020B0600070205080204" pitchFamily="50" charset="-128"/>
              </a:rPr>
              <a:t>650</a:t>
            </a:r>
            <a:r>
              <a:rPr lang="ja-JP" altLang="en-US" sz="1400" b="1" dirty="0" smtClean="0">
                <a:latin typeface="ＭＳ Ｐゴシック" panose="020B0600070205080204" pitchFamily="50" charset="-128"/>
                <a:ea typeface="ＭＳ Ｐゴシック" panose="020B0600070205080204" pitchFamily="50" charset="-128"/>
              </a:rPr>
              <a:t>万人</a:t>
            </a:r>
            <a:endParaRPr lang="en-US" altLang="ja-JP" sz="1400" b="1" dirty="0" smtClean="0">
              <a:latin typeface="ＭＳ Ｐゴシック" panose="020B0600070205080204" pitchFamily="50" charset="-128"/>
              <a:ea typeface="ＭＳ Ｐゴシック" panose="020B0600070205080204" pitchFamily="50" charset="-128"/>
            </a:endParaRPr>
          </a:p>
          <a:p>
            <a:r>
              <a:rPr lang="ja-JP" altLang="en-US" sz="1100" b="1" dirty="0" smtClean="0">
                <a:latin typeface="ＭＳ Ｐゴシック" panose="020B0600070205080204" pitchFamily="50" charset="-128"/>
                <a:ea typeface="ＭＳ Ｐゴシック" panose="020B0600070205080204" pitchFamily="50" charset="-128"/>
              </a:rPr>
              <a:t>来阪外国人延べ宿泊者数</a:t>
            </a:r>
            <a:r>
              <a:rPr lang="ja-JP" altLang="en-US" sz="1400" b="1" dirty="0" smtClean="0">
                <a:latin typeface="ＭＳ Ｐゴシック" panose="020B0600070205080204" pitchFamily="50" charset="-128"/>
                <a:ea typeface="ＭＳ Ｐゴシック" panose="020B0600070205080204" pitchFamily="50" charset="-128"/>
              </a:rPr>
              <a:t>　</a:t>
            </a:r>
            <a:r>
              <a:rPr lang="en-US" altLang="ja-JP" sz="1400" b="1" dirty="0" smtClean="0">
                <a:latin typeface="ＭＳ Ｐゴシック" panose="020B0600070205080204" pitchFamily="50" charset="-128"/>
                <a:ea typeface="ＭＳ Ｐゴシック" panose="020B0600070205080204" pitchFamily="50" charset="-128"/>
              </a:rPr>
              <a:t>900</a:t>
            </a:r>
            <a:r>
              <a:rPr lang="ja-JP" altLang="en-US" sz="1400" b="1" dirty="0" smtClean="0">
                <a:latin typeface="ＭＳ Ｐゴシック" panose="020B0600070205080204" pitchFamily="50" charset="-128"/>
                <a:ea typeface="ＭＳ Ｐゴシック" panose="020B0600070205080204" pitchFamily="50" charset="-128"/>
              </a:rPr>
              <a:t>万人</a:t>
            </a:r>
            <a:endParaRPr kumimoji="1" lang="ja-JP" altLang="en-US" sz="1400" b="1" dirty="0">
              <a:latin typeface="ＭＳ Ｐゴシック" panose="020B0600070205080204" pitchFamily="50" charset="-128"/>
              <a:ea typeface="ＭＳ Ｐゴシック" panose="020B0600070205080204" pitchFamily="50" charset="-128"/>
            </a:endParaRPr>
          </a:p>
        </p:txBody>
      </p:sp>
      <p:sp>
        <p:nvSpPr>
          <p:cNvPr id="26" name="正方形/長方形 25"/>
          <p:cNvSpPr/>
          <p:nvPr/>
        </p:nvSpPr>
        <p:spPr>
          <a:xfrm>
            <a:off x="3158977" y="5301444"/>
            <a:ext cx="2835480" cy="249348"/>
          </a:xfrm>
          <a:prstGeom prst="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lang="ja-JP" altLang="en-US" sz="1400" dirty="0">
                <a:latin typeface="ＭＳ Ｐゴシック" panose="020B0600070205080204" pitchFamily="50" charset="-128"/>
                <a:ea typeface="ＭＳ Ｐゴシック" panose="020B0600070205080204" pitchFamily="50" charset="-128"/>
              </a:rPr>
              <a:t>目標</a:t>
            </a:r>
            <a:r>
              <a:rPr lang="ja-JP" altLang="en-US" sz="1400" dirty="0" smtClean="0">
                <a:latin typeface="ＭＳ Ｐゴシック" panose="020B0600070205080204" pitchFamily="50" charset="-128"/>
                <a:ea typeface="ＭＳ Ｐゴシック" panose="020B0600070205080204" pitchFamily="50" charset="-128"/>
              </a:rPr>
              <a:t>　</a:t>
            </a:r>
            <a:r>
              <a:rPr lang="en-US" altLang="ja-JP" sz="1400" dirty="0" smtClean="0">
                <a:latin typeface="ＭＳ Ｐゴシック" panose="020B0600070205080204" pitchFamily="50" charset="-128"/>
                <a:ea typeface="ＭＳ Ｐゴシック" panose="020B0600070205080204" pitchFamily="50" charset="-128"/>
              </a:rPr>
              <a:t>2020</a:t>
            </a:r>
            <a:r>
              <a:rPr lang="ja-JP" altLang="en-US" sz="1400" dirty="0" smtClean="0">
                <a:latin typeface="ＭＳ Ｐゴシック" panose="020B0600070205080204" pitchFamily="50" charset="-128"/>
                <a:ea typeface="ＭＳ Ｐゴシック" panose="020B0600070205080204" pitchFamily="50" charset="-128"/>
              </a:rPr>
              <a:t>年（平成</a:t>
            </a:r>
            <a:r>
              <a:rPr lang="en-US" altLang="ja-JP" sz="1400" dirty="0">
                <a:latin typeface="ＭＳ Ｐゴシック" panose="020B0600070205080204" pitchFamily="50" charset="-128"/>
                <a:ea typeface="ＭＳ Ｐゴシック" panose="020B0600070205080204" pitchFamily="50" charset="-128"/>
              </a:rPr>
              <a:t>32</a:t>
            </a:r>
            <a:r>
              <a:rPr lang="ja-JP" altLang="en-US" sz="1400" dirty="0" smtClean="0">
                <a:latin typeface="ＭＳ Ｐゴシック" panose="020B0600070205080204" pitchFamily="50" charset="-128"/>
                <a:ea typeface="ＭＳ Ｐゴシック" panose="020B0600070205080204" pitchFamily="50" charset="-128"/>
              </a:rPr>
              <a:t>年）</a:t>
            </a:r>
            <a:endParaRPr kumimoji="1" lang="ja-JP" altLang="en-US" sz="1400" b="1" dirty="0">
              <a:latin typeface="ＭＳ Ｐゴシック" panose="020B0600070205080204" pitchFamily="50" charset="-128"/>
              <a:ea typeface="ＭＳ Ｐゴシック" panose="020B0600070205080204" pitchFamily="50" charset="-128"/>
            </a:endParaRPr>
          </a:p>
        </p:txBody>
      </p:sp>
      <p:sp>
        <p:nvSpPr>
          <p:cNvPr id="20" name="角丸四角形 19"/>
          <p:cNvSpPr/>
          <p:nvPr/>
        </p:nvSpPr>
        <p:spPr>
          <a:xfrm>
            <a:off x="78000" y="408122"/>
            <a:ext cx="9750000" cy="738507"/>
          </a:xfrm>
          <a:prstGeom prst="round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ＭＳ Ｐ明朝" panose="02020600040205080304" pitchFamily="18" charset="-128"/>
                <a:ea typeface="ＭＳ Ｐ明朝" panose="02020600040205080304" pitchFamily="18" charset="-128"/>
              </a:rPr>
              <a:t>府市共通の戦略「大阪都市魅力創造戦略」における重点取組の一つであり、同じく府市共通の「大阪の観光戦略」に掲げる「</a:t>
            </a:r>
            <a:r>
              <a:rPr lang="en-US" altLang="ja-JP" sz="1400" dirty="0" smtClean="0">
                <a:solidFill>
                  <a:schemeClr val="tx1"/>
                </a:solidFill>
                <a:latin typeface="ＭＳ Ｐ明朝" panose="02020600040205080304" pitchFamily="18" charset="-128"/>
                <a:ea typeface="ＭＳ Ｐ明朝" panose="02020600040205080304" pitchFamily="18" charset="-128"/>
              </a:rPr>
              <a:t>2020</a:t>
            </a:r>
            <a:r>
              <a:rPr lang="ja-JP" altLang="en-US" sz="1400" dirty="0" smtClean="0">
                <a:solidFill>
                  <a:schemeClr val="tx1"/>
                </a:solidFill>
                <a:latin typeface="ＭＳ Ｐ明朝" panose="02020600040205080304" pitchFamily="18" charset="-128"/>
                <a:ea typeface="ＭＳ Ｐ明朝" panose="02020600040205080304" pitchFamily="18" charset="-128"/>
              </a:rPr>
              <a:t>年来阪外国人旅行者</a:t>
            </a:r>
            <a:r>
              <a:rPr lang="en-US" altLang="ja-JP" sz="1400" dirty="0" smtClean="0">
                <a:solidFill>
                  <a:schemeClr val="tx1"/>
                </a:solidFill>
                <a:latin typeface="ＭＳ Ｐ明朝" panose="02020600040205080304" pitchFamily="18" charset="-128"/>
                <a:ea typeface="ＭＳ Ｐ明朝" panose="02020600040205080304" pitchFamily="18" charset="-128"/>
              </a:rPr>
              <a:t>650</a:t>
            </a:r>
            <a:r>
              <a:rPr lang="ja-JP" altLang="en-US" sz="1400" dirty="0" smtClean="0">
                <a:solidFill>
                  <a:schemeClr val="tx1"/>
                </a:solidFill>
                <a:latin typeface="ＭＳ Ｐ明朝" panose="02020600040205080304" pitchFamily="18" charset="-128"/>
                <a:ea typeface="ＭＳ Ｐ明朝" panose="02020600040205080304" pitchFamily="18" charset="-128"/>
              </a:rPr>
              <a:t>万人達成」にむけ、戦略的に観光集客を促進するエンジン役を担う観光振興組織として、</a:t>
            </a:r>
            <a:r>
              <a:rPr lang="en-US" altLang="ja-JP" sz="1400" dirty="0" smtClean="0">
                <a:solidFill>
                  <a:schemeClr val="tx1"/>
                </a:solidFill>
                <a:latin typeface="ＭＳ Ｐ明朝" panose="02020600040205080304" pitchFamily="18" charset="-128"/>
                <a:ea typeface="ＭＳ Ｐ明朝" panose="02020600040205080304" pitchFamily="18" charset="-128"/>
              </a:rPr>
              <a:t/>
            </a:r>
            <a:br>
              <a:rPr lang="en-US" altLang="ja-JP" sz="1400" dirty="0" smtClean="0">
                <a:solidFill>
                  <a:schemeClr val="tx1"/>
                </a:solidFill>
                <a:latin typeface="ＭＳ Ｐ明朝" panose="02020600040205080304" pitchFamily="18" charset="-128"/>
                <a:ea typeface="ＭＳ Ｐ明朝" panose="02020600040205080304" pitchFamily="18" charset="-128"/>
              </a:rPr>
            </a:br>
            <a:r>
              <a:rPr lang="en-US" altLang="ja-JP" sz="1400" dirty="0" smtClean="0">
                <a:solidFill>
                  <a:schemeClr val="tx1"/>
                </a:solidFill>
                <a:latin typeface="ＭＳ Ｐ明朝" panose="02020600040205080304" pitchFamily="18" charset="-128"/>
                <a:ea typeface="ＭＳ Ｐ明朝" panose="02020600040205080304" pitchFamily="18" charset="-128"/>
              </a:rPr>
              <a:t>2013</a:t>
            </a:r>
            <a:r>
              <a:rPr lang="ja-JP" altLang="en-US" sz="1400" dirty="0" smtClean="0">
                <a:solidFill>
                  <a:schemeClr val="tx1"/>
                </a:solidFill>
                <a:latin typeface="ＭＳ Ｐ明朝" panose="02020600040205080304" pitchFamily="18" charset="-128"/>
                <a:ea typeface="ＭＳ Ｐ明朝" panose="02020600040205080304" pitchFamily="18" charset="-128"/>
              </a:rPr>
              <a:t>年</a:t>
            </a:r>
            <a:r>
              <a:rPr lang="en-US" altLang="ja-JP" sz="1400" dirty="0" smtClean="0">
                <a:solidFill>
                  <a:schemeClr val="tx1"/>
                </a:solidFill>
                <a:latin typeface="ＭＳ Ｐ明朝" panose="02020600040205080304" pitchFamily="18" charset="-128"/>
                <a:ea typeface="ＭＳ Ｐ明朝" panose="02020600040205080304" pitchFamily="18" charset="-128"/>
              </a:rPr>
              <a:t>4</a:t>
            </a:r>
            <a:r>
              <a:rPr lang="ja-JP" altLang="en-US" sz="1400" dirty="0" smtClean="0">
                <a:solidFill>
                  <a:schemeClr val="tx1"/>
                </a:solidFill>
                <a:latin typeface="ＭＳ Ｐ明朝" panose="02020600040205080304" pitchFamily="18" charset="-128"/>
                <a:ea typeface="ＭＳ Ｐ明朝" panose="02020600040205080304" pitchFamily="18" charset="-128"/>
              </a:rPr>
              <a:t>月</a:t>
            </a:r>
            <a:r>
              <a:rPr lang="en-US" altLang="ja-JP" sz="1400" dirty="0" smtClean="0">
                <a:solidFill>
                  <a:schemeClr val="tx1"/>
                </a:solidFill>
                <a:latin typeface="ＭＳ Ｐ明朝" panose="02020600040205080304" pitchFamily="18" charset="-128"/>
                <a:ea typeface="ＭＳ Ｐ明朝" panose="02020600040205080304" pitchFamily="18" charset="-128"/>
              </a:rPr>
              <a:t>1</a:t>
            </a:r>
            <a:r>
              <a:rPr lang="ja-JP" altLang="en-US" sz="1400" dirty="0" smtClean="0">
                <a:solidFill>
                  <a:schemeClr val="tx1"/>
                </a:solidFill>
                <a:latin typeface="ＭＳ Ｐ明朝" panose="02020600040205080304" pitchFamily="18" charset="-128"/>
                <a:ea typeface="ＭＳ Ｐ明朝" panose="02020600040205080304" pitchFamily="18" charset="-128"/>
              </a:rPr>
              <a:t>日に大阪観光局を設立。</a:t>
            </a:r>
            <a:endParaRPr lang="ja-JP" altLang="en-US" sz="1400" dirty="0">
              <a:solidFill>
                <a:schemeClr val="tx1"/>
              </a:solidFill>
              <a:latin typeface="ＭＳ Ｐ明朝" panose="02020600040205080304" pitchFamily="18" charset="-128"/>
              <a:ea typeface="ＭＳ Ｐ明朝" panose="02020600040205080304" pitchFamily="18" charset="-128"/>
            </a:endParaRPr>
          </a:p>
        </p:txBody>
      </p:sp>
      <p:sp>
        <p:nvSpPr>
          <p:cNvPr id="28" name="スライド番号プレースホルダ 27"/>
          <p:cNvSpPr>
            <a:spLocks noGrp="1"/>
          </p:cNvSpPr>
          <p:nvPr>
            <p:ph type="sldNum" sz="quarter" idx="12"/>
          </p:nvPr>
        </p:nvSpPr>
        <p:spPr/>
        <p:txBody>
          <a:bodyPr/>
          <a:lstStyle/>
          <a:p>
            <a:fld id="{37EF5067-3AB7-4642-9103-42CBD40CC6D9}" type="slidenum">
              <a:rPr kumimoji="1" lang="ja-JP" altLang="en-US" smtClean="0"/>
              <a:pPr/>
              <a:t>64</a:t>
            </a:fld>
            <a:endParaRPr kumimoji="1" lang="ja-JP" altLang="en-US" dirty="0"/>
          </a:p>
        </p:txBody>
      </p:sp>
      <p:grpSp>
        <p:nvGrpSpPr>
          <p:cNvPr id="27" name="グループ化 67"/>
          <p:cNvGrpSpPr/>
          <p:nvPr/>
        </p:nvGrpSpPr>
        <p:grpSpPr>
          <a:xfrm>
            <a:off x="165016" y="6069157"/>
            <a:ext cx="9078460" cy="777521"/>
            <a:chOff x="76116" y="5987515"/>
            <a:chExt cx="9078460" cy="777521"/>
          </a:xfrm>
        </p:grpSpPr>
        <p:sp>
          <p:nvSpPr>
            <p:cNvPr id="33" name="角丸四角形 32"/>
            <p:cNvSpPr/>
            <p:nvPr/>
          </p:nvSpPr>
          <p:spPr>
            <a:xfrm>
              <a:off x="162619" y="6289548"/>
              <a:ext cx="8991957" cy="4754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a:solidFill>
                    <a:schemeClr val="tx1"/>
                  </a:solidFill>
                  <a:latin typeface="ＭＳ Ｐ明朝" panose="02020600040205080304" pitchFamily="18" charset="-128"/>
                  <a:ea typeface="ＭＳ Ｐ明朝" panose="02020600040205080304" pitchFamily="18" charset="-128"/>
                </a:rPr>
                <a:t>大阪府：府民文化部</a:t>
              </a:r>
              <a:endParaRPr lang="en-US" altLang="ja-JP" sz="1400" dirty="0">
                <a:solidFill>
                  <a:schemeClr val="tx1"/>
                </a:solidFill>
                <a:latin typeface="ＭＳ Ｐ明朝" panose="02020600040205080304" pitchFamily="18" charset="-128"/>
                <a:ea typeface="ＭＳ Ｐ明朝" panose="02020600040205080304" pitchFamily="18" charset="-128"/>
              </a:endParaRPr>
            </a:p>
            <a:p>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a:solidFill>
                    <a:schemeClr val="tx1"/>
                  </a:solidFill>
                  <a:latin typeface="ＭＳ Ｐ明朝" panose="02020600040205080304" pitchFamily="18" charset="-128"/>
                  <a:ea typeface="ＭＳ Ｐ明朝" panose="02020600040205080304" pitchFamily="18" charset="-128"/>
                </a:rPr>
                <a:t>大阪市：経済</a:t>
              </a:r>
              <a:r>
                <a:rPr lang="ja-JP" altLang="en-US" sz="1400" dirty="0" smtClean="0">
                  <a:solidFill>
                    <a:schemeClr val="tx1"/>
                  </a:solidFill>
                  <a:latin typeface="ＭＳ Ｐ明朝" panose="02020600040205080304" pitchFamily="18" charset="-128"/>
                  <a:ea typeface="ＭＳ Ｐ明朝" panose="02020600040205080304" pitchFamily="18" charset="-128"/>
                </a:rPr>
                <a:t>戦略局</a:t>
              </a:r>
              <a:endParaRPr lang="en-US" altLang="ja-JP" sz="1400" dirty="0">
                <a:solidFill>
                  <a:schemeClr val="tx1"/>
                </a:solidFill>
                <a:latin typeface="ＭＳ Ｐ明朝" panose="02020600040205080304" pitchFamily="18" charset="-128"/>
                <a:ea typeface="ＭＳ Ｐ明朝" panose="02020600040205080304" pitchFamily="18" charset="-128"/>
              </a:endParaRPr>
            </a:p>
          </p:txBody>
        </p:sp>
        <p:sp>
          <p:nvSpPr>
            <p:cNvPr id="35" name="テキスト ボックス 34"/>
            <p:cNvSpPr txBox="1"/>
            <p:nvPr/>
          </p:nvSpPr>
          <p:spPr>
            <a:xfrm>
              <a:off x="76116" y="5987515"/>
              <a:ext cx="6351200" cy="338554"/>
            </a:xfrm>
            <a:prstGeom prst="rect">
              <a:avLst/>
            </a:prstGeom>
            <a:noFill/>
          </p:spPr>
          <p:txBody>
            <a:bodyPr wrap="square" rtlCol="0">
              <a:spAutoFit/>
            </a:bodyPr>
            <a:lstStyle/>
            <a:p>
              <a:r>
                <a:rPr lang="ja-JP" altLang="en-US" sz="1600" dirty="0" smtClean="0">
                  <a:latin typeface="ＭＳ Ｐゴシック" panose="020B0600070205080204" pitchFamily="50" charset="-128"/>
                  <a:ea typeface="ＭＳ Ｐゴシック" panose="020B0600070205080204" pitchFamily="50" charset="-128"/>
                </a:rPr>
                <a:t>○</a:t>
              </a:r>
              <a:r>
                <a:rPr lang="en-US" altLang="ja-JP" sz="1600" dirty="0">
                  <a:latin typeface="ＭＳ Ｐゴシック" panose="020B0600070205080204" pitchFamily="50" charset="-128"/>
                  <a:ea typeface="ＭＳ Ｐゴシック" panose="020B0600070205080204" pitchFamily="50" charset="-128"/>
                </a:rPr>
                <a:t> 『</a:t>
              </a:r>
              <a:r>
                <a:rPr lang="ja-JP" altLang="en-US" sz="1600" dirty="0">
                  <a:latin typeface="ＭＳ Ｐゴシック" panose="020B0600070205080204" pitchFamily="50" charset="-128"/>
                  <a:ea typeface="ＭＳ Ｐゴシック" panose="020B0600070205080204" pitchFamily="50" charset="-128"/>
                </a:rPr>
                <a:t>観光・都市魅力創造</a:t>
              </a:r>
              <a:r>
                <a:rPr lang="en-US" altLang="ja-JP" sz="1600" dirty="0">
                  <a:latin typeface="ＭＳ Ｐゴシック" panose="020B0600070205080204" pitchFamily="50" charset="-128"/>
                  <a:ea typeface="ＭＳ Ｐゴシック" panose="020B0600070205080204" pitchFamily="50" charset="-128"/>
                </a:rPr>
                <a:t>』</a:t>
              </a:r>
              <a:r>
                <a:rPr lang="ja-JP" altLang="en-US" sz="1600" dirty="0" smtClean="0">
                  <a:latin typeface="ＭＳ Ｐゴシック" panose="020B0600070205080204" pitchFamily="50" charset="-128"/>
                  <a:ea typeface="ＭＳ Ｐゴシック" panose="020B0600070205080204" pitchFamily="50" charset="-128"/>
                </a:rPr>
                <a:t>テーマの担当部局一覧</a:t>
              </a:r>
              <a:endParaRPr lang="en-US" altLang="ja-JP" sz="1600" dirty="0" smtClean="0">
                <a:latin typeface="ＭＳ Ｐゴシック" panose="020B0600070205080204" pitchFamily="50" charset="-128"/>
                <a:ea typeface="ＭＳ Ｐゴシック" panose="020B0600070205080204" pitchFamily="50" charset="-128"/>
              </a:endParaRPr>
            </a:p>
          </p:txBody>
        </p:sp>
      </p:grpSp>
    </p:spTree>
    <p:extLst>
      <p:ext uri="{BB962C8B-B14F-4D97-AF65-F5344CB8AC3E}">
        <p14:creationId xmlns:p14="http://schemas.microsoft.com/office/powerpoint/2010/main" val="1292628670"/>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5"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５．危機管理・防災</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485465" y="823322"/>
            <a:ext cx="8935069" cy="5262979"/>
          </a:xfrm>
          <a:prstGeom prst="rect">
            <a:avLst/>
          </a:prstGeom>
          <a:noFill/>
        </p:spPr>
        <p:txBody>
          <a:bodyPr wrap="square" rtlCol="0">
            <a:spAutoFit/>
          </a:bodyPr>
          <a:lstStyle/>
          <a:p>
            <a:pPr marL="180975" indent="-180975"/>
            <a:r>
              <a:rPr kumimoji="1" lang="ja-JP" altLang="en-US" sz="1600" dirty="0" smtClean="0">
                <a:latin typeface="ＭＳ Ｐ明朝" panose="02020600040205080304" pitchFamily="18" charset="-128"/>
                <a:ea typeface="ＭＳ Ｐ明朝" panose="02020600040205080304" pitchFamily="18" charset="-128"/>
              </a:rPr>
              <a:t>○</a:t>
            </a:r>
            <a:r>
              <a:rPr lang="ja-JP" altLang="en-US" sz="1600" dirty="0" smtClean="0">
                <a:latin typeface="ＭＳ Ｐ明朝" panose="02020600040205080304" pitchFamily="18" charset="-128"/>
                <a:ea typeface="ＭＳ Ｐ明朝" panose="02020600040205080304" pitchFamily="18" charset="-128"/>
              </a:rPr>
              <a:t>大阪</a:t>
            </a:r>
            <a:r>
              <a:rPr lang="ja-JP" altLang="en-US" sz="1600" dirty="0">
                <a:latin typeface="ＭＳ Ｐ明朝" panose="02020600040205080304" pitchFamily="18" charset="-128"/>
                <a:ea typeface="ＭＳ Ｐ明朝" panose="02020600040205080304" pitchFamily="18" charset="-128"/>
              </a:rPr>
              <a:t>で想定される危機事象は、大規模地震による津波・建物倒壊・火災、台風や大雨などの</a:t>
            </a:r>
            <a:r>
              <a:rPr lang="ja-JP" altLang="en-US" sz="1600" dirty="0" smtClean="0">
                <a:latin typeface="ＭＳ Ｐ明朝" panose="02020600040205080304" pitchFamily="18" charset="-128"/>
                <a:ea typeface="ＭＳ Ｐ明朝" panose="02020600040205080304" pitchFamily="18" charset="-128"/>
              </a:rPr>
              <a:t>自然災害</a:t>
            </a:r>
            <a:r>
              <a:rPr lang="ja-JP" altLang="en-US" sz="1600" dirty="0">
                <a:latin typeface="ＭＳ Ｐ明朝" panose="02020600040205080304" pitchFamily="18" charset="-128"/>
                <a:ea typeface="ＭＳ Ｐ明朝" panose="02020600040205080304" pitchFamily="18" charset="-128"/>
              </a:rPr>
              <a:t>や、感染症などの健康危機事象など、多岐にわたるが、大阪は、災害・危機事象に脆弱な面を持つ。その一つは、</a:t>
            </a:r>
            <a:r>
              <a:rPr lang="ja-JP" altLang="en-US" sz="1600" dirty="0" smtClean="0">
                <a:latin typeface="ＭＳ Ｐ明朝" panose="02020600040205080304" pitchFamily="18" charset="-128"/>
                <a:ea typeface="ＭＳ Ｐ明朝" panose="02020600040205080304" pitchFamily="18" charset="-128"/>
              </a:rPr>
              <a:t>約</a:t>
            </a:r>
            <a:r>
              <a:rPr lang="en-US" altLang="ja-JP" sz="1600" dirty="0" smtClean="0">
                <a:latin typeface="ＭＳ Ｐ明朝" panose="02020600040205080304" pitchFamily="18" charset="-128"/>
                <a:ea typeface="ＭＳ Ｐ明朝" panose="02020600040205080304" pitchFamily="18" charset="-128"/>
              </a:rPr>
              <a:t>4,100</a:t>
            </a:r>
            <a:r>
              <a:rPr lang="ja-JP" altLang="en-US" sz="1600" dirty="0" smtClean="0">
                <a:latin typeface="ＭＳ Ｐ明朝" panose="02020600040205080304" pitchFamily="18" charset="-128"/>
                <a:ea typeface="ＭＳ Ｐ明朝" panose="02020600040205080304" pitchFamily="18" charset="-128"/>
              </a:rPr>
              <a:t>ヘクタールの</a:t>
            </a:r>
            <a:r>
              <a:rPr lang="ja-JP" altLang="en-US" sz="1600" dirty="0">
                <a:latin typeface="ＭＳ Ｐ明朝" panose="02020600040205080304" pitchFamily="18" charset="-128"/>
                <a:ea typeface="ＭＳ Ｐ明朝" panose="02020600040205080304" pitchFamily="18" charset="-128"/>
              </a:rPr>
              <a:t>海抜ゼロメートル地帯が広がる地理的要因。ここに、資産や人口が集中しているため、被害を最小限にとどめるための対策が特に重要。財政難の中で、コストにも配慮したリスクマネジメントが大きな課題。</a:t>
            </a:r>
            <a:endParaRPr lang="en-US" altLang="ja-JP" sz="1600" dirty="0">
              <a:latin typeface="ＭＳ Ｐ明朝" panose="02020600040205080304" pitchFamily="18" charset="-128"/>
              <a:ea typeface="ＭＳ Ｐ明朝" panose="02020600040205080304" pitchFamily="18" charset="-128"/>
            </a:endParaRPr>
          </a:p>
          <a:p>
            <a:endParaRPr lang="en-US" altLang="ja-JP" sz="1600" dirty="0">
              <a:latin typeface="ＭＳ Ｐ明朝" panose="02020600040205080304" pitchFamily="18" charset="-128"/>
              <a:ea typeface="ＭＳ Ｐ明朝" panose="02020600040205080304" pitchFamily="18" charset="-128"/>
            </a:endParaRPr>
          </a:p>
          <a:p>
            <a:pPr marL="180975" indent="-180975"/>
            <a:r>
              <a:rPr lang="ja-JP" altLang="en-US" sz="1600" dirty="0">
                <a:latin typeface="ＭＳ Ｐ明朝" panose="02020600040205080304" pitchFamily="18" charset="-128"/>
                <a:ea typeface="ＭＳ Ｐ明朝" panose="02020600040205080304" pitchFamily="18" charset="-128"/>
              </a:rPr>
              <a:t>○</a:t>
            </a:r>
            <a:r>
              <a:rPr lang="en-US" altLang="ja-JP" sz="1600" dirty="0">
                <a:latin typeface="ＭＳ Ｐ明朝" panose="02020600040205080304" pitchFamily="18" charset="-128"/>
                <a:ea typeface="ＭＳ Ｐ明朝" panose="02020600040205080304" pitchFamily="18" charset="-128"/>
              </a:rPr>
              <a:t>2011</a:t>
            </a:r>
            <a:r>
              <a:rPr lang="ja-JP" altLang="en-US" sz="1600" dirty="0">
                <a:latin typeface="ＭＳ Ｐ明朝" panose="02020600040205080304" pitchFamily="18" charset="-128"/>
                <a:ea typeface="ＭＳ Ｐ明朝" panose="02020600040205080304" pitchFamily="18" charset="-128"/>
              </a:rPr>
              <a:t>年の東日本大震災の大規模な津波被害を踏まえて、南海</a:t>
            </a:r>
            <a:r>
              <a:rPr lang="ja-JP" altLang="en-US" sz="1600" dirty="0" smtClean="0">
                <a:latin typeface="ＭＳ Ｐ明朝" panose="02020600040205080304" pitchFamily="18" charset="-128"/>
                <a:ea typeface="ＭＳ Ｐ明朝" panose="02020600040205080304" pitchFamily="18" charset="-128"/>
              </a:rPr>
              <a:t>トラフ地震</a:t>
            </a:r>
            <a:r>
              <a:rPr lang="ja-JP" altLang="en-US" sz="1600" dirty="0">
                <a:latin typeface="ＭＳ Ｐ明朝" panose="02020600040205080304" pitchFamily="18" charset="-128"/>
                <a:ea typeface="ＭＳ Ｐ明朝" panose="02020600040205080304" pitchFamily="18" charset="-128"/>
              </a:rPr>
              <a:t>の新たな被害想定が出されたことから、大阪における災害リスクを再点検した。その結果、津波対策としてより一層</a:t>
            </a:r>
            <a:r>
              <a:rPr lang="ja-JP" altLang="en-US" sz="1600" dirty="0" smtClean="0">
                <a:latin typeface="ＭＳ Ｐ明朝" panose="02020600040205080304" pitchFamily="18" charset="-128"/>
                <a:ea typeface="ＭＳ Ｐ明朝" panose="02020600040205080304" pitchFamily="18" charset="-128"/>
              </a:rPr>
              <a:t>の堤防等の</a:t>
            </a:r>
            <a:r>
              <a:rPr lang="ja-JP" altLang="en-US" sz="1600" dirty="0">
                <a:latin typeface="ＭＳ Ｐ明朝" panose="02020600040205080304" pitchFamily="18" charset="-128"/>
                <a:ea typeface="ＭＳ Ｐ明朝" panose="02020600040205080304" pitchFamily="18" charset="-128"/>
              </a:rPr>
              <a:t>耐震・液状化対策が急務であることが判明し、整備に着手。また、災害時の被害拡大要因である密集市街地対策も、早急に解決すべきリスクとして再認識し、取組体制を整えるなど、対応を強化</a:t>
            </a:r>
            <a:r>
              <a:rPr lang="ja-JP" altLang="en-US" sz="1600" dirty="0" smtClean="0">
                <a:latin typeface="ＭＳ Ｐ明朝" panose="02020600040205080304" pitchFamily="18" charset="-128"/>
                <a:ea typeface="ＭＳ Ｐ明朝" panose="02020600040205080304" pitchFamily="18" charset="-128"/>
              </a:rPr>
              <a:t>。</a:t>
            </a:r>
            <a:endParaRPr lang="en-US" altLang="ja-JP" sz="1600" dirty="0">
              <a:latin typeface="ＭＳ Ｐ明朝" panose="02020600040205080304" pitchFamily="18" charset="-128"/>
              <a:ea typeface="ＭＳ Ｐ明朝" panose="02020600040205080304" pitchFamily="18" charset="-128"/>
            </a:endParaRPr>
          </a:p>
          <a:p>
            <a:endParaRPr lang="en-US" altLang="ja-JP" sz="1600" dirty="0">
              <a:latin typeface="ＭＳ Ｐ明朝" panose="02020600040205080304" pitchFamily="18" charset="-128"/>
              <a:ea typeface="ＭＳ Ｐ明朝" panose="02020600040205080304" pitchFamily="18" charset="-128"/>
            </a:endParaRPr>
          </a:p>
          <a:p>
            <a:pPr marL="180975" indent="-180975"/>
            <a:r>
              <a:rPr lang="ja-JP" altLang="en-US" sz="1600" dirty="0">
                <a:latin typeface="ＭＳ Ｐ明朝" panose="02020600040205080304" pitchFamily="18" charset="-128"/>
                <a:ea typeface="ＭＳ Ｐ明朝" panose="02020600040205080304" pitchFamily="18" charset="-128"/>
              </a:rPr>
              <a:t>○また、こうしたハード対策に加え、災害リスクを府民と共有し、その防災意識の向上を図るためにも、</a:t>
            </a:r>
            <a:r>
              <a:rPr lang="en-US" altLang="ja-JP" sz="1600" dirty="0" smtClean="0">
                <a:latin typeface="ＭＳ Ｐ明朝" panose="02020600040205080304" pitchFamily="18" charset="-128"/>
                <a:ea typeface="ＭＳ Ｐ明朝" panose="02020600040205080304" pitchFamily="18" charset="-128"/>
              </a:rPr>
              <a:t>2010</a:t>
            </a:r>
            <a:r>
              <a:rPr lang="ja-JP" altLang="en-US" sz="1600" dirty="0" smtClean="0">
                <a:latin typeface="ＭＳ Ｐ明朝" panose="02020600040205080304" pitchFamily="18" charset="-128"/>
                <a:ea typeface="ＭＳ Ｐ明朝" panose="02020600040205080304" pitchFamily="18" charset="-128"/>
              </a:rPr>
              <a:t>年</a:t>
            </a:r>
            <a:r>
              <a:rPr lang="ja-JP" altLang="en-US" sz="1600" dirty="0">
                <a:latin typeface="ＭＳ Ｐ明朝" panose="02020600040205080304" pitchFamily="18" charset="-128"/>
                <a:ea typeface="ＭＳ Ｐ明朝" panose="02020600040205080304" pitchFamily="18" charset="-128"/>
              </a:rPr>
              <a:t>の治水対策の方針転換に基づき、洪水等のリスク開示を開始。</a:t>
            </a:r>
            <a:r>
              <a:rPr lang="en-US" altLang="ja-JP" sz="1600" dirty="0">
                <a:latin typeface="ＭＳ Ｐ明朝" panose="02020600040205080304" pitchFamily="18" charset="-128"/>
                <a:ea typeface="ＭＳ Ｐ明朝" panose="02020600040205080304" pitchFamily="18" charset="-128"/>
              </a:rPr>
              <a:t>2014</a:t>
            </a:r>
            <a:r>
              <a:rPr lang="ja-JP" altLang="en-US" sz="1600" dirty="0">
                <a:latin typeface="ＭＳ Ｐ明朝" panose="02020600040205080304" pitchFamily="18" charset="-128"/>
                <a:ea typeface="ＭＳ Ｐ明朝" panose="02020600040205080304" pitchFamily="18" charset="-128"/>
              </a:rPr>
              <a:t>年</a:t>
            </a:r>
            <a:r>
              <a:rPr lang="en-US" altLang="ja-JP" sz="1600" dirty="0">
                <a:latin typeface="ＭＳ Ｐ明朝" panose="02020600040205080304" pitchFamily="18" charset="-128"/>
                <a:ea typeface="ＭＳ Ｐ明朝" panose="02020600040205080304" pitchFamily="18" charset="-128"/>
              </a:rPr>
              <a:t>8</a:t>
            </a:r>
            <a:r>
              <a:rPr lang="ja-JP" altLang="en-US" sz="1600" dirty="0">
                <a:latin typeface="ＭＳ Ｐ明朝" panose="02020600040205080304" pitchFamily="18" charset="-128"/>
                <a:ea typeface="ＭＳ Ｐ明朝" panose="02020600040205080304" pitchFamily="18" charset="-128"/>
              </a:rPr>
              <a:t>月の広島における土砂災害を踏まえ、同年</a:t>
            </a:r>
            <a:r>
              <a:rPr lang="en-US" altLang="ja-JP" sz="1600" dirty="0">
                <a:latin typeface="ＭＳ Ｐ明朝" panose="02020600040205080304" pitchFamily="18" charset="-128"/>
                <a:ea typeface="ＭＳ Ｐ明朝" panose="02020600040205080304" pitchFamily="18" charset="-128"/>
              </a:rPr>
              <a:t>11</a:t>
            </a:r>
            <a:r>
              <a:rPr lang="ja-JP" altLang="en-US" sz="1600" dirty="0">
                <a:latin typeface="ＭＳ Ｐ明朝" panose="02020600040205080304" pitchFamily="18" charset="-128"/>
                <a:ea typeface="ＭＳ Ｐ明朝" panose="02020600040205080304" pitchFamily="18" charset="-128"/>
              </a:rPr>
              <a:t>月、全国に先駆けて、調査段階における土砂災害リスクの公表を開始。</a:t>
            </a:r>
          </a:p>
          <a:p>
            <a:endParaRPr lang="en-US" altLang="ja-JP" sz="1600" dirty="0">
              <a:latin typeface="ＭＳ Ｐ明朝" panose="02020600040205080304" pitchFamily="18" charset="-128"/>
              <a:ea typeface="ＭＳ Ｐ明朝" panose="02020600040205080304" pitchFamily="18" charset="-128"/>
            </a:endParaRPr>
          </a:p>
          <a:p>
            <a:pPr marL="180975" indent="-180975">
              <a:tabLst>
                <a:tab pos="180975" algn="l"/>
              </a:tabLst>
            </a:pPr>
            <a:r>
              <a:rPr lang="ja-JP" altLang="en-US" sz="1600" dirty="0" smtClean="0">
                <a:latin typeface="ＭＳ Ｐ明朝" panose="02020600040205080304" pitchFamily="18" charset="-128"/>
                <a:ea typeface="ＭＳ Ｐ明朝" panose="02020600040205080304" pitchFamily="18" charset="-128"/>
              </a:rPr>
              <a:t>○一方、</a:t>
            </a:r>
            <a:r>
              <a:rPr lang="ja-JP" altLang="en-US" sz="1600" dirty="0">
                <a:latin typeface="ＭＳ Ｐ明朝" panose="02020600040205080304" pitchFamily="18" charset="-128"/>
                <a:ea typeface="ＭＳ Ｐ明朝" panose="02020600040205080304" pitchFamily="18" charset="-128"/>
              </a:rPr>
              <a:t>近年、新型インフルエンザをはじめとする全国的かつ急速にまん延する感染症の対応が求められるほか、エボラ出血熱やデング熱など海外からの感染症も新たなリスクとして注目されるなど、グローバル化に伴う新興感染症のパンデミック（大規模流行）の脅威など、健康危機事象への対応強化も今後の課題。　</a:t>
            </a:r>
            <a:endParaRPr lang="en-US" altLang="ja-JP" sz="1600" dirty="0">
              <a:latin typeface="ＭＳ Ｐ明朝" panose="02020600040205080304" pitchFamily="18" charset="-128"/>
              <a:ea typeface="ＭＳ Ｐ明朝" panose="02020600040205080304" pitchFamily="18" charset="-128"/>
            </a:endParaRPr>
          </a:p>
          <a:p>
            <a:pPr marL="180975"/>
            <a:r>
              <a:rPr lang="ja-JP" altLang="en-US" sz="1600" dirty="0" smtClean="0">
                <a:latin typeface="ＭＳ Ｐ明朝" panose="02020600040205080304" pitchFamily="18" charset="-128"/>
                <a:ea typeface="ＭＳ Ｐ明朝" panose="02020600040205080304" pitchFamily="18" charset="-128"/>
              </a:rPr>
              <a:t>　時代</a:t>
            </a:r>
            <a:r>
              <a:rPr lang="ja-JP" altLang="en-US" sz="1600" dirty="0">
                <a:latin typeface="ＭＳ Ｐ明朝" panose="02020600040205080304" pitchFamily="18" charset="-128"/>
                <a:ea typeface="ＭＳ Ｐ明朝" panose="02020600040205080304" pitchFamily="18" charset="-128"/>
              </a:rPr>
              <a:t>のニーズをとらえた保健医療行政の実現を支える重要な機能の一つである検査・調査研究機能</a:t>
            </a:r>
            <a:r>
              <a:rPr lang="ja-JP" altLang="en-US" sz="1600" dirty="0" smtClean="0">
                <a:latin typeface="ＭＳ Ｐ明朝" panose="02020600040205080304" pitchFamily="18" charset="-128"/>
                <a:ea typeface="ＭＳ Ｐ明朝" panose="02020600040205080304" pitchFamily="18" charset="-128"/>
              </a:rPr>
              <a:t>等の</a:t>
            </a:r>
            <a:r>
              <a:rPr lang="ja-JP" altLang="en-US" sz="1600" dirty="0">
                <a:latin typeface="ＭＳ Ｐ明朝" panose="02020600040205080304" pitchFamily="18" charset="-128"/>
                <a:ea typeface="ＭＳ Ｐ明朝" panose="02020600040205080304" pitchFamily="18" charset="-128"/>
              </a:rPr>
              <a:t>強化に向け、大阪府市で、地方衛生研究所の統合を検討中</a:t>
            </a:r>
            <a:r>
              <a:rPr lang="ja-JP" altLang="en-US" sz="1600" dirty="0" smtClean="0">
                <a:latin typeface="ＭＳ Ｐ明朝" panose="02020600040205080304" pitchFamily="18" charset="-128"/>
                <a:ea typeface="ＭＳ Ｐ明朝" panose="02020600040205080304" pitchFamily="18" charset="-128"/>
              </a:rPr>
              <a:t>。</a:t>
            </a:r>
            <a:endParaRPr kumimoji="1" lang="ja-JP" altLang="en-US" sz="1600" dirty="0">
              <a:latin typeface="ＭＳ Ｐ明朝" panose="02020600040205080304" pitchFamily="18" charset="-128"/>
              <a:ea typeface="ＭＳ Ｐ明朝" panose="02020600040205080304"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65</a:t>
            </a:fld>
            <a:endParaRPr kumimoji="1" lang="ja-JP" altLang="en-US" dirty="0"/>
          </a:p>
        </p:txBody>
      </p:sp>
    </p:spTree>
    <p:extLst>
      <p:ext uri="{BB962C8B-B14F-4D97-AF65-F5344CB8AC3E}">
        <p14:creationId xmlns:p14="http://schemas.microsoft.com/office/powerpoint/2010/main" val="136988013"/>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38507" y="47426"/>
            <a:ext cx="3493346" cy="338554"/>
          </a:xfrm>
          <a:prstGeom prst="rect">
            <a:avLst/>
          </a:prstGeom>
          <a:solidFill>
            <a:srgbClr val="BAF9A9"/>
          </a:solidFill>
          <a:ln>
            <a:solidFill>
              <a:srgbClr val="00B050"/>
            </a:solidFill>
          </a:ln>
        </p:spPr>
        <p:style>
          <a:lnRef idx="2">
            <a:schemeClr val="accent3"/>
          </a:lnRef>
          <a:fillRef idx="1">
            <a:schemeClr val="lt1"/>
          </a:fillRef>
          <a:effectRef idx="0">
            <a:schemeClr val="accent3"/>
          </a:effectRef>
          <a:fontRef idx="minor">
            <a:schemeClr val="dk1"/>
          </a:fontRef>
        </p:style>
        <p:txBody>
          <a:bodyPr wrap="square" rtlCol="0">
            <a:spAutoFit/>
          </a:bodyPr>
          <a:lstStyle/>
          <a:p>
            <a:pPr algn="ctr"/>
            <a:r>
              <a:rPr lang="ja-JP" altLang="en-US" sz="1600" dirty="0" smtClean="0">
                <a:latin typeface="ＭＳ Ｐゴシック" panose="020B0600070205080204" pitchFamily="50" charset="-128"/>
                <a:ea typeface="ＭＳ Ｐゴシック" panose="020B0600070205080204" pitchFamily="50" charset="-128"/>
              </a:rPr>
              <a:t>大阪の状況</a:t>
            </a:r>
            <a:endParaRPr kumimoji="1" lang="ja-JP" altLang="en-US" sz="1600" dirty="0">
              <a:latin typeface="ＭＳ Ｐゴシック" panose="020B0600070205080204" pitchFamily="50" charset="-128"/>
              <a:ea typeface="ＭＳ Ｐゴシック" panose="020B0600070205080204" pitchFamily="50" charset="-128"/>
            </a:endParaRPr>
          </a:p>
        </p:txBody>
      </p:sp>
      <p:sp>
        <p:nvSpPr>
          <p:cNvPr id="32" name="テキスト ボックス 31"/>
          <p:cNvSpPr txBox="1"/>
          <p:nvPr/>
        </p:nvSpPr>
        <p:spPr>
          <a:xfrm>
            <a:off x="4127618" y="40060"/>
            <a:ext cx="2353683" cy="367185"/>
          </a:xfrm>
          <a:prstGeom prst="rect">
            <a:avLst/>
          </a:prstGeom>
          <a:solidFill>
            <a:srgbClr val="BAF9A9"/>
          </a:solidFill>
          <a:ln>
            <a:solidFill>
              <a:srgbClr val="00B050"/>
            </a:solidFill>
          </a:ln>
        </p:spPr>
        <p:style>
          <a:lnRef idx="2">
            <a:schemeClr val="accent3"/>
          </a:lnRef>
          <a:fillRef idx="1">
            <a:schemeClr val="lt1"/>
          </a:fillRef>
          <a:effectRef idx="0">
            <a:schemeClr val="accent3"/>
          </a:effectRef>
          <a:fontRef idx="minor">
            <a:schemeClr val="dk1"/>
          </a:fontRef>
        </p:style>
        <p:txBody>
          <a:bodyPr wrap="square" rtlCol="0">
            <a:noAutofit/>
          </a:bodyPr>
          <a:lstStyle/>
          <a:p>
            <a:pPr algn="ctr"/>
            <a:r>
              <a:rPr lang="ja-JP" altLang="en-US" sz="1600" dirty="0">
                <a:latin typeface="ＭＳ Ｐゴシック" panose="020B0600070205080204" pitchFamily="50" charset="-128"/>
                <a:ea typeface="ＭＳ Ｐゴシック" panose="020B0600070205080204" pitchFamily="50" charset="-128"/>
              </a:rPr>
              <a:t>新たな</a:t>
            </a:r>
            <a:r>
              <a:rPr lang="ja-JP" altLang="en-US" sz="1600" dirty="0" smtClean="0">
                <a:latin typeface="ＭＳ Ｐゴシック" panose="020B0600070205080204" pitchFamily="50" charset="-128"/>
                <a:ea typeface="ＭＳ Ｐゴシック" panose="020B0600070205080204" pitchFamily="50" charset="-128"/>
              </a:rPr>
              <a:t>課題</a:t>
            </a:r>
            <a:endParaRPr lang="ja-JP" altLang="en-US" sz="1600" dirty="0">
              <a:latin typeface="ＭＳ Ｐゴシック" panose="020B0600070205080204" pitchFamily="50" charset="-128"/>
              <a:ea typeface="ＭＳ Ｐゴシック" panose="020B0600070205080204" pitchFamily="50" charset="-128"/>
            </a:endParaRPr>
          </a:p>
        </p:txBody>
      </p:sp>
      <p:sp>
        <p:nvSpPr>
          <p:cNvPr id="35" name="テキスト ボックス 34"/>
          <p:cNvSpPr txBox="1"/>
          <p:nvPr/>
        </p:nvSpPr>
        <p:spPr>
          <a:xfrm>
            <a:off x="4293406" y="640973"/>
            <a:ext cx="2218559" cy="307777"/>
          </a:xfrm>
          <a:prstGeom prst="rect">
            <a:avLst/>
          </a:prstGeom>
          <a:noFill/>
        </p:spPr>
        <p:txBody>
          <a:bodyPr wrap="square" rtlCol="0">
            <a:spAutoFit/>
          </a:bodyPr>
          <a:lstStyle/>
          <a:p>
            <a:r>
              <a:rPr lang="en-US" altLang="ja-JP" sz="1400" b="1" u="sng" dirty="0" smtClean="0"/>
              <a:t>【</a:t>
            </a:r>
            <a:r>
              <a:rPr lang="ja-JP" altLang="en-US" sz="1400" b="1" u="sng" dirty="0" smtClean="0"/>
              <a:t>新たな被害想定</a:t>
            </a:r>
            <a:r>
              <a:rPr lang="en-US" altLang="ja-JP" sz="1400" b="1" u="sng" dirty="0" smtClean="0"/>
              <a:t>】</a:t>
            </a:r>
            <a:endParaRPr kumimoji="1" lang="en-US" altLang="ja-JP" sz="1400" b="1" u="sng" dirty="0" smtClean="0"/>
          </a:p>
        </p:txBody>
      </p:sp>
      <p:sp>
        <p:nvSpPr>
          <p:cNvPr id="36" name="テキスト ボックス 35"/>
          <p:cNvSpPr txBox="1"/>
          <p:nvPr/>
        </p:nvSpPr>
        <p:spPr>
          <a:xfrm>
            <a:off x="4144545" y="1231074"/>
            <a:ext cx="2267458" cy="1446550"/>
          </a:xfrm>
          <a:prstGeom prst="rect">
            <a:avLst/>
          </a:prstGeom>
          <a:noFill/>
        </p:spPr>
        <p:txBody>
          <a:bodyPr wrap="square" rtlCol="0">
            <a:spAutoFit/>
          </a:bodyPr>
          <a:lstStyle/>
          <a:p>
            <a:r>
              <a:rPr lang="ja-JP" altLang="en-US" sz="1400" dirty="0" smtClean="0"/>
              <a:t>☆大阪府域の被害想定</a:t>
            </a:r>
            <a:endParaRPr lang="en-US" altLang="ja-JP" sz="1400" dirty="0" smtClean="0"/>
          </a:p>
          <a:p>
            <a:pPr marL="85725" indent="95250"/>
            <a:r>
              <a:rPr lang="ja-JP" altLang="en-US" sz="900" dirty="0"/>
              <a:t>（南海トラフ地震災害対策等検討部会</a:t>
            </a:r>
            <a:r>
              <a:rPr lang="ja-JP" altLang="en-US" sz="900" dirty="0" smtClean="0"/>
              <a:t>）</a:t>
            </a:r>
            <a:endParaRPr lang="en-US" altLang="ja-JP" sz="900" dirty="0" smtClean="0"/>
          </a:p>
          <a:p>
            <a:pPr>
              <a:spcBef>
                <a:spcPts val="600"/>
              </a:spcBef>
            </a:pPr>
            <a:r>
              <a:rPr lang="ja-JP" altLang="en-US" sz="1200" dirty="0" smtClean="0">
                <a:latin typeface="ＭＳ Ｐ明朝" panose="02020600040205080304" pitchFamily="18" charset="-128"/>
                <a:ea typeface="ＭＳ Ｐ明朝" panose="02020600040205080304" pitchFamily="18" charset="-128"/>
              </a:rPr>
              <a:t>　　　</a:t>
            </a:r>
            <a:r>
              <a:rPr lang="en-US" altLang="ja-JP" sz="1050" dirty="0">
                <a:latin typeface="ＭＳ Ｐ明朝" panose="02020600040205080304" pitchFamily="18" charset="-128"/>
                <a:ea typeface="ＭＳ Ｐ明朝" panose="02020600040205080304" pitchFamily="18" charset="-128"/>
              </a:rPr>
              <a:t>【</a:t>
            </a:r>
            <a:r>
              <a:rPr lang="ja-JP" altLang="en-US" sz="1050" dirty="0">
                <a:latin typeface="ＭＳ Ｐ明朝" panose="02020600040205080304" pitchFamily="18" charset="-128"/>
                <a:ea typeface="ＭＳ Ｐ明朝" panose="02020600040205080304" pitchFamily="18" charset="-128"/>
              </a:rPr>
              <a:t>最悪のケースとして</a:t>
            </a:r>
            <a:r>
              <a:rPr lang="en-US" altLang="ja-JP" sz="1050" dirty="0">
                <a:latin typeface="ＭＳ Ｐ明朝" panose="02020600040205080304" pitchFamily="18" charset="-128"/>
                <a:ea typeface="ＭＳ Ｐ明朝" panose="02020600040205080304" pitchFamily="18" charset="-128"/>
              </a:rPr>
              <a:t>】</a:t>
            </a:r>
          </a:p>
          <a:p>
            <a:pPr marL="266700"/>
            <a:r>
              <a:rPr lang="ja-JP" altLang="en-US" sz="1200" dirty="0" smtClean="0">
                <a:latin typeface="ＭＳ Ｐ明朝" panose="02020600040205080304" pitchFamily="18" charset="-128"/>
                <a:ea typeface="ＭＳ Ｐ明朝" panose="02020600040205080304" pitchFamily="18" charset="-128"/>
              </a:rPr>
              <a:t>人的被害（死者）約</a:t>
            </a:r>
            <a:r>
              <a:rPr lang="en-US" altLang="ja-JP" sz="1200" dirty="0" smtClean="0">
                <a:latin typeface="ＭＳ Ｐ明朝" panose="02020600040205080304" pitchFamily="18" charset="-128"/>
                <a:ea typeface="ＭＳ Ｐ明朝" panose="02020600040205080304" pitchFamily="18" charset="-128"/>
              </a:rPr>
              <a:t>13</a:t>
            </a:r>
            <a:r>
              <a:rPr lang="ja-JP" altLang="en-US" sz="1200" dirty="0" smtClean="0">
                <a:latin typeface="ＭＳ Ｐ明朝" panose="02020600040205080304" pitchFamily="18" charset="-128"/>
                <a:ea typeface="ＭＳ Ｐ明朝" panose="02020600040205080304" pitchFamily="18" charset="-128"/>
              </a:rPr>
              <a:t>万人</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建物被害（倒壊）約</a:t>
            </a:r>
            <a:r>
              <a:rPr lang="en-US" altLang="ja-JP" sz="1200" dirty="0" smtClean="0">
                <a:latin typeface="ＭＳ Ｐ明朝" panose="02020600040205080304" pitchFamily="18" charset="-128"/>
                <a:ea typeface="ＭＳ Ｐ明朝" panose="02020600040205080304" pitchFamily="18" charset="-128"/>
              </a:rPr>
              <a:t>18</a:t>
            </a:r>
            <a:r>
              <a:rPr lang="ja-JP" altLang="en-US" sz="1200" dirty="0" smtClean="0">
                <a:latin typeface="ＭＳ Ｐ明朝" panose="02020600040205080304" pitchFamily="18" charset="-128"/>
                <a:ea typeface="ＭＳ Ｐ明朝" panose="02020600040205080304" pitchFamily="18" charset="-128"/>
              </a:rPr>
              <a:t>万棟</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経済被害　　　　約</a:t>
            </a:r>
            <a:r>
              <a:rPr lang="en-US" altLang="ja-JP" sz="1200" dirty="0" smtClean="0">
                <a:latin typeface="ＭＳ Ｐ明朝" panose="02020600040205080304" pitchFamily="18" charset="-128"/>
                <a:ea typeface="ＭＳ Ｐ明朝" panose="02020600040205080304" pitchFamily="18" charset="-128"/>
              </a:rPr>
              <a:t>29</a:t>
            </a:r>
            <a:r>
              <a:rPr lang="ja-JP" altLang="en-US" sz="1200" dirty="0" smtClean="0">
                <a:latin typeface="ＭＳ Ｐ明朝" panose="02020600040205080304" pitchFamily="18" charset="-128"/>
                <a:ea typeface="ＭＳ Ｐ明朝" panose="02020600040205080304" pitchFamily="18" charset="-128"/>
              </a:rPr>
              <a:t>兆円</a:t>
            </a:r>
            <a:endParaRPr lang="en-US" altLang="ja-JP" sz="1200" dirty="0" smtClean="0">
              <a:latin typeface="ＭＳ Ｐ明朝" panose="02020600040205080304" pitchFamily="18" charset="-128"/>
              <a:ea typeface="ＭＳ Ｐ明朝" panose="02020600040205080304" pitchFamily="18" charset="-128"/>
            </a:endParaRPr>
          </a:p>
          <a:p>
            <a:pPr algn="r"/>
            <a:r>
              <a:rPr lang="ja-JP" altLang="en-US" sz="1200" dirty="0" smtClean="0">
                <a:latin typeface="ＭＳ Ｐ明朝" panose="02020600040205080304" pitchFamily="18" charset="-128"/>
                <a:ea typeface="ＭＳ Ｐ明朝" panose="02020600040205080304" pitchFamily="18" charset="-128"/>
              </a:rPr>
              <a:t>など</a:t>
            </a:r>
            <a:endParaRPr lang="en-US" altLang="ja-JP" sz="1200" dirty="0" smtClean="0">
              <a:latin typeface="ＭＳ Ｐ明朝" panose="02020600040205080304" pitchFamily="18" charset="-128"/>
              <a:ea typeface="ＭＳ Ｐ明朝" panose="02020600040205080304" pitchFamily="18" charset="-128"/>
            </a:endParaRPr>
          </a:p>
        </p:txBody>
      </p:sp>
      <p:sp>
        <p:nvSpPr>
          <p:cNvPr id="37" name="テキスト ボックス 36"/>
          <p:cNvSpPr txBox="1"/>
          <p:nvPr/>
        </p:nvSpPr>
        <p:spPr>
          <a:xfrm>
            <a:off x="4129392" y="3000515"/>
            <a:ext cx="2347131" cy="1384995"/>
          </a:xfrm>
          <a:prstGeom prst="rect">
            <a:avLst/>
          </a:prstGeom>
          <a:noFill/>
        </p:spPr>
        <p:txBody>
          <a:bodyPr wrap="square" rtlCol="0">
            <a:spAutoFit/>
          </a:bodyPr>
          <a:lstStyle/>
          <a:p>
            <a:r>
              <a:rPr lang="ja-JP" altLang="en-US" sz="1400" dirty="0" smtClean="0"/>
              <a:t>☆新たな健康危機事象</a:t>
            </a:r>
            <a:endParaRPr lang="en-US" altLang="ja-JP" sz="1400" dirty="0" smtClean="0"/>
          </a:p>
          <a:p>
            <a:pPr marL="265113">
              <a:spcBef>
                <a:spcPts val="600"/>
              </a:spcBef>
            </a:pPr>
            <a:r>
              <a:rPr lang="ja-JP" altLang="en-US" sz="1200" dirty="0" smtClean="0">
                <a:latin typeface="ＭＳ Ｐ明朝" panose="02020600040205080304" pitchFamily="18" charset="-128"/>
                <a:ea typeface="ＭＳ Ｐ明朝" panose="02020600040205080304" pitchFamily="18" charset="-128"/>
              </a:rPr>
              <a:t>急速にまん延する感染症</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　・新型インフルエンザ　　など</a:t>
            </a:r>
            <a:endParaRPr lang="en-US" altLang="ja-JP" sz="1200" dirty="0" smtClean="0">
              <a:latin typeface="ＭＳ Ｐ明朝" panose="02020600040205080304" pitchFamily="18" charset="-128"/>
              <a:ea typeface="ＭＳ Ｐ明朝" panose="02020600040205080304" pitchFamily="18" charset="-128"/>
            </a:endParaRPr>
          </a:p>
          <a:p>
            <a:pPr marL="265113">
              <a:spcBef>
                <a:spcPts val="600"/>
              </a:spcBef>
            </a:pPr>
            <a:r>
              <a:rPr lang="ja-JP" altLang="en-US" sz="1200" dirty="0" smtClean="0">
                <a:latin typeface="ＭＳ Ｐ明朝" panose="02020600040205080304" pitchFamily="18" charset="-128"/>
                <a:ea typeface="ＭＳ Ｐ明朝" panose="02020600040205080304" pitchFamily="18" charset="-128"/>
              </a:rPr>
              <a:t>海外からの新たな感染症</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エボラ出血熱</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　　・デング熱　など</a:t>
            </a:r>
            <a:endParaRPr lang="en-US" altLang="ja-JP" sz="1200" dirty="0" smtClean="0">
              <a:latin typeface="ＭＳ Ｐ明朝" panose="02020600040205080304" pitchFamily="18" charset="-128"/>
              <a:ea typeface="ＭＳ Ｐ明朝" panose="02020600040205080304" pitchFamily="18" charset="-128"/>
            </a:endParaRPr>
          </a:p>
        </p:txBody>
      </p:sp>
      <p:sp>
        <p:nvSpPr>
          <p:cNvPr id="11" name="右矢印 10"/>
          <p:cNvSpPr/>
          <p:nvPr/>
        </p:nvSpPr>
        <p:spPr>
          <a:xfrm>
            <a:off x="3742249" y="3121743"/>
            <a:ext cx="321876" cy="608301"/>
          </a:xfrm>
          <a:prstGeom prst="rightArrow">
            <a:avLst/>
          </a:prstGeom>
          <a:solidFill>
            <a:schemeClr val="accent5">
              <a:lumMod val="40000"/>
              <a:lumOff val="60000"/>
            </a:schemeClr>
          </a:solidFill>
          <a:ln w="3810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 name="正方形/長方形 7"/>
          <p:cNvSpPr/>
          <p:nvPr/>
        </p:nvSpPr>
        <p:spPr>
          <a:xfrm>
            <a:off x="148431" y="44064"/>
            <a:ext cx="3483421" cy="5650030"/>
          </a:xfrm>
          <a:prstGeom prst="rect">
            <a:avLst/>
          </a:prstGeom>
          <a:ln w="38100">
            <a:solidFill>
              <a:srgbClr val="00B05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31" name="正方形/長方形 30"/>
          <p:cNvSpPr/>
          <p:nvPr/>
        </p:nvSpPr>
        <p:spPr>
          <a:xfrm flipH="1" flipV="1">
            <a:off x="4129382" y="44063"/>
            <a:ext cx="2347133" cy="5650030"/>
          </a:xfrm>
          <a:prstGeom prst="rect">
            <a:avLst/>
          </a:prstGeom>
          <a:ln w="38100">
            <a:solidFill>
              <a:srgbClr val="00B05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nvGrpSpPr>
          <p:cNvPr id="2" name="グループ化 2"/>
          <p:cNvGrpSpPr/>
          <p:nvPr/>
        </p:nvGrpSpPr>
        <p:grpSpPr>
          <a:xfrm>
            <a:off x="172385" y="388617"/>
            <a:ext cx="3613008" cy="2988352"/>
            <a:chOff x="172385" y="519243"/>
            <a:chExt cx="3613008" cy="2988352"/>
          </a:xfrm>
        </p:grpSpPr>
        <p:sp>
          <p:nvSpPr>
            <p:cNvPr id="9" name="テキスト ボックス 8"/>
            <p:cNvSpPr txBox="1"/>
            <p:nvPr/>
          </p:nvSpPr>
          <p:spPr>
            <a:xfrm>
              <a:off x="172385" y="2461155"/>
              <a:ext cx="3459467" cy="1046440"/>
            </a:xfrm>
            <a:prstGeom prst="rect">
              <a:avLst/>
            </a:prstGeom>
            <a:noFill/>
          </p:spPr>
          <p:txBody>
            <a:bodyPr wrap="square" rtlCol="0">
              <a:spAutoFit/>
            </a:bodyPr>
            <a:lstStyle/>
            <a:p>
              <a:r>
                <a:rPr lang="ja-JP" altLang="en-US" sz="1400" dirty="0" smtClean="0"/>
                <a:t>◆</a:t>
              </a:r>
              <a:r>
                <a:rPr kumimoji="1" lang="ja-JP" altLang="en-US" sz="1400" b="1" dirty="0" smtClean="0"/>
                <a:t>重大事故　　</a:t>
              </a:r>
              <a:r>
                <a:rPr kumimoji="1" lang="ja-JP" altLang="en-US" sz="1400" dirty="0" smtClean="0"/>
                <a:t>　　     　◆</a:t>
              </a:r>
              <a:r>
                <a:rPr kumimoji="1" lang="ja-JP" altLang="en-US" sz="1400" b="1" dirty="0" smtClean="0"/>
                <a:t>重大事件</a:t>
              </a:r>
              <a:endParaRPr kumimoji="1" lang="en-US" altLang="ja-JP" sz="1400" b="1" dirty="0" smtClean="0"/>
            </a:p>
            <a:p>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鉄道事故・</a:t>
              </a:r>
              <a:r>
                <a:rPr kumimoji="1" lang="ja-JP" altLang="en-US" sz="1200" dirty="0" smtClean="0">
                  <a:latin typeface="ＭＳ Ｐ明朝" panose="02020600040205080304" pitchFamily="18" charset="-128"/>
                  <a:ea typeface="ＭＳ Ｐ明朝" panose="02020600040205080304" pitchFamily="18" charset="-128"/>
                </a:rPr>
                <a:t>道路</a:t>
              </a:r>
              <a:r>
                <a:rPr lang="ja-JP" altLang="en-US" sz="1200" dirty="0" smtClean="0">
                  <a:latin typeface="ＭＳ Ｐ明朝" panose="02020600040205080304" pitchFamily="18" charset="-128"/>
                  <a:ea typeface="ＭＳ Ｐ明朝" panose="02020600040205080304" pitchFamily="18" charset="-128"/>
                </a:rPr>
                <a:t>事故　  －</a:t>
              </a:r>
              <a:r>
                <a:rPr lang="ja-JP" altLang="en-US" sz="1200" dirty="0">
                  <a:latin typeface="ＭＳ Ｐ明朝" panose="02020600040205080304" pitchFamily="18" charset="-128"/>
                  <a:ea typeface="ＭＳ Ｐ明朝" panose="02020600040205080304" pitchFamily="18" charset="-128"/>
                </a:rPr>
                <a:t>情報ｼｽﾃﾑ・</a:t>
              </a:r>
              <a:r>
                <a:rPr lang="ja-JP" altLang="en-US" sz="1200" dirty="0" smtClean="0">
                  <a:latin typeface="ＭＳ Ｐ明朝" panose="02020600040205080304" pitchFamily="18" charset="-128"/>
                  <a:ea typeface="ＭＳ Ｐ明朝" panose="02020600040205080304" pitchFamily="18" charset="-128"/>
                </a:rPr>
                <a:t>ﾈｯﾄﾜｰｸ</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石油ｺﾝﾋﾞﾅｰﾄ等事故　  　</a:t>
              </a:r>
              <a:r>
                <a:rPr lang="ja-JP" altLang="en-US" sz="1200" dirty="0" err="1" smtClean="0">
                  <a:latin typeface="ＭＳ Ｐ明朝" panose="02020600040205080304" pitchFamily="18" charset="-128"/>
                  <a:ea typeface="ＭＳ Ｐ明朝" panose="02020600040205080304" pitchFamily="18" charset="-128"/>
                </a:rPr>
                <a:t>へ</a:t>
              </a:r>
              <a:r>
                <a:rPr lang="ja-JP" altLang="en-US" sz="1200" dirty="0" err="1">
                  <a:latin typeface="ＭＳ Ｐ明朝" panose="02020600040205080304" pitchFamily="18" charset="-128"/>
                  <a:ea typeface="ＭＳ Ｐ明朝" panose="02020600040205080304" pitchFamily="18" charset="-128"/>
                </a:rPr>
                <a:t>の</a:t>
              </a:r>
              <a:r>
                <a:rPr lang="ja-JP" altLang="en-US" sz="1200" dirty="0" smtClean="0">
                  <a:latin typeface="ＭＳ Ｐ明朝" panose="02020600040205080304" pitchFamily="18" charset="-128"/>
                  <a:ea typeface="ＭＳ Ｐ明朝" panose="02020600040205080304" pitchFamily="18" charset="-128"/>
                </a:rPr>
                <a:t>脅威</a:t>
              </a:r>
              <a:endParaRPr lang="en-US" altLang="ja-JP" sz="1200" dirty="0" smtClean="0">
                <a:latin typeface="ＭＳ Ｐ明朝" panose="02020600040205080304" pitchFamily="18" charset="-128"/>
                <a:ea typeface="ＭＳ Ｐ明朝" panose="02020600040205080304" pitchFamily="18" charset="-128"/>
              </a:endParaRPr>
            </a:p>
            <a:p>
              <a:r>
                <a:rPr kumimoji="1"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原子力事業所での      </a:t>
              </a:r>
              <a:r>
                <a:rPr lang="ja-JP" altLang="en-US" sz="1200" dirty="0">
                  <a:latin typeface="ＭＳ Ｐ明朝" panose="02020600040205080304" pitchFamily="18" charset="-128"/>
                  <a:ea typeface="ＭＳ Ｐ明朝" panose="02020600040205080304" pitchFamily="18" charset="-128"/>
                </a:rPr>
                <a:t>　－テロ</a:t>
              </a:r>
              <a:r>
                <a:rPr lang="ja-JP" altLang="en-US" sz="1200" dirty="0" smtClean="0">
                  <a:latin typeface="ＭＳ Ｐ明朝" panose="02020600040205080304" pitchFamily="18" charset="-128"/>
                  <a:ea typeface="ＭＳ Ｐ明朝" panose="02020600040205080304" pitchFamily="18" charset="-128"/>
                </a:rPr>
                <a:t>発生</a:t>
              </a:r>
              <a:r>
                <a:rPr lang="ja-JP" altLang="en-US" sz="1200" dirty="0">
                  <a:latin typeface="ＭＳ Ｐ明朝" panose="02020600040205080304" pitchFamily="18" charset="-128"/>
                  <a:ea typeface="ＭＳ Ｐ明朝" panose="02020600040205080304" pitchFamily="18" charset="-128"/>
                </a:rPr>
                <a:t>　　など</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smtClean="0">
                  <a:latin typeface="ＭＳ Ｐ明朝" panose="02020600040205080304" pitchFamily="18" charset="-128"/>
                  <a:ea typeface="ＭＳ Ｐ明朝" panose="02020600040205080304" pitchFamily="18" charset="-128"/>
                </a:rPr>
                <a:t> </a:t>
              </a:r>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  　放射線事故</a:t>
              </a:r>
              <a:endParaRPr lang="en-US" altLang="ja-JP" sz="1200" dirty="0" smtClean="0">
                <a:latin typeface="ＭＳ Ｐ明朝" panose="02020600040205080304" pitchFamily="18" charset="-128"/>
                <a:ea typeface="ＭＳ Ｐ明朝" panose="02020600040205080304" pitchFamily="18" charset="-128"/>
              </a:endParaRPr>
            </a:p>
          </p:txBody>
        </p:sp>
        <p:sp>
          <p:nvSpPr>
            <p:cNvPr id="33" name="テキスト ボックス 32"/>
            <p:cNvSpPr txBox="1"/>
            <p:nvPr/>
          </p:nvSpPr>
          <p:spPr>
            <a:xfrm>
              <a:off x="206259" y="519243"/>
              <a:ext cx="3334380" cy="221879"/>
            </a:xfrm>
            <a:prstGeom prst="rect">
              <a:avLst/>
            </a:prstGeom>
            <a:solidFill>
              <a:schemeClr val="accent6">
                <a:lumMod val="40000"/>
                <a:lumOff val="60000"/>
              </a:schemeClr>
            </a:solidFill>
          </p:spPr>
          <p:txBody>
            <a:bodyPr wrap="square" lIns="72000" tIns="36000" rIns="72000" bIns="36000" rtlCol="0">
              <a:noAutofit/>
            </a:bodyPr>
            <a:lstStyle/>
            <a:p>
              <a:r>
                <a:rPr lang="en-US" altLang="ja-JP" sz="1400" b="1" dirty="0" smtClean="0"/>
                <a:t>【</a:t>
              </a:r>
              <a:r>
                <a:rPr lang="ja-JP" altLang="en-US" sz="1400" b="1" dirty="0" smtClean="0"/>
                <a:t>想定される危機事象（リスクファクター）</a:t>
              </a:r>
              <a:r>
                <a:rPr lang="en-US" altLang="ja-JP" sz="1400" b="1" dirty="0" smtClean="0"/>
                <a:t>】</a:t>
              </a:r>
              <a:endParaRPr kumimoji="1" lang="en-US" altLang="ja-JP" sz="1400" b="1" dirty="0" smtClean="0"/>
            </a:p>
          </p:txBody>
        </p:sp>
        <p:sp>
          <p:nvSpPr>
            <p:cNvPr id="34" name="テキスト ボックス 33"/>
            <p:cNvSpPr txBox="1"/>
            <p:nvPr/>
          </p:nvSpPr>
          <p:spPr>
            <a:xfrm>
              <a:off x="173268" y="719856"/>
              <a:ext cx="3612125" cy="1892826"/>
            </a:xfrm>
            <a:prstGeom prst="rect">
              <a:avLst/>
            </a:prstGeom>
            <a:noFill/>
          </p:spPr>
          <p:txBody>
            <a:bodyPr wrap="square" rtlCol="0">
              <a:spAutoFit/>
            </a:bodyPr>
            <a:lstStyle/>
            <a:p>
              <a:r>
                <a:rPr kumimoji="1" lang="ja-JP" altLang="en-US" sz="1400" dirty="0" smtClean="0"/>
                <a:t>◆</a:t>
              </a:r>
              <a:r>
                <a:rPr kumimoji="1" lang="ja-JP" altLang="en-US" sz="1400" b="1" dirty="0" smtClean="0"/>
                <a:t>大規模地震</a:t>
              </a:r>
              <a:endParaRPr kumimoji="1" lang="en-US" altLang="ja-JP" sz="1400" b="1" dirty="0" smtClean="0"/>
            </a:p>
            <a:p>
              <a:pPr marL="85725"/>
              <a:r>
                <a:rPr lang="ja-JP" altLang="en-US" sz="1100" dirty="0" smtClean="0"/>
                <a:t>（南海トラフ地震、上町断層帯地震など）</a:t>
              </a:r>
              <a:endParaRPr lang="en-US" altLang="ja-JP" sz="1100" dirty="0" smtClean="0"/>
            </a:p>
            <a:p>
              <a:r>
                <a:rPr lang="ja-JP" altLang="en-US" sz="1200" dirty="0" smtClean="0">
                  <a:latin typeface="ＭＳ Ｐ明朝" panose="02020600040205080304" pitchFamily="18" charset="-128"/>
                  <a:ea typeface="ＭＳ Ｐ明朝" panose="02020600040205080304" pitchFamily="18" charset="-128"/>
                </a:rPr>
                <a:t>　－津波（南海トラフ地震による発生を想定）</a:t>
              </a:r>
              <a:endParaRPr lang="en-US" altLang="ja-JP" sz="1200" dirty="0" smtClean="0">
                <a:latin typeface="ＭＳ Ｐ明朝" panose="02020600040205080304" pitchFamily="18" charset="-128"/>
                <a:ea typeface="ＭＳ Ｐ明朝" panose="02020600040205080304" pitchFamily="18" charset="-128"/>
              </a:endParaRPr>
            </a:p>
            <a:p>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建物倒壊・火災</a:t>
              </a:r>
              <a:endParaRPr lang="en-US" altLang="ja-JP" sz="1200" dirty="0">
                <a:latin typeface="ＭＳ Ｐ明朝" panose="02020600040205080304" pitchFamily="18" charset="-128"/>
                <a:ea typeface="ＭＳ Ｐ明朝" panose="02020600040205080304" pitchFamily="18" charset="-128"/>
              </a:endParaRPr>
            </a:p>
            <a:p>
              <a:r>
                <a:rPr lang="ja-JP" altLang="en-US" sz="1400" dirty="0" smtClean="0"/>
                <a:t>◆</a:t>
              </a:r>
              <a:r>
                <a:rPr lang="ja-JP" altLang="en-US" sz="1400" b="1" dirty="0" smtClean="0"/>
                <a:t>浸水</a:t>
              </a:r>
              <a:r>
                <a:rPr lang="ja-JP" altLang="en-US" sz="1400" b="1" dirty="0"/>
                <a:t>被害、土砂災害</a:t>
              </a:r>
              <a:endParaRPr lang="en-US" altLang="ja-JP" sz="1400" b="1" dirty="0" smtClean="0"/>
            </a:p>
            <a:p>
              <a:pPr marL="85725"/>
              <a:r>
                <a:rPr lang="ja-JP" altLang="en-US" sz="1200" dirty="0" smtClean="0">
                  <a:latin typeface="ＭＳ Ｐ明朝" panose="02020600040205080304" pitchFamily="18" charset="-128"/>
                  <a:ea typeface="ＭＳ Ｐ明朝" panose="02020600040205080304" pitchFamily="18" charset="-128"/>
                </a:rPr>
                <a:t>－</a:t>
              </a:r>
              <a:r>
                <a:rPr kumimoji="1" lang="ja-JP" altLang="en-US" sz="1200" dirty="0" smtClean="0">
                  <a:latin typeface="ＭＳ Ｐ明朝" panose="02020600040205080304" pitchFamily="18" charset="-128"/>
                  <a:ea typeface="ＭＳ Ｐ明朝" panose="02020600040205080304" pitchFamily="18" charset="-128"/>
                </a:rPr>
                <a:t>台風、局地的集中豪雨など</a:t>
              </a:r>
              <a:endParaRPr kumimoji="1" lang="en-US" altLang="ja-JP" sz="1200" dirty="0" smtClean="0">
                <a:latin typeface="ＭＳ Ｐ明朝" panose="02020600040205080304" pitchFamily="18" charset="-128"/>
                <a:ea typeface="ＭＳ Ｐ明朝" panose="02020600040205080304" pitchFamily="18" charset="-128"/>
              </a:endParaRPr>
            </a:p>
            <a:p>
              <a:r>
                <a:rPr lang="ja-JP" altLang="en-US" sz="1400" dirty="0"/>
                <a:t>◆</a:t>
              </a:r>
              <a:r>
                <a:rPr lang="ja-JP" altLang="en-US" sz="1400" b="1" dirty="0"/>
                <a:t>健康</a:t>
              </a:r>
              <a:r>
                <a:rPr kumimoji="1" lang="ja-JP" altLang="en-US" sz="1400" b="1" dirty="0" smtClean="0"/>
                <a:t>危機事象</a:t>
              </a:r>
              <a:endParaRPr kumimoji="1" lang="en-US" altLang="ja-JP" sz="1400" b="1" dirty="0" smtClean="0"/>
            </a:p>
            <a:p>
              <a:r>
                <a:rPr lang="ja-JP" altLang="en-US" sz="1200" dirty="0">
                  <a:latin typeface="ＭＳ Ｐ明朝" panose="02020600040205080304" pitchFamily="18" charset="-128"/>
                  <a:ea typeface="ＭＳ Ｐ明朝" panose="02020600040205080304" pitchFamily="18" charset="-128"/>
                </a:rPr>
                <a:t>　</a:t>
              </a:r>
              <a:r>
                <a:rPr lang="ja-JP" altLang="en-US" sz="1200" dirty="0" smtClean="0">
                  <a:latin typeface="ＭＳ Ｐ明朝" panose="02020600040205080304" pitchFamily="18" charset="-128"/>
                  <a:ea typeface="ＭＳ Ｐ明朝" panose="02020600040205080304" pitchFamily="18" charset="-128"/>
                </a:rPr>
                <a:t>－感染症</a:t>
              </a:r>
              <a:endParaRPr lang="en-US" altLang="ja-JP" sz="1200" dirty="0" smtClean="0">
                <a:latin typeface="ＭＳ Ｐ明朝" panose="02020600040205080304" pitchFamily="18" charset="-128"/>
                <a:ea typeface="ＭＳ Ｐ明朝" panose="02020600040205080304" pitchFamily="18" charset="-128"/>
              </a:endParaRPr>
            </a:p>
            <a:p>
              <a:r>
                <a:rPr kumimoji="1" lang="ja-JP" altLang="en-US" sz="1200" dirty="0">
                  <a:latin typeface="ＭＳ Ｐ明朝" panose="02020600040205080304" pitchFamily="18" charset="-128"/>
                  <a:ea typeface="ＭＳ Ｐ明朝" panose="02020600040205080304" pitchFamily="18" charset="-128"/>
                </a:rPr>
                <a:t>　</a:t>
              </a:r>
              <a:r>
                <a:rPr kumimoji="1" lang="ja-JP" altLang="en-US" sz="1200" dirty="0" smtClean="0">
                  <a:latin typeface="ＭＳ Ｐ明朝" panose="02020600040205080304" pitchFamily="18" charset="-128"/>
                  <a:ea typeface="ＭＳ Ｐ明朝" panose="02020600040205080304" pitchFamily="18" charset="-128"/>
                </a:rPr>
                <a:t>－食中毒による健康被害など</a:t>
              </a:r>
              <a:endParaRPr kumimoji="1" lang="en-US" altLang="ja-JP" sz="1200" dirty="0" smtClean="0">
                <a:latin typeface="ＭＳ Ｐ明朝" panose="02020600040205080304" pitchFamily="18" charset="-128"/>
                <a:ea typeface="ＭＳ Ｐ明朝" panose="02020600040205080304" pitchFamily="18" charset="-128"/>
              </a:endParaRPr>
            </a:p>
          </p:txBody>
        </p:sp>
        <p:sp>
          <p:nvSpPr>
            <p:cNvPr id="44" name="正方形/長方形 43"/>
            <p:cNvSpPr/>
            <p:nvPr/>
          </p:nvSpPr>
          <p:spPr>
            <a:xfrm flipH="1">
              <a:off x="206254" y="519244"/>
              <a:ext cx="3334383" cy="2936338"/>
            </a:xfrm>
            <a:prstGeom prst="rect">
              <a:avLst/>
            </a:prstGeom>
            <a:ln w="12700">
              <a:solidFill>
                <a:srgbClr val="FFC000"/>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grpSp>
        <p:nvGrpSpPr>
          <p:cNvPr id="3" name="グループ化 4"/>
          <p:cNvGrpSpPr/>
          <p:nvPr/>
        </p:nvGrpSpPr>
        <p:grpSpPr>
          <a:xfrm>
            <a:off x="206255" y="3520671"/>
            <a:ext cx="3425597" cy="2173422"/>
            <a:chOff x="206255" y="3687235"/>
            <a:chExt cx="3425597" cy="2245732"/>
          </a:xfrm>
        </p:grpSpPr>
        <p:sp>
          <p:nvSpPr>
            <p:cNvPr id="13" name="テキスト ボックス 12"/>
            <p:cNvSpPr txBox="1"/>
            <p:nvPr/>
          </p:nvSpPr>
          <p:spPr>
            <a:xfrm>
              <a:off x="206259" y="3942135"/>
              <a:ext cx="3425593" cy="1954381"/>
            </a:xfrm>
            <a:prstGeom prst="rect">
              <a:avLst/>
            </a:prstGeom>
            <a:noFill/>
          </p:spPr>
          <p:txBody>
            <a:bodyPr wrap="square" rtlCol="0">
              <a:spAutoFit/>
            </a:bodyPr>
            <a:lstStyle/>
            <a:p>
              <a:r>
                <a:rPr lang="ja-JP" altLang="en-US" sz="1400" dirty="0" smtClean="0"/>
                <a:t>●</a:t>
              </a:r>
              <a:r>
                <a:rPr lang="ja-JP" altLang="en-US" sz="1400" b="1" dirty="0" smtClean="0"/>
                <a:t>広大な海抜ｾﾞﾛﾒｰﾄﾙ地帯</a:t>
              </a:r>
              <a:r>
                <a:rPr lang="en-US" altLang="ja-JP" sz="1400" b="1" dirty="0" smtClean="0"/>
                <a:t/>
              </a:r>
              <a:br>
                <a:rPr lang="en-US" altLang="ja-JP" sz="1400" b="1" dirty="0" smtClean="0"/>
              </a:br>
              <a:r>
                <a:rPr lang="ja-JP" altLang="en-US" sz="1050" dirty="0" smtClean="0">
                  <a:latin typeface="ＭＳ Ｐ明朝" panose="02020600040205080304" pitchFamily="18" charset="-128"/>
                  <a:ea typeface="ＭＳ Ｐ明朝" panose="02020600040205080304" pitchFamily="18" charset="-128"/>
                </a:rPr>
                <a:t>　　</a:t>
              </a:r>
              <a:r>
                <a:rPr lang="en-US" altLang="ja-JP" sz="1050" dirty="0" smtClean="0">
                  <a:latin typeface="ＭＳ Ｐ明朝" panose="02020600040205080304" pitchFamily="18" charset="-128"/>
                  <a:ea typeface="ＭＳ Ｐ明朝" panose="02020600040205080304" pitchFamily="18" charset="-128"/>
                </a:rPr>
                <a:t>※</a:t>
              </a:r>
              <a:r>
                <a:rPr lang="ja-JP" altLang="en-US" sz="1050" dirty="0" smtClean="0">
                  <a:latin typeface="ＭＳ Ｐ明朝" panose="02020600040205080304" pitchFamily="18" charset="-128"/>
                  <a:ea typeface="ＭＳ Ｐ明朝" panose="02020600040205080304" pitchFamily="18" charset="-128"/>
                </a:rPr>
                <a:t>海抜ゼロメートル地帯 約</a:t>
              </a:r>
              <a:r>
                <a:rPr lang="en-US" altLang="ja-JP" sz="1050" dirty="0" smtClean="0">
                  <a:latin typeface="ＭＳ Ｐ明朝" panose="02020600040205080304" pitchFamily="18" charset="-128"/>
                  <a:ea typeface="ＭＳ Ｐ明朝" panose="02020600040205080304" pitchFamily="18" charset="-128"/>
                </a:rPr>
                <a:t>4,100ha</a:t>
              </a:r>
            </a:p>
            <a:p>
              <a:r>
                <a:rPr lang="ja-JP" altLang="en-US" sz="1400" dirty="0"/>
                <a:t>●</a:t>
              </a:r>
              <a:r>
                <a:rPr lang="ja-JP" altLang="en-US" sz="1400" b="1" dirty="0" smtClean="0"/>
                <a:t>土地が低く、水が流れにくい寝屋川流域</a:t>
              </a:r>
              <a:endParaRPr lang="en-US" altLang="ja-JP" sz="1400" b="1" dirty="0" smtClean="0"/>
            </a:p>
            <a:p>
              <a:pPr marL="361950" indent="-361950"/>
              <a:r>
                <a:rPr lang="ja-JP" altLang="en-US" sz="1050" dirty="0" smtClean="0">
                  <a:latin typeface="ＭＳ Ｐ明朝" panose="02020600040205080304" pitchFamily="18" charset="-128"/>
                  <a:ea typeface="ＭＳ Ｐ明朝" panose="02020600040205080304" pitchFamily="18" charset="-128"/>
                </a:rPr>
                <a:t>　　 </a:t>
              </a:r>
              <a:r>
                <a:rPr lang="en-US" altLang="ja-JP" sz="1050" dirty="0" smtClean="0">
                  <a:latin typeface="ＭＳ Ｐ明朝" panose="02020600040205080304" pitchFamily="18" charset="-128"/>
                  <a:ea typeface="ＭＳ Ｐ明朝" panose="02020600040205080304" pitchFamily="18" charset="-128"/>
                </a:rPr>
                <a:t>※</a:t>
              </a:r>
              <a:r>
                <a:rPr lang="ja-JP" altLang="en-US" sz="1050" dirty="0" smtClean="0">
                  <a:latin typeface="ＭＳ Ｐ明朝" panose="02020600040205080304" pitchFamily="18" charset="-128"/>
                  <a:ea typeface="ＭＳ Ｐ明朝" panose="02020600040205080304" pitchFamily="18" charset="-128"/>
                </a:rPr>
                <a:t>雨水が自然に川に流れない内水域</a:t>
              </a:r>
              <a:r>
                <a:rPr lang="en-US" altLang="ja-JP" sz="1050" dirty="0" smtClean="0">
                  <a:latin typeface="ＭＳ Ｐ明朝" panose="02020600040205080304" pitchFamily="18" charset="-128"/>
                  <a:ea typeface="ＭＳ Ｐ明朝" panose="02020600040205080304" pitchFamily="18" charset="-128"/>
                </a:rPr>
                <a:t/>
              </a:r>
              <a:br>
                <a:rPr lang="en-US" altLang="ja-JP" sz="1050" dirty="0" smtClean="0">
                  <a:latin typeface="ＭＳ Ｐ明朝" panose="02020600040205080304" pitchFamily="18" charset="-128"/>
                  <a:ea typeface="ＭＳ Ｐ明朝" panose="02020600040205080304" pitchFamily="18" charset="-128"/>
                </a:rPr>
              </a:br>
              <a:r>
                <a:rPr lang="ja-JP" altLang="en-US" sz="1050" dirty="0" smtClean="0">
                  <a:latin typeface="ＭＳ Ｐ明朝" panose="02020600040205080304" pitchFamily="18" charset="-128"/>
                  <a:ea typeface="ＭＳ Ｐ明朝" panose="02020600040205080304" pitchFamily="18" charset="-128"/>
                </a:rPr>
                <a:t>（</a:t>
              </a:r>
              <a:r>
                <a:rPr lang="ja-JP" altLang="en-US" sz="1050" dirty="0">
                  <a:latin typeface="ＭＳ Ｐ明朝" panose="02020600040205080304" pitchFamily="18" charset="-128"/>
                  <a:ea typeface="ＭＳ Ｐ明朝" panose="02020600040205080304" pitchFamily="18" charset="-128"/>
                </a:rPr>
                <a:t>上町台地～生駒山系のエリア）</a:t>
              </a:r>
              <a:endParaRPr lang="en-US" altLang="ja-JP" sz="1050" dirty="0" smtClean="0">
                <a:latin typeface="ＭＳ Ｐ明朝" panose="02020600040205080304" pitchFamily="18" charset="-128"/>
                <a:ea typeface="ＭＳ Ｐ明朝" panose="02020600040205080304" pitchFamily="18" charset="-128"/>
              </a:endParaRPr>
            </a:p>
            <a:p>
              <a:r>
                <a:rPr lang="ja-JP" altLang="en-US" sz="1400" dirty="0"/>
                <a:t>●</a:t>
              </a:r>
              <a:r>
                <a:rPr lang="ja-JP" altLang="en-US" sz="1400" b="1" dirty="0" smtClean="0"/>
                <a:t>集中している都市機能</a:t>
              </a:r>
              <a:endParaRPr lang="en-US" altLang="ja-JP" sz="1400" b="1" dirty="0" smtClean="0"/>
            </a:p>
            <a:p>
              <a:pPr marL="361950" indent="-361950"/>
              <a:r>
                <a:rPr lang="ja-JP" altLang="en-US" sz="1200" dirty="0" smtClean="0">
                  <a:latin typeface="ＭＳ Ｐ明朝" panose="02020600040205080304" pitchFamily="18" charset="-128"/>
                  <a:ea typeface="ＭＳ Ｐ明朝" panose="02020600040205080304" pitchFamily="18" charset="-128"/>
                </a:rPr>
                <a:t>　 　</a:t>
              </a:r>
              <a:r>
                <a:rPr lang="en-US" altLang="ja-JP" sz="1200" dirty="0" smtClean="0">
                  <a:latin typeface="ＭＳ Ｐ明朝" panose="02020600040205080304" pitchFamily="18" charset="-128"/>
                  <a:ea typeface="ＭＳ Ｐ明朝" panose="02020600040205080304" pitchFamily="18" charset="-128"/>
                </a:rPr>
                <a:t>※</a:t>
              </a:r>
              <a:r>
                <a:rPr lang="ja-JP" altLang="en-US" sz="1050" dirty="0" smtClean="0">
                  <a:latin typeface="ＭＳ Ｐ明朝" panose="02020600040205080304" pitchFamily="18" charset="-128"/>
                  <a:ea typeface="ＭＳ Ｐ明朝" panose="02020600040205080304" pitchFamily="18" charset="-128"/>
                </a:rPr>
                <a:t>人口密度全国</a:t>
              </a:r>
              <a:r>
                <a:rPr lang="en-US" altLang="ja-JP" sz="1050" dirty="0" smtClean="0">
                  <a:latin typeface="ＭＳ Ｐ明朝" panose="02020600040205080304" pitchFamily="18" charset="-128"/>
                  <a:ea typeface="ＭＳ Ｐ明朝" panose="02020600040205080304" pitchFamily="18" charset="-128"/>
                </a:rPr>
                <a:t>2</a:t>
              </a:r>
              <a:r>
                <a:rPr lang="ja-JP" altLang="en-US" sz="1050" dirty="0" smtClean="0">
                  <a:latin typeface="ＭＳ Ｐ明朝" panose="02020600040205080304" pitchFamily="18" charset="-128"/>
                  <a:ea typeface="ＭＳ Ｐ明朝" panose="02020600040205080304" pitchFamily="18" charset="-128"/>
                </a:rPr>
                <a:t>位、大阪市</a:t>
              </a:r>
              <a:r>
                <a:rPr lang="ja-JP" altLang="en-US" sz="1050" dirty="0">
                  <a:latin typeface="ＭＳ Ｐ明朝" panose="02020600040205080304" pitchFamily="18" charset="-128"/>
                  <a:ea typeface="ＭＳ Ｐ明朝" panose="02020600040205080304" pitchFamily="18" charset="-128"/>
                </a:rPr>
                <a:t>昼夜間人口比</a:t>
              </a:r>
              <a:r>
                <a:rPr lang="en-US" altLang="ja-JP" sz="1050" dirty="0">
                  <a:latin typeface="ＭＳ Ｐ明朝" panose="02020600040205080304" pitchFamily="18" charset="-128"/>
                  <a:ea typeface="ＭＳ Ｐ明朝" panose="02020600040205080304" pitchFamily="18" charset="-128"/>
                </a:rPr>
                <a:t>1.33</a:t>
              </a:r>
            </a:p>
            <a:p>
              <a:pPr marL="361950" indent="-361950"/>
              <a:r>
                <a:rPr lang="ja-JP" altLang="en-US" sz="1050" dirty="0">
                  <a:latin typeface="ＭＳ Ｐ明朝" panose="02020600040205080304" pitchFamily="18" charset="-128"/>
                  <a:ea typeface="ＭＳ Ｐ明朝" panose="02020600040205080304" pitchFamily="18" charset="-128"/>
                </a:rPr>
                <a:t>　　　　　</a:t>
              </a:r>
              <a:r>
                <a:rPr lang="ja-JP" altLang="en-US" sz="1050" dirty="0" smtClean="0">
                  <a:latin typeface="ＭＳ Ｐ明朝" panose="02020600040205080304" pitchFamily="18" charset="-128"/>
                  <a:ea typeface="ＭＳ Ｐ明朝" panose="02020600040205080304" pitchFamily="18" charset="-128"/>
                </a:rPr>
                <a:t>地下街</a:t>
              </a:r>
              <a:r>
                <a:rPr lang="ja-JP" altLang="en-US" sz="1050" dirty="0">
                  <a:latin typeface="ＭＳ Ｐ明朝" panose="02020600040205080304" pitchFamily="18" charset="-128"/>
                  <a:ea typeface="ＭＳ Ｐ明朝" panose="02020600040205080304" pitchFamily="18" charset="-128"/>
                </a:rPr>
                <a:t>が発達  </a:t>
              </a:r>
              <a:r>
                <a:rPr lang="en-US" altLang="ja-JP" sz="1050" dirty="0">
                  <a:latin typeface="ＭＳ Ｐ明朝" panose="02020600040205080304" pitchFamily="18" charset="-128"/>
                  <a:ea typeface="ＭＳ Ｐ明朝" panose="02020600040205080304" pitchFamily="18" charset="-128"/>
                </a:rPr>
                <a:t>22.5</a:t>
              </a:r>
              <a:r>
                <a:rPr lang="ja-JP" altLang="en-US" sz="1050" dirty="0">
                  <a:latin typeface="ＭＳ Ｐ明朝" panose="02020600040205080304" pitchFamily="18" charset="-128"/>
                  <a:ea typeface="ＭＳ Ｐ明朝" panose="02020600040205080304" pitchFamily="18" charset="-128"/>
                </a:rPr>
                <a:t>万㎡（大阪市）</a:t>
              </a:r>
            </a:p>
            <a:p>
              <a:r>
                <a:rPr lang="ja-JP" altLang="en-US" sz="1400" dirty="0" smtClean="0"/>
                <a:t>●</a:t>
              </a:r>
              <a:r>
                <a:rPr lang="ja-JP" altLang="en-US" sz="1400" b="1" dirty="0" smtClean="0"/>
                <a:t>建築物の密集と老朽化</a:t>
              </a:r>
              <a:r>
                <a:rPr lang="ja-JP" altLang="en-US" sz="1200" dirty="0" smtClean="0"/>
                <a:t>　　</a:t>
              </a:r>
              <a:r>
                <a:rPr lang="ja-JP" altLang="en-US" sz="1200" dirty="0"/>
                <a:t>　</a:t>
              </a:r>
              <a:endParaRPr lang="en-US" altLang="ja-JP" sz="1200" dirty="0" smtClean="0"/>
            </a:p>
            <a:p>
              <a:pPr marL="233363"/>
              <a:r>
                <a:rPr lang="en-US" altLang="ja-JP" sz="1050" dirty="0" smtClean="0">
                  <a:latin typeface="ＭＳ Ｐ明朝" panose="02020600040205080304" pitchFamily="18" charset="-128"/>
                  <a:ea typeface="ＭＳ Ｐ明朝" panose="02020600040205080304" pitchFamily="18" charset="-128"/>
                </a:rPr>
                <a:t>※</a:t>
              </a:r>
              <a:r>
                <a:rPr lang="ja-JP" altLang="en-US" sz="1050" dirty="0" smtClean="0">
                  <a:latin typeface="ＭＳ Ｐ明朝" panose="02020600040205080304" pitchFamily="18" charset="-128"/>
                  <a:ea typeface="ＭＳ Ｐ明朝" panose="02020600040205080304" pitchFamily="18" charset="-128"/>
                </a:rPr>
                <a:t>危険な密集市街地は約</a:t>
              </a:r>
              <a:r>
                <a:rPr lang="en-US" altLang="ja-JP" sz="1050" dirty="0" smtClean="0">
                  <a:latin typeface="ＭＳ Ｐ明朝" panose="02020600040205080304" pitchFamily="18" charset="-128"/>
                  <a:ea typeface="ＭＳ Ｐ明朝" panose="02020600040205080304" pitchFamily="18" charset="-128"/>
                </a:rPr>
                <a:t>2,248ha</a:t>
              </a:r>
            </a:p>
          </p:txBody>
        </p:sp>
        <p:sp>
          <p:nvSpPr>
            <p:cNvPr id="30" name="テキスト ボックス 29"/>
            <p:cNvSpPr txBox="1"/>
            <p:nvPr/>
          </p:nvSpPr>
          <p:spPr>
            <a:xfrm>
              <a:off x="206255" y="3687235"/>
              <a:ext cx="3346111" cy="288147"/>
            </a:xfrm>
            <a:prstGeom prst="rect">
              <a:avLst/>
            </a:prstGeom>
            <a:solidFill>
              <a:schemeClr val="accent6">
                <a:lumMod val="40000"/>
                <a:lumOff val="60000"/>
              </a:schemeClr>
            </a:solidFill>
          </p:spPr>
          <p:txBody>
            <a:bodyPr wrap="square" lIns="72000" tIns="36000" rIns="72000" bIns="36000" rtlCol="0">
              <a:spAutoFit/>
            </a:bodyPr>
            <a:lstStyle/>
            <a:p>
              <a:r>
                <a:rPr lang="en-US" altLang="ja-JP" sz="1400" b="1" dirty="0" smtClean="0"/>
                <a:t>【</a:t>
              </a:r>
              <a:r>
                <a:rPr lang="ja-JP" altLang="en-US" sz="1400" b="1" dirty="0" smtClean="0"/>
                <a:t>被害を拡大する要因等</a:t>
              </a:r>
              <a:r>
                <a:rPr lang="ja-JP" altLang="en-US" sz="1200" b="1" dirty="0" smtClean="0"/>
                <a:t>（大阪</a:t>
              </a:r>
              <a:r>
                <a:rPr lang="ja-JP" altLang="en-US" sz="1200" b="1" dirty="0"/>
                <a:t>特有</a:t>
              </a:r>
              <a:r>
                <a:rPr lang="ja-JP" altLang="en-US" sz="1200" b="1" dirty="0" smtClean="0"/>
                <a:t>の状況）</a:t>
              </a:r>
              <a:r>
                <a:rPr lang="en-US" altLang="ja-JP" sz="1400" b="1" dirty="0" smtClean="0"/>
                <a:t>】</a:t>
              </a:r>
              <a:endParaRPr kumimoji="1" lang="en-US" altLang="ja-JP" sz="1400" b="1" dirty="0" smtClean="0"/>
            </a:p>
          </p:txBody>
        </p:sp>
        <p:sp>
          <p:nvSpPr>
            <p:cNvPr id="45" name="正方形/長方形 44"/>
            <p:cNvSpPr/>
            <p:nvPr/>
          </p:nvSpPr>
          <p:spPr>
            <a:xfrm flipH="1">
              <a:off x="217983" y="3690259"/>
              <a:ext cx="3334383" cy="2242708"/>
            </a:xfrm>
            <a:prstGeom prst="rect">
              <a:avLst/>
            </a:prstGeom>
            <a:ln w="12700">
              <a:solidFill>
                <a:srgbClr val="FFC000"/>
              </a:solidFill>
              <a:prstDash val="sysDash"/>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pSp>
      <p:sp>
        <p:nvSpPr>
          <p:cNvPr id="29" name="乗算記号 28"/>
          <p:cNvSpPr/>
          <p:nvPr/>
        </p:nvSpPr>
        <p:spPr>
          <a:xfrm>
            <a:off x="1619328" y="3270355"/>
            <a:ext cx="442799" cy="306545"/>
          </a:xfrm>
          <a:prstGeom prst="mathMultiply">
            <a:avLst/>
          </a:prstGeom>
          <a:gradFill>
            <a:gsLst>
              <a:gs pos="0">
                <a:schemeClr val="accent5">
                  <a:tint val="50000"/>
                  <a:satMod val="300000"/>
                </a:schemeClr>
              </a:gs>
              <a:gs pos="35000">
                <a:schemeClr val="accent5">
                  <a:tint val="37000"/>
                  <a:satMod val="300000"/>
                </a:schemeClr>
              </a:gs>
              <a:gs pos="100000">
                <a:schemeClr val="accent5">
                  <a:tint val="15000"/>
                  <a:satMod val="350000"/>
                </a:schemeClr>
              </a:gs>
            </a:gsLst>
            <a:lin ang="16200000" scaled="1"/>
          </a:gradFill>
          <a:ln w="28575">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6" name="右矢印 5"/>
          <p:cNvSpPr/>
          <p:nvPr/>
        </p:nvSpPr>
        <p:spPr>
          <a:xfrm>
            <a:off x="6512546" y="2200488"/>
            <a:ext cx="275655" cy="2931533"/>
          </a:xfrm>
          <a:prstGeom prst="rightArrow">
            <a:avLst/>
          </a:prstGeom>
        </p:spPr>
        <p:style>
          <a:lnRef idx="1">
            <a:schemeClr val="accent5"/>
          </a:lnRef>
          <a:fillRef idx="3">
            <a:schemeClr val="accent5"/>
          </a:fillRef>
          <a:effectRef idx="2">
            <a:schemeClr val="accent5"/>
          </a:effectRef>
          <a:fontRef idx="minor">
            <a:schemeClr val="lt1"/>
          </a:fontRef>
        </p:style>
        <p:txBody>
          <a:bodyPr rtlCol="0" anchor="ctr"/>
          <a:lstStyle/>
          <a:p>
            <a:pPr algn="ctr"/>
            <a:endParaRPr kumimoji="1" lang="ja-JP" altLang="en-US"/>
          </a:p>
        </p:txBody>
      </p:sp>
      <p:sp>
        <p:nvSpPr>
          <p:cNvPr id="21" name="角丸四角形 20"/>
          <p:cNvSpPr/>
          <p:nvPr/>
        </p:nvSpPr>
        <p:spPr>
          <a:xfrm>
            <a:off x="6800578" y="44064"/>
            <a:ext cx="2952328" cy="5650030"/>
          </a:xfrm>
          <a:prstGeom prst="roundRect">
            <a:avLst>
              <a:gd name="adj" fmla="val 0"/>
            </a:avLst>
          </a:prstGeom>
          <a:solidFill>
            <a:srgbClr val="92D050">
              <a:alpha val="20000"/>
            </a:srgbClr>
          </a:solidFill>
          <a:ln w="38100">
            <a:solidFill>
              <a:srgbClr val="0070C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4" name="テキスト ボックス 13"/>
          <p:cNvSpPr txBox="1"/>
          <p:nvPr/>
        </p:nvSpPr>
        <p:spPr>
          <a:xfrm>
            <a:off x="6800577" y="623922"/>
            <a:ext cx="2913963" cy="338554"/>
          </a:xfrm>
          <a:prstGeom prst="rect">
            <a:avLst/>
          </a:prstGeom>
          <a:noFill/>
        </p:spPr>
        <p:txBody>
          <a:bodyPr wrap="square" rtlCol="0">
            <a:spAutoFit/>
          </a:bodyPr>
          <a:lstStyle/>
          <a:p>
            <a:pPr marL="285750" indent="-285750">
              <a:buFont typeface="Wingdings" panose="05000000000000000000" pitchFamily="2" charset="2"/>
              <a:buChar char="Ø"/>
            </a:pPr>
            <a:r>
              <a:rPr kumimoji="1" lang="ja-JP" altLang="en-US" sz="1600" dirty="0" smtClean="0"/>
              <a:t>津波浸水対策の実施</a:t>
            </a:r>
            <a:endParaRPr kumimoji="1" lang="en-US" altLang="ja-JP" sz="1600" dirty="0" smtClean="0"/>
          </a:p>
        </p:txBody>
      </p:sp>
      <p:sp>
        <p:nvSpPr>
          <p:cNvPr id="19" name="角丸四角形 18"/>
          <p:cNvSpPr/>
          <p:nvPr/>
        </p:nvSpPr>
        <p:spPr>
          <a:xfrm>
            <a:off x="272481" y="5852138"/>
            <a:ext cx="9205022" cy="217019"/>
          </a:xfrm>
          <a:prstGeom prst="roundRect">
            <a:avLst/>
          </a:prstGeom>
          <a:gradFill>
            <a:gsLst>
              <a:gs pos="0">
                <a:schemeClr val="accent5">
                  <a:tint val="50000"/>
                  <a:satMod val="300000"/>
                </a:schemeClr>
              </a:gs>
              <a:gs pos="43000">
                <a:schemeClr val="tx2">
                  <a:lumMod val="40000"/>
                  <a:lumOff val="60000"/>
                </a:schemeClr>
              </a:gs>
              <a:gs pos="100000">
                <a:schemeClr val="accent5">
                  <a:tint val="15000"/>
                  <a:satMod val="350000"/>
                </a:schemeClr>
              </a:gs>
            </a:gsLst>
          </a:gradFill>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600" b="1" dirty="0" smtClean="0"/>
              <a:t>被害の最小化　・　迅速な対応</a:t>
            </a:r>
            <a:endParaRPr lang="en-US" altLang="ja-JP" sz="1600" b="1" dirty="0" smtClean="0"/>
          </a:p>
        </p:txBody>
      </p:sp>
      <p:sp>
        <p:nvSpPr>
          <p:cNvPr id="20" name="四角形吹き出し 19"/>
          <p:cNvSpPr/>
          <p:nvPr/>
        </p:nvSpPr>
        <p:spPr>
          <a:xfrm>
            <a:off x="7241891" y="943213"/>
            <a:ext cx="2448272" cy="336932"/>
          </a:xfrm>
          <a:prstGeom prst="wedgeRectCallout">
            <a:avLst>
              <a:gd name="adj1" fmla="val -24395"/>
              <a:gd name="adj2" fmla="val -34718"/>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400" dirty="0"/>
              <a:t>(1)</a:t>
            </a:r>
            <a:r>
              <a:rPr kumimoji="1" lang="ja-JP" altLang="en-US" sz="1400" dirty="0" smtClean="0"/>
              <a:t>堤防等の耐震・液状化対策</a:t>
            </a:r>
            <a:endParaRPr kumimoji="1" lang="en-US" altLang="ja-JP" sz="1400" dirty="0" smtClean="0"/>
          </a:p>
        </p:txBody>
      </p:sp>
      <p:sp>
        <p:nvSpPr>
          <p:cNvPr id="23" name="四角形吹き出し 22"/>
          <p:cNvSpPr/>
          <p:nvPr/>
        </p:nvSpPr>
        <p:spPr>
          <a:xfrm>
            <a:off x="7241891" y="1703708"/>
            <a:ext cx="2437216" cy="330258"/>
          </a:xfrm>
          <a:prstGeom prst="wedgeRectCallout">
            <a:avLst>
              <a:gd name="adj1" fmla="val -26025"/>
              <a:gd name="adj2" fmla="val -50943"/>
            </a:avLst>
          </a:prstGeom>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400" dirty="0">
                <a:solidFill>
                  <a:schemeClr val="tx1"/>
                </a:solidFill>
              </a:rPr>
              <a:t>(2)</a:t>
            </a:r>
            <a:r>
              <a:rPr lang="ja-JP" altLang="en-US" sz="1400" dirty="0" smtClean="0">
                <a:solidFill>
                  <a:schemeClr val="tx1"/>
                </a:solidFill>
              </a:rPr>
              <a:t>密集</a:t>
            </a:r>
            <a:r>
              <a:rPr lang="ja-JP" altLang="en-US" sz="1400" dirty="0">
                <a:solidFill>
                  <a:schemeClr val="tx1"/>
                </a:solidFill>
              </a:rPr>
              <a:t>市街地の防火性</a:t>
            </a:r>
            <a:r>
              <a:rPr lang="ja-JP" altLang="en-US" sz="1400" dirty="0" smtClean="0">
                <a:solidFill>
                  <a:schemeClr val="tx1"/>
                </a:solidFill>
              </a:rPr>
              <a:t>向上</a:t>
            </a:r>
            <a:endParaRPr lang="ja-JP" altLang="en-US" sz="1400" dirty="0">
              <a:solidFill>
                <a:schemeClr val="tx1"/>
              </a:solidFill>
            </a:endParaRPr>
          </a:p>
        </p:txBody>
      </p:sp>
      <p:sp>
        <p:nvSpPr>
          <p:cNvPr id="25" name="四角形吹き出し 24"/>
          <p:cNvSpPr/>
          <p:nvPr/>
        </p:nvSpPr>
        <p:spPr>
          <a:xfrm>
            <a:off x="7214816" y="5280247"/>
            <a:ext cx="2448272" cy="336932"/>
          </a:xfrm>
          <a:prstGeom prst="wedgeRectCallout">
            <a:avLst>
              <a:gd name="adj1" fmla="val -48334"/>
              <a:gd name="adj2" fmla="val -15570"/>
            </a:avLst>
          </a:prstGeom>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400" dirty="0">
                <a:solidFill>
                  <a:schemeClr val="tx1"/>
                </a:solidFill>
              </a:rPr>
              <a:t>(5)</a:t>
            </a:r>
            <a:r>
              <a:rPr lang="ja-JP" altLang="en-US" sz="1400" spc="-150" dirty="0" smtClean="0">
                <a:solidFill>
                  <a:schemeClr val="tx1"/>
                </a:solidFill>
              </a:rPr>
              <a:t>検査</a:t>
            </a:r>
            <a:r>
              <a:rPr lang="ja-JP" altLang="en-US" sz="1400" spc="-150" dirty="0">
                <a:solidFill>
                  <a:schemeClr val="tx1"/>
                </a:solidFill>
              </a:rPr>
              <a:t>・調査研究機能</a:t>
            </a:r>
            <a:r>
              <a:rPr lang="ja-JP" altLang="en-US" sz="1400" spc="-150" dirty="0" smtClean="0">
                <a:solidFill>
                  <a:schemeClr val="tx1"/>
                </a:solidFill>
              </a:rPr>
              <a:t>等の強化</a:t>
            </a:r>
            <a:endParaRPr kumimoji="1" lang="ja-JP" altLang="en-US" sz="1400" spc="-150" dirty="0">
              <a:solidFill>
                <a:schemeClr val="tx1"/>
              </a:solidFill>
            </a:endParaRPr>
          </a:p>
        </p:txBody>
      </p:sp>
      <p:sp>
        <p:nvSpPr>
          <p:cNvPr id="38" name="テキスト ボックス 37"/>
          <p:cNvSpPr txBox="1"/>
          <p:nvPr/>
        </p:nvSpPr>
        <p:spPr>
          <a:xfrm>
            <a:off x="6800578" y="36793"/>
            <a:ext cx="2952328" cy="584775"/>
          </a:xfrm>
          <a:prstGeom prst="rect">
            <a:avLst/>
          </a:prstGeom>
          <a:solidFill>
            <a:srgbClr val="0070C0"/>
          </a:solidFill>
          <a:ln>
            <a:solidFill>
              <a:srgbClr val="0070C0"/>
            </a:solidFill>
          </a:ln>
        </p:spPr>
        <p:style>
          <a:lnRef idx="2">
            <a:schemeClr val="accent3"/>
          </a:lnRef>
          <a:fillRef idx="1">
            <a:schemeClr val="lt1"/>
          </a:fillRef>
          <a:effectRef idx="0">
            <a:schemeClr val="accent3"/>
          </a:effectRef>
          <a:fontRef idx="minor">
            <a:schemeClr val="dk1"/>
          </a:fontRef>
        </p:style>
        <p:txBody>
          <a:bodyPr wrap="square" rtlCol="0">
            <a:spAutoFit/>
          </a:bodyPr>
          <a:lstStyle/>
          <a:p>
            <a:pPr algn="ctr"/>
            <a:r>
              <a:rPr lang="ja-JP" altLang="en-US" sz="1600" b="1" dirty="0">
                <a:solidFill>
                  <a:schemeClr val="bg1"/>
                </a:solidFill>
                <a:latin typeface="ＭＳ Ｐゴシック" panose="020B0600070205080204" pitchFamily="50" charset="-128"/>
                <a:ea typeface="ＭＳ Ｐゴシック" panose="020B0600070205080204" pitchFamily="50" charset="-128"/>
              </a:rPr>
              <a:t>減災への</a:t>
            </a:r>
            <a:r>
              <a:rPr lang="ja-JP" altLang="en-US" sz="1600" b="1" dirty="0" smtClean="0">
                <a:solidFill>
                  <a:schemeClr val="bg1"/>
                </a:solidFill>
                <a:latin typeface="ＭＳ Ｐゴシック" panose="020B0600070205080204" pitchFamily="50" charset="-128"/>
                <a:ea typeface="ＭＳ Ｐゴシック" panose="020B0600070205080204" pitchFamily="50" charset="-128"/>
              </a:rPr>
              <a:t>取組み例</a:t>
            </a:r>
            <a:endParaRPr lang="en-US" altLang="ja-JP" sz="1600" b="1" dirty="0">
              <a:solidFill>
                <a:schemeClr val="bg1"/>
              </a:solidFill>
              <a:latin typeface="ＭＳ Ｐゴシック" panose="020B0600070205080204" pitchFamily="50" charset="-128"/>
              <a:ea typeface="ＭＳ Ｐゴシック" panose="020B0600070205080204" pitchFamily="50" charset="-128"/>
            </a:endParaRPr>
          </a:p>
          <a:p>
            <a:pPr algn="ctr"/>
            <a:r>
              <a:rPr lang="ja-JP" altLang="en-US" sz="1600" b="1" dirty="0">
                <a:solidFill>
                  <a:schemeClr val="bg1"/>
                </a:solidFill>
                <a:latin typeface="ＭＳ Ｐゴシック" panose="020B0600070205080204" pitchFamily="50" charset="-128"/>
                <a:ea typeface="ＭＳ Ｐゴシック" panose="020B0600070205080204" pitchFamily="50" charset="-128"/>
              </a:rPr>
              <a:t>（対策における工夫）</a:t>
            </a:r>
          </a:p>
        </p:txBody>
      </p:sp>
      <p:sp>
        <p:nvSpPr>
          <p:cNvPr id="40" name="テキスト ボックス 39"/>
          <p:cNvSpPr txBox="1"/>
          <p:nvPr/>
        </p:nvSpPr>
        <p:spPr>
          <a:xfrm>
            <a:off x="6786833" y="4996098"/>
            <a:ext cx="2913963" cy="338554"/>
          </a:xfrm>
          <a:prstGeom prst="rect">
            <a:avLst/>
          </a:prstGeom>
          <a:noFill/>
        </p:spPr>
        <p:txBody>
          <a:bodyPr wrap="square" rtlCol="0">
            <a:spAutoFit/>
          </a:bodyPr>
          <a:lstStyle/>
          <a:p>
            <a:pPr marL="285750" indent="-285750">
              <a:buFont typeface="Wingdings" panose="05000000000000000000" pitchFamily="2" charset="2"/>
              <a:buChar char="Ø"/>
            </a:pPr>
            <a:r>
              <a:rPr lang="ja-JP" altLang="en-US" sz="1600" dirty="0" smtClean="0"/>
              <a:t>健康危機管理機能の強化</a:t>
            </a:r>
            <a:endParaRPr lang="en-US" altLang="ja-JP" sz="1600" dirty="0"/>
          </a:p>
        </p:txBody>
      </p:sp>
      <p:sp>
        <p:nvSpPr>
          <p:cNvPr id="42" name="テキスト ボックス 41"/>
          <p:cNvSpPr txBox="1"/>
          <p:nvPr/>
        </p:nvSpPr>
        <p:spPr>
          <a:xfrm>
            <a:off x="6800578" y="2238441"/>
            <a:ext cx="2913963" cy="1061829"/>
          </a:xfrm>
          <a:prstGeom prst="rect">
            <a:avLst/>
          </a:prstGeom>
          <a:noFill/>
        </p:spPr>
        <p:txBody>
          <a:bodyPr wrap="square" rtlCol="0">
            <a:spAutoFit/>
          </a:bodyPr>
          <a:lstStyle/>
          <a:p>
            <a:pPr marL="285750" indent="-285750">
              <a:buFont typeface="Wingdings" panose="05000000000000000000" pitchFamily="2" charset="2"/>
              <a:buChar char="Ø"/>
            </a:pPr>
            <a:r>
              <a:rPr lang="ja-JP" altLang="en-US" sz="1600" dirty="0" smtClean="0"/>
              <a:t>行政</a:t>
            </a:r>
            <a:r>
              <a:rPr lang="ja-JP" altLang="en-US" sz="1600" dirty="0"/>
              <a:t>の方針</a:t>
            </a:r>
            <a:r>
              <a:rPr lang="ja-JP" altLang="en-US" sz="1600" dirty="0" smtClean="0"/>
              <a:t>転換</a:t>
            </a:r>
            <a:endParaRPr kumimoji="1" lang="en-US" altLang="ja-JP" sz="1600" dirty="0" smtClean="0"/>
          </a:p>
          <a:p>
            <a:endParaRPr lang="en-US" altLang="ja-JP" sz="1050" dirty="0" smtClean="0"/>
          </a:p>
          <a:p>
            <a:endParaRPr lang="en-US" altLang="ja-JP" sz="1050" dirty="0" smtClean="0"/>
          </a:p>
          <a:p>
            <a:pPr>
              <a:spcBef>
                <a:spcPts val="600"/>
              </a:spcBef>
            </a:pPr>
            <a:r>
              <a:rPr lang="ja-JP" altLang="en-US" sz="1050" dirty="0" smtClean="0">
                <a:latin typeface="ＭＳ Ｐ明朝" panose="02020600040205080304" pitchFamily="18" charset="-128"/>
                <a:ea typeface="ＭＳ Ｐ明朝" panose="02020600040205080304" pitchFamily="18" charset="-128"/>
              </a:rPr>
              <a:t>           －</a:t>
            </a:r>
            <a:r>
              <a:rPr lang="ja-JP" altLang="en-US" sz="1050" dirty="0">
                <a:latin typeface="ＭＳ Ｐ明朝" panose="02020600040205080304" pitchFamily="18" charset="-128"/>
                <a:ea typeface="ＭＳ Ｐ明朝" panose="02020600040205080304" pitchFamily="18" charset="-128"/>
              </a:rPr>
              <a:t>「今後の治水</a:t>
            </a:r>
            <a:r>
              <a:rPr lang="ja-JP" altLang="en-US" sz="1050" dirty="0" smtClean="0">
                <a:latin typeface="ＭＳ Ｐ明朝" panose="02020600040205080304" pitchFamily="18" charset="-128"/>
                <a:ea typeface="ＭＳ Ｐ明朝" panose="02020600040205080304" pitchFamily="18" charset="-128"/>
              </a:rPr>
              <a:t>対策の</a:t>
            </a:r>
            <a:r>
              <a:rPr lang="ja-JP" altLang="en-US" sz="1050" dirty="0">
                <a:latin typeface="ＭＳ Ｐ明朝" panose="02020600040205080304" pitchFamily="18" charset="-128"/>
                <a:ea typeface="ＭＳ Ｐ明朝" panose="02020600040205080304" pitchFamily="18" charset="-128"/>
              </a:rPr>
              <a:t>進め方」の策定</a:t>
            </a:r>
          </a:p>
          <a:p>
            <a:r>
              <a:rPr lang="ja-JP" altLang="en-US" sz="1050" dirty="0" smtClean="0">
                <a:latin typeface="ＭＳ Ｐ明朝" panose="02020600040205080304" pitchFamily="18" charset="-128"/>
                <a:ea typeface="ＭＳ Ｐ明朝" panose="02020600040205080304" pitchFamily="18" charset="-128"/>
              </a:rPr>
              <a:t>           －</a:t>
            </a:r>
            <a:r>
              <a:rPr lang="ja-JP" altLang="en-US" sz="1050" dirty="0">
                <a:latin typeface="ＭＳ Ｐ明朝" panose="02020600040205080304" pitchFamily="18" charset="-128"/>
                <a:ea typeface="ＭＳ Ｐ明朝" panose="02020600040205080304" pitchFamily="18" charset="-128"/>
              </a:rPr>
              <a:t>「逃げる」「凌ぐ」「防ぐ」施策を</a:t>
            </a:r>
            <a:r>
              <a:rPr lang="ja-JP" altLang="en-US" sz="1050" dirty="0" smtClean="0">
                <a:latin typeface="ＭＳ Ｐ明朝" panose="02020600040205080304" pitchFamily="18" charset="-128"/>
                <a:ea typeface="ＭＳ Ｐ明朝" panose="02020600040205080304" pitchFamily="18" charset="-128"/>
              </a:rPr>
              <a:t>展開</a:t>
            </a:r>
            <a:endParaRPr lang="ja-JP" altLang="en-US" sz="1050" dirty="0">
              <a:latin typeface="ＭＳ Ｐ明朝" panose="02020600040205080304" pitchFamily="18" charset="-128"/>
              <a:ea typeface="ＭＳ Ｐ明朝" panose="02020600040205080304" pitchFamily="18" charset="-128"/>
            </a:endParaRPr>
          </a:p>
        </p:txBody>
      </p:sp>
      <p:sp>
        <p:nvSpPr>
          <p:cNvPr id="41" name="テキスト ボックス 40"/>
          <p:cNvSpPr txBox="1"/>
          <p:nvPr/>
        </p:nvSpPr>
        <p:spPr>
          <a:xfrm>
            <a:off x="6800578" y="1404041"/>
            <a:ext cx="2913963" cy="338554"/>
          </a:xfrm>
          <a:prstGeom prst="rect">
            <a:avLst/>
          </a:prstGeom>
          <a:noFill/>
        </p:spPr>
        <p:txBody>
          <a:bodyPr wrap="square" rtlCol="0">
            <a:spAutoFit/>
          </a:bodyPr>
          <a:lstStyle/>
          <a:p>
            <a:pPr marL="285750" indent="-285750">
              <a:buFont typeface="Wingdings" panose="05000000000000000000" pitchFamily="2" charset="2"/>
              <a:buChar char="Ø"/>
            </a:pPr>
            <a:r>
              <a:rPr kumimoji="1" lang="ja-JP" altLang="en-US" sz="1600" dirty="0" smtClean="0"/>
              <a:t>都市の不燃化の推進</a:t>
            </a:r>
            <a:endParaRPr kumimoji="1" lang="en-US" altLang="ja-JP" sz="1600" dirty="0" smtClean="0"/>
          </a:p>
        </p:txBody>
      </p:sp>
      <p:sp>
        <p:nvSpPr>
          <p:cNvPr id="43" name="テキスト ボックス 42"/>
          <p:cNvSpPr txBox="1"/>
          <p:nvPr/>
        </p:nvSpPr>
        <p:spPr>
          <a:xfrm>
            <a:off x="6788201" y="3230858"/>
            <a:ext cx="2913963" cy="1846659"/>
          </a:xfrm>
          <a:prstGeom prst="rect">
            <a:avLst/>
          </a:prstGeom>
          <a:noFill/>
        </p:spPr>
        <p:txBody>
          <a:bodyPr wrap="square" rtlCol="0">
            <a:spAutoFit/>
          </a:bodyPr>
          <a:lstStyle/>
          <a:p>
            <a:pPr marL="285750" indent="-285750">
              <a:buFont typeface="Wingdings" panose="05000000000000000000" pitchFamily="2" charset="2"/>
              <a:buChar char="Ø"/>
            </a:pPr>
            <a:r>
              <a:rPr lang="ja-JP" altLang="en-US" sz="1600" dirty="0" smtClean="0"/>
              <a:t>府民等の</a:t>
            </a:r>
            <a:r>
              <a:rPr lang="ja-JP" altLang="en-US" sz="1600" dirty="0"/>
              <a:t>防災意識の向上</a:t>
            </a:r>
            <a:endParaRPr lang="en-US" altLang="ja-JP" sz="1600" dirty="0"/>
          </a:p>
          <a:p>
            <a:pPr marL="333375" indent="-333375"/>
            <a:endParaRPr lang="en-US" altLang="ja-JP" sz="1050" dirty="0" smtClean="0"/>
          </a:p>
          <a:p>
            <a:pPr marL="333375" indent="-333375"/>
            <a:endParaRPr lang="en-US" altLang="ja-JP" sz="1050" dirty="0"/>
          </a:p>
          <a:p>
            <a:pPr marL="333375" indent="-333375"/>
            <a:endParaRPr lang="en-US" altLang="ja-JP" sz="1400" dirty="0"/>
          </a:p>
          <a:p>
            <a:pPr marL="628650" indent="-628650"/>
            <a:r>
              <a:rPr lang="ja-JP" altLang="en-US" sz="1050" dirty="0" smtClean="0">
                <a:latin typeface="ＭＳ Ｐ明朝" panose="02020600040205080304" pitchFamily="18" charset="-128"/>
                <a:ea typeface="ＭＳ Ｐ明朝" panose="02020600040205080304" pitchFamily="18" charset="-128"/>
              </a:rPr>
              <a:t>           －自主防災組織・消防団等「共助」による地域防災力向上</a:t>
            </a:r>
            <a:endParaRPr lang="en-US" altLang="ja-JP" sz="1050" dirty="0" smtClean="0">
              <a:latin typeface="ＭＳ Ｐ明朝" panose="02020600040205080304" pitchFamily="18" charset="-128"/>
              <a:ea typeface="ＭＳ Ｐ明朝" panose="02020600040205080304" pitchFamily="18" charset="-128"/>
            </a:endParaRPr>
          </a:p>
          <a:p>
            <a:pPr marL="444500" indent="-88900"/>
            <a:r>
              <a:rPr lang="ja-JP" altLang="en-US" sz="1050" dirty="0" smtClean="0">
                <a:latin typeface="ＭＳ Ｐ明朝" panose="02020600040205080304" pitchFamily="18" charset="-128"/>
                <a:ea typeface="ＭＳ Ｐ明朝" panose="02020600040205080304" pitchFamily="18" charset="-128"/>
              </a:rPr>
              <a:t>　－防災</a:t>
            </a:r>
            <a:r>
              <a:rPr lang="ja-JP" altLang="en-US" sz="1050" dirty="0">
                <a:latin typeface="ＭＳ Ｐ明朝" panose="02020600040205080304" pitchFamily="18" charset="-128"/>
                <a:ea typeface="ＭＳ Ｐ明朝" panose="02020600040205080304" pitchFamily="18" charset="-128"/>
              </a:rPr>
              <a:t>訓練の実施</a:t>
            </a:r>
            <a:endParaRPr lang="en-US" altLang="ja-JP" sz="1050" dirty="0">
              <a:latin typeface="ＭＳ Ｐ明朝" panose="02020600040205080304" pitchFamily="18" charset="-128"/>
              <a:ea typeface="ＭＳ Ｐ明朝" panose="02020600040205080304" pitchFamily="18" charset="-128"/>
            </a:endParaRPr>
          </a:p>
          <a:p>
            <a:pPr marL="333375" indent="-333375"/>
            <a:r>
              <a:rPr lang="ja-JP" altLang="en-US" sz="1050" dirty="0" smtClean="0">
                <a:latin typeface="ＭＳ Ｐ明朝" panose="02020600040205080304" pitchFamily="18" charset="-128"/>
                <a:ea typeface="ＭＳ Ｐ明朝" panose="02020600040205080304" pitchFamily="18" charset="-128"/>
              </a:rPr>
              <a:t>           －</a:t>
            </a:r>
            <a:r>
              <a:rPr lang="ja-JP" altLang="en-US" sz="1050" dirty="0">
                <a:latin typeface="ＭＳ Ｐ明朝" panose="02020600040205080304" pitchFamily="18" charset="-128"/>
                <a:ea typeface="ＭＳ Ｐ明朝" panose="02020600040205080304" pitchFamily="18" charset="-128"/>
              </a:rPr>
              <a:t>リスク情報の提供</a:t>
            </a:r>
            <a:endParaRPr lang="en-US" altLang="ja-JP" sz="1050" dirty="0">
              <a:latin typeface="ＭＳ Ｐ明朝" panose="02020600040205080304" pitchFamily="18" charset="-128"/>
              <a:ea typeface="ＭＳ Ｐ明朝" panose="02020600040205080304" pitchFamily="18" charset="-128"/>
            </a:endParaRPr>
          </a:p>
          <a:p>
            <a:pPr marL="628650" indent="-85725"/>
            <a:r>
              <a:rPr lang="ja-JP" altLang="en-US" sz="1050" dirty="0">
                <a:latin typeface="ＭＳ Ｐ明朝" panose="02020600040205080304" pitchFamily="18" charset="-128"/>
                <a:ea typeface="ＭＳ Ｐ明朝" panose="02020600040205080304" pitchFamily="18" charset="-128"/>
              </a:rPr>
              <a:t>　</a:t>
            </a:r>
            <a:r>
              <a:rPr lang="ja-JP" altLang="en-US" sz="1050" dirty="0" smtClean="0">
                <a:latin typeface="ＭＳ Ｐ明朝" panose="02020600040205080304" pitchFamily="18" charset="-128"/>
                <a:ea typeface="ＭＳ Ｐ明朝" panose="02020600040205080304" pitchFamily="18" charset="-128"/>
              </a:rPr>
              <a:t>（</a:t>
            </a:r>
            <a:r>
              <a:rPr lang="ja-JP" altLang="en-US" sz="1050" dirty="0">
                <a:latin typeface="ＭＳ Ｐ明朝" panose="02020600040205080304" pitchFamily="18" charset="-128"/>
                <a:ea typeface="ＭＳ Ｐ明朝" panose="02020600040205080304" pitchFamily="18" charset="-128"/>
              </a:rPr>
              <a:t>ハザードマップの整備、土砂</a:t>
            </a:r>
            <a:r>
              <a:rPr lang="ja-JP" altLang="en-US" sz="1050" dirty="0" smtClean="0">
                <a:latin typeface="ＭＳ Ｐ明朝" panose="02020600040205080304" pitchFamily="18" charset="-128"/>
                <a:ea typeface="ＭＳ Ｐ明朝" panose="02020600040205080304" pitchFamily="18" charset="-128"/>
              </a:rPr>
              <a:t>災害</a:t>
            </a:r>
            <a:r>
              <a:rPr lang="ja-JP" altLang="en-US" sz="1050" dirty="0">
                <a:latin typeface="ＭＳ Ｐ明朝" panose="02020600040205080304" pitchFamily="18" charset="-128"/>
                <a:ea typeface="ＭＳ Ｐ明朝" panose="02020600040205080304" pitchFamily="18" charset="-128"/>
              </a:rPr>
              <a:t>防止</a:t>
            </a:r>
            <a:r>
              <a:rPr lang="ja-JP" altLang="en-US" sz="1050" dirty="0" smtClean="0">
                <a:latin typeface="ＭＳ Ｐ明朝" panose="02020600040205080304" pitchFamily="18" charset="-128"/>
                <a:ea typeface="ＭＳ Ｐ明朝" panose="02020600040205080304" pitchFamily="18" charset="-128"/>
              </a:rPr>
              <a:t>法</a:t>
            </a:r>
            <a:r>
              <a:rPr lang="ja-JP" altLang="en-US" sz="1050" dirty="0">
                <a:latin typeface="ＭＳ Ｐ明朝" panose="02020600040205080304" pitchFamily="18" charset="-128"/>
                <a:ea typeface="ＭＳ Ｐ明朝" panose="02020600040205080304" pitchFamily="18" charset="-128"/>
              </a:rPr>
              <a:t>に基づく区域指定</a:t>
            </a:r>
            <a:r>
              <a:rPr lang="ja-JP" altLang="en-US" sz="1050" dirty="0" smtClean="0">
                <a:latin typeface="ＭＳ Ｐ明朝" panose="02020600040205080304" pitchFamily="18" charset="-128"/>
                <a:ea typeface="ＭＳ Ｐ明朝" panose="02020600040205080304" pitchFamily="18" charset="-128"/>
              </a:rPr>
              <a:t>）</a:t>
            </a:r>
            <a:endParaRPr kumimoji="1" lang="en-US" altLang="ja-JP" sz="1050" dirty="0" smtClean="0">
              <a:latin typeface="ＭＳ Ｐ明朝" panose="02020600040205080304" pitchFamily="18" charset="-128"/>
              <a:ea typeface="ＭＳ Ｐ明朝" panose="02020600040205080304" pitchFamily="18" charset="-128"/>
            </a:endParaRPr>
          </a:p>
        </p:txBody>
      </p:sp>
      <p:sp>
        <p:nvSpPr>
          <p:cNvPr id="27" name="四角形吹き出し 26"/>
          <p:cNvSpPr/>
          <p:nvPr/>
        </p:nvSpPr>
        <p:spPr>
          <a:xfrm>
            <a:off x="7237472" y="2531319"/>
            <a:ext cx="2448272" cy="349180"/>
          </a:xfrm>
          <a:prstGeom prst="wedgeRectCallout">
            <a:avLst>
              <a:gd name="adj1" fmla="val -20885"/>
              <a:gd name="adj2" fmla="val -38229"/>
            </a:avLst>
          </a:prstGeom>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400" dirty="0">
                <a:solidFill>
                  <a:schemeClr val="tx1"/>
                </a:solidFill>
              </a:rPr>
              <a:t>(3)</a:t>
            </a:r>
            <a:r>
              <a:rPr kumimoji="1" lang="ja-JP" altLang="en-US" sz="1400" dirty="0" smtClean="0">
                <a:solidFill>
                  <a:schemeClr val="tx1"/>
                </a:solidFill>
              </a:rPr>
              <a:t>治水対策の方針転換</a:t>
            </a:r>
            <a:endParaRPr kumimoji="1" lang="ja-JP" altLang="en-US" sz="1400" dirty="0">
              <a:solidFill>
                <a:schemeClr val="tx1"/>
              </a:solidFill>
            </a:endParaRPr>
          </a:p>
        </p:txBody>
      </p:sp>
      <p:sp>
        <p:nvSpPr>
          <p:cNvPr id="39" name="四角形吹き出し 38"/>
          <p:cNvSpPr/>
          <p:nvPr/>
        </p:nvSpPr>
        <p:spPr>
          <a:xfrm>
            <a:off x="7241891" y="3531668"/>
            <a:ext cx="2448272" cy="484583"/>
          </a:xfrm>
          <a:prstGeom prst="wedgeRectCallout">
            <a:avLst>
              <a:gd name="adj1" fmla="val -18677"/>
              <a:gd name="adj2" fmla="val -22123"/>
            </a:avLst>
          </a:prstGeom>
        </p:spPr>
        <p:style>
          <a:lnRef idx="1">
            <a:schemeClr val="accent1"/>
          </a:lnRef>
          <a:fillRef idx="2">
            <a:schemeClr val="accent1"/>
          </a:fillRef>
          <a:effectRef idx="1">
            <a:schemeClr val="accent1"/>
          </a:effectRef>
          <a:fontRef idx="minor">
            <a:schemeClr val="dk1"/>
          </a:fontRef>
        </p:style>
        <p:txBody>
          <a:bodyPr rIns="36000" rtlCol="0" anchor="ctr"/>
          <a:lstStyle/>
          <a:p>
            <a:r>
              <a:rPr lang="en-US" altLang="ja-JP" sz="1400" spc="-150" dirty="0" smtClean="0">
                <a:solidFill>
                  <a:schemeClr val="tx1"/>
                </a:solidFill>
              </a:rPr>
              <a:t>(4)</a:t>
            </a:r>
            <a:r>
              <a:rPr lang="ja-JP" altLang="en-US" sz="1400" spc="-150" dirty="0" smtClean="0">
                <a:solidFill>
                  <a:schemeClr val="tx1"/>
                </a:solidFill>
              </a:rPr>
              <a:t>府民等の防災・減災意識</a:t>
            </a:r>
            <a:r>
              <a:rPr lang="ja-JP" altLang="en-US" sz="1400" spc="-150" dirty="0">
                <a:solidFill>
                  <a:schemeClr val="tx1"/>
                </a:solidFill>
              </a:rPr>
              <a:t>の</a:t>
            </a:r>
            <a:r>
              <a:rPr lang="ja-JP" altLang="en-US" sz="1400" spc="-150" dirty="0" smtClean="0">
                <a:solidFill>
                  <a:schemeClr val="tx1"/>
                </a:solidFill>
              </a:rPr>
              <a:t>向上</a:t>
            </a:r>
            <a:r>
              <a:rPr lang="ja-JP" altLang="en-US" sz="1400" dirty="0" smtClean="0">
                <a:solidFill>
                  <a:schemeClr val="tx1"/>
                </a:solidFill>
              </a:rPr>
              <a:t>　「</a:t>
            </a:r>
            <a:r>
              <a:rPr lang="ja-JP" altLang="en-US" sz="1400" dirty="0">
                <a:solidFill>
                  <a:schemeClr val="tx1"/>
                </a:solidFill>
              </a:rPr>
              <a:t>逃げる</a:t>
            </a:r>
            <a:r>
              <a:rPr lang="ja-JP" altLang="en-US" sz="1400" dirty="0" smtClean="0">
                <a:solidFill>
                  <a:schemeClr val="tx1"/>
                </a:solidFill>
              </a:rPr>
              <a:t>」ための対策</a:t>
            </a:r>
            <a:endParaRPr kumimoji="1" lang="ja-JP" altLang="en-US" sz="1400" dirty="0">
              <a:solidFill>
                <a:schemeClr val="tx1"/>
              </a:solidFill>
            </a:endParaRPr>
          </a:p>
        </p:txBody>
      </p:sp>
      <p:sp>
        <p:nvSpPr>
          <p:cNvPr id="47" name="スライド番号プレースホルダ 46"/>
          <p:cNvSpPr>
            <a:spLocks noGrp="1"/>
          </p:cNvSpPr>
          <p:nvPr>
            <p:ph type="sldNum" sz="quarter" idx="12"/>
          </p:nvPr>
        </p:nvSpPr>
        <p:spPr/>
        <p:txBody>
          <a:bodyPr/>
          <a:lstStyle/>
          <a:p>
            <a:fld id="{37EF5067-3AB7-4642-9103-42CBD40CC6D9}" type="slidenum">
              <a:rPr kumimoji="1" lang="ja-JP" altLang="en-US" smtClean="0"/>
              <a:pPr/>
              <a:t>66</a:t>
            </a:fld>
            <a:endParaRPr kumimoji="1" lang="ja-JP" altLang="en-US" dirty="0"/>
          </a:p>
        </p:txBody>
      </p:sp>
      <p:pic>
        <p:nvPicPr>
          <p:cNvPr id="1029" name="Picture 5"/>
          <p:cNvPicPr>
            <a:picLocks noChangeAspect="1" noChangeArrowheads="1"/>
          </p:cNvPicPr>
          <p:nvPr/>
        </p:nvPicPr>
        <p:blipFill>
          <a:blip r:embed="rId2" cstate="print"/>
          <a:srcRect/>
          <a:stretch>
            <a:fillRect/>
          </a:stretch>
        </p:blipFill>
        <p:spPr bwMode="auto">
          <a:xfrm>
            <a:off x="1387897" y="5677217"/>
            <a:ext cx="825529" cy="216473"/>
          </a:xfrm>
          <a:prstGeom prst="rect">
            <a:avLst/>
          </a:prstGeom>
          <a:noFill/>
          <a:ln w="9525">
            <a:noFill/>
            <a:miter lim="800000"/>
            <a:headEnd/>
            <a:tailEnd/>
          </a:ln>
          <a:effectLst/>
        </p:spPr>
      </p:pic>
      <p:pic>
        <p:nvPicPr>
          <p:cNvPr id="46" name="Picture 5"/>
          <p:cNvPicPr>
            <a:picLocks noChangeAspect="1" noChangeArrowheads="1"/>
          </p:cNvPicPr>
          <p:nvPr/>
        </p:nvPicPr>
        <p:blipFill>
          <a:blip r:embed="rId2" cstate="print"/>
          <a:srcRect/>
          <a:stretch>
            <a:fillRect/>
          </a:stretch>
        </p:blipFill>
        <p:spPr bwMode="auto">
          <a:xfrm>
            <a:off x="4829597" y="5664517"/>
            <a:ext cx="825529" cy="216473"/>
          </a:xfrm>
          <a:prstGeom prst="rect">
            <a:avLst/>
          </a:prstGeom>
          <a:noFill/>
          <a:ln w="9525">
            <a:noFill/>
            <a:miter lim="800000"/>
            <a:headEnd/>
            <a:tailEnd/>
          </a:ln>
          <a:effectLst/>
        </p:spPr>
      </p:pic>
      <p:pic>
        <p:nvPicPr>
          <p:cNvPr id="48" name="Picture 5"/>
          <p:cNvPicPr>
            <a:picLocks noChangeAspect="1" noChangeArrowheads="1"/>
          </p:cNvPicPr>
          <p:nvPr/>
        </p:nvPicPr>
        <p:blipFill>
          <a:blip r:embed="rId2" cstate="print"/>
          <a:srcRect/>
          <a:stretch>
            <a:fillRect/>
          </a:stretch>
        </p:blipFill>
        <p:spPr bwMode="auto">
          <a:xfrm>
            <a:off x="7941097" y="5689917"/>
            <a:ext cx="825529" cy="216473"/>
          </a:xfrm>
          <a:prstGeom prst="rect">
            <a:avLst/>
          </a:prstGeom>
          <a:noFill/>
          <a:ln w="9525">
            <a:noFill/>
            <a:miter lim="800000"/>
            <a:headEnd/>
            <a:tailEnd/>
          </a:ln>
          <a:effectLst/>
        </p:spPr>
      </p:pic>
      <p:grpSp>
        <p:nvGrpSpPr>
          <p:cNvPr id="49" name="グループ化 20"/>
          <p:cNvGrpSpPr/>
          <p:nvPr/>
        </p:nvGrpSpPr>
        <p:grpSpPr>
          <a:xfrm>
            <a:off x="165016" y="6069157"/>
            <a:ext cx="9078460" cy="777521"/>
            <a:chOff x="76116" y="5987515"/>
            <a:chExt cx="9078460" cy="777521"/>
          </a:xfrm>
        </p:grpSpPr>
        <p:sp>
          <p:nvSpPr>
            <p:cNvPr id="50" name="角丸四角形 49"/>
            <p:cNvSpPr/>
            <p:nvPr/>
          </p:nvSpPr>
          <p:spPr>
            <a:xfrm>
              <a:off x="162619" y="6289548"/>
              <a:ext cx="8991957" cy="4754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r>
                <a:rPr lang="ja-JP" altLang="en-US" sz="1400" dirty="0">
                  <a:solidFill>
                    <a:schemeClr val="tx1"/>
                  </a:solidFill>
                  <a:latin typeface="ＭＳ Ｐ明朝" panose="02020600040205080304" pitchFamily="18" charset="-128"/>
                  <a:ea typeface="ＭＳ Ｐ明朝" panose="02020600040205080304" pitchFamily="18" charset="-128"/>
                </a:rPr>
                <a:t>・大阪府：危機管理室、都市整備部、住宅まちづくり部、健康医療部</a:t>
              </a:r>
              <a:endParaRPr lang="en-US" altLang="ja-JP" sz="1400" dirty="0">
                <a:solidFill>
                  <a:schemeClr val="tx1"/>
                </a:solidFill>
                <a:latin typeface="ＭＳ Ｐ明朝" panose="02020600040205080304" pitchFamily="18" charset="-128"/>
                <a:ea typeface="ＭＳ Ｐ明朝" panose="02020600040205080304" pitchFamily="18" charset="-128"/>
              </a:endParaRPr>
            </a:p>
            <a:p>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a:solidFill>
                    <a:schemeClr val="tx1"/>
                  </a:solidFill>
                  <a:latin typeface="ＭＳ Ｐ明朝" panose="02020600040205080304" pitchFamily="18" charset="-128"/>
                  <a:ea typeface="ＭＳ Ｐ明朝" panose="02020600040205080304" pitchFamily="18" charset="-128"/>
                </a:rPr>
                <a:t>大阪市：危機管理室、都市整備局、建設局、港湾局、健康局</a:t>
              </a:r>
              <a:endParaRPr lang="en-US" altLang="ja-JP" sz="1400" dirty="0">
                <a:solidFill>
                  <a:schemeClr val="tx1"/>
                </a:solidFill>
                <a:latin typeface="ＭＳ Ｐ明朝" panose="02020600040205080304" pitchFamily="18" charset="-128"/>
                <a:ea typeface="ＭＳ Ｐ明朝" panose="02020600040205080304" pitchFamily="18" charset="-128"/>
              </a:endParaRPr>
            </a:p>
          </p:txBody>
        </p:sp>
        <p:sp>
          <p:nvSpPr>
            <p:cNvPr id="51" name="テキスト ボックス 50"/>
            <p:cNvSpPr txBox="1"/>
            <p:nvPr/>
          </p:nvSpPr>
          <p:spPr>
            <a:xfrm>
              <a:off x="76116" y="5987515"/>
              <a:ext cx="6351200" cy="338554"/>
            </a:xfrm>
            <a:prstGeom prst="rect">
              <a:avLst/>
            </a:prstGeom>
            <a:noFill/>
          </p:spPr>
          <p:txBody>
            <a:bodyPr wrap="square" rtlCol="0">
              <a:spAutoFit/>
            </a:bodyPr>
            <a:lstStyle/>
            <a:p>
              <a:r>
                <a:rPr lang="ja-JP" altLang="en-US" sz="1600" dirty="0" smtClean="0"/>
                <a:t>○</a:t>
              </a:r>
              <a:r>
                <a:rPr lang="en-US" altLang="ja-JP" sz="1600" dirty="0"/>
                <a:t>『</a:t>
              </a:r>
              <a:r>
                <a:rPr lang="ja-JP" altLang="en-US" sz="1600" dirty="0"/>
                <a:t>危機管理・防災</a:t>
              </a:r>
              <a:r>
                <a:rPr lang="en-US" altLang="ja-JP" sz="1600" dirty="0" smtClean="0"/>
                <a:t>』</a:t>
              </a:r>
              <a:r>
                <a:rPr lang="ja-JP" altLang="en-US" sz="1600" dirty="0" smtClean="0"/>
                <a:t>テーマ</a:t>
              </a:r>
              <a:r>
                <a:rPr lang="ja-JP" altLang="en-US" sz="1600" dirty="0"/>
                <a:t>の担当</a:t>
              </a:r>
              <a:r>
                <a:rPr lang="ja-JP" altLang="en-US" sz="1600" dirty="0" smtClean="0"/>
                <a:t>部局一覧</a:t>
              </a:r>
              <a:endParaRPr lang="en-US" altLang="ja-JP" sz="1600" dirty="0" smtClean="0"/>
            </a:p>
          </p:txBody>
        </p:sp>
      </p:grpSp>
    </p:spTree>
    <p:extLst>
      <p:ext uri="{BB962C8B-B14F-4D97-AF65-F5344CB8AC3E}">
        <p14:creationId xmlns:p14="http://schemas.microsoft.com/office/powerpoint/2010/main" val="2347315145"/>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7" name="Rectangle 2"/>
          <p:cNvSpPr txBox="1">
            <a:spLocks noChangeArrowheads="1"/>
          </p:cNvSpPr>
          <p:nvPr/>
        </p:nvSpPr>
        <p:spPr bwMode="auto">
          <a:xfrm>
            <a:off x="0" y="2"/>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a:solidFill>
                  <a:schemeClr val="bg1"/>
                </a:solidFill>
                <a:latin typeface="ＭＳ ゴシック" pitchFamily="49" charset="-128"/>
                <a:ea typeface="ＭＳ ゴシック" pitchFamily="49" charset="-128"/>
              </a:rPr>
              <a:t>６</a:t>
            </a:r>
            <a:r>
              <a:rPr lang="ja-JP" altLang="en-US" sz="2000" b="1" dirty="0" smtClean="0">
                <a:solidFill>
                  <a:schemeClr val="bg1"/>
                </a:solidFill>
                <a:latin typeface="ＭＳ ゴシック" pitchFamily="49" charset="-128"/>
                <a:ea typeface="ＭＳ ゴシック" pitchFamily="49" charset="-128"/>
              </a:rPr>
              <a:t>．健康・医療に関する戦略　</a:t>
            </a:r>
            <a:r>
              <a:rPr lang="ja-JP" altLang="en-US" b="1" dirty="0" smtClean="0">
                <a:solidFill>
                  <a:schemeClr val="bg1"/>
                </a:solidFill>
                <a:latin typeface="ＭＳ ゴシック" pitchFamily="49" charset="-128"/>
                <a:ea typeface="ＭＳ ゴシック" pitchFamily="49" charset="-128"/>
              </a:rPr>
              <a:t>～現状、課題、展望～</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2" name="テキスト ボックス 1"/>
          <p:cNvSpPr txBox="1"/>
          <p:nvPr/>
        </p:nvSpPr>
        <p:spPr>
          <a:xfrm>
            <a:off x="428497" y="572229"/>
            <a:ext cx="8968808" cy="5632311"/>
          </a:xfrm>
          <a:prstGeom prst="rect">
            <a:avLst/>
          </a:prstGeom>
          <a:noFill/>
        </p:spPr>
        <p:txBody>
          <a:bodyPr wrap="square" rtlCol="0">
            <a:spAutoFit/>
          </a:bodyPr>
          <a:lstStyle/>
          <a:p>
            <a:r>
              <a:rPr kumimoji="1" lang="ja-JP" altLang="en-US" sz="1400" b="1"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医療の現状と課題</a:t>
            </a:r>
            <a:endParaRPr kumimoji="1" lang="en-US" altLang="ja-JP" sz="1400" b="1" dirty="0" smtClean="0">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180975" indent="-180975"/>
            <a:r>
              <a:rPr kumimoji="1"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大阪は他都市より高齢化の進展が早く、それに伴う社会保障費の負担が、今後いよいよ深刻になってくる。</a:t>
            </a:r>
            <a:endParaRPr kumimoji="1"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endParaRPr>
          </a:p>
          <a:p>
            <a:pPr marL="180975" indent="-180975">
              <a:spcBef>
                <a:spcPts val="600"/>
              </a:spcBef>
            </a:pPr>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また、健康面では、平均寿命、健康寿命のいずれも全国的に低い水準にある。これは、特定健診の受診率や、特定保健指導の実施率が低いことにも見られるように、健康に対する意識の低さも影響していると考えられる。</a:t>
            </a:r>
            <a:endParaRPr kumimoji="1" lang="en-US" altLang="ja-JP" sz="1400" dirty="0">
              <a:latin typeface="ＭＳ Ｐ明朝" panose="02020600040205080304" pitchFamily="18" charset="-128"/>
              <a:ea typeface="ＭＳ Ｐ明朝" panose="02020600040205080304" pitchFamily="18" charset="-128"/>
              <a:cs typeface="メイリオ" panose="020B0604030504040204" pitchFamily="50" charset="-128"/>
            </a:endParaRPr>
          </a:p>
          <a:p>
            <a:pPr marL="180975" indent="-180975">
              <a:spcBef>
                <a:spcPts val="600"/>
              </a:spcBef>
            </a:pPr>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一方で大阪は、医療産業、学術研究機能の分野で高いポテンシャルを持ち、官民の力を結集することで健康・医療分野の成長が期待できる。</a:t>
            </a:r>
            <a:endParaRPr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endParaRPr>
          </a:p>
          <a:p>
            <a:endParaRPr lang="en-US" altLang="ja-JP" sz="1100" dirty="0" smtClean="0">
              <a:latin typeface="ＭＳ Ｐゴシック" panose="020B0600070205080204" pitchFamily="50" charset="-128"/>
              <a:ea typeface="ＭＳ Ｐゴシック" panose="020B0600070205080204" pitchFamily="50" charset="-128"/>
              <a:cs typeface="メイリオ" panose="020B0604030504040204" pitchFamily="50" charset="-128"/>
            </a:endParaRPr>
          </a:p>
          <a:p>
            <a:r>
              <a:rPr lang="ja-JP" altLang="en-US" sz="1400" b="1"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大阪の新しい「健康・医療戦略」</a:t>
            </a:r>
            <a:endParaRPr lang="en-US" altLang="ja-JP" sz="1400" b="1" dirty="0">
              <a:latin typeface="ＭＳ Ｐゴシック" panose="020B0600070205080204" pitchFamily="50" charset="-128"/>
              <a:ea typeface="ＭＳ Ｐゴシック" panose="020B0600070205080204" pitchFamily="50" charset="-128"/>
              <a:cs typeface="メイリオ" panose="020B0604030504040204" pitchFamily="50" charset="-128"/>
            </a:endParaRPr>
          </a:p>
          <a:p>
            <a:pPr marL="180975" indent="-180975"/>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これからの大阪における健康・医療に関する戦略は、元気なアクティブシニアを実現する観点から、従来の「治療重視・公的サービス中心」から「予防・生活支援、民間サービス活用」へと拡充を図る。</a:t>
            </a:r>
            <a:endParaRPr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endParaRPr>
          </a:p>
          <a:p>
            <a:pPr marL="180975" indent="-180975">
              <a:spcBef>
                <a:spcPts val="600"/>
              </a:spcBef>
            </a:pPr>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①府民・市民の健康増進と、②新たな市場創出、を同時に実現し、</a:t>
            </a:r>
            <a:r>
              <a:rPr lang="ja-JP" altLang="en-US" sz="1400" dirty="0">
                <a:latin typeface="ＭＳ Ｐ明朝" panose="02020600040205080304" pitchFamily="18" charset="-128"/>
                <a:ea typeface="ＭＳ Ｐ明朝" panose="02020600040205080304" pitchFamily="18" charset="-128"/>
                <a:cs typeface="メイリオ" panose="020B0604030504040204" pitchFamily="50" charset="-128"/>
              </a:rPr>
              <a:t>併せて</a:t>
            </a:r>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③自治体の財政の負担軽減と産業振興による税収増を</a:t>
            </a:r>
            <a:r>
              <a:rPr lang="ja-JP" altLang="en-US" sz="1400" dirty="0">
                <a:latin typeface="ＭＳ Ｐ明朝" panose="02020600040205080304" pitchFamily="18" charset="-128"/>
                <a:ea typeface="ＭＳ Ｐ明朝" panose="02020600040205080304" pitchFamily="18" charset="-128"/>
                <a:cs typeface="メイリオ" panose="020B0604030504040204" pitchFamily="50" charset="-128"/>
              </a:rPr>
              <a:t>図る</a:t>
            </a:r>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400" dirty="0">
                <a:latin typeface="ＭＳ Ｐ明朝" panose="02020600040205080304" pitchFamily="18" charset="-128"/>
                <a:ea typeface="ＭＳ Ｐ明朝" panose="02020600040205080304" pitchFamily="18" charset="-128"/>
                <a:cs typeface="メイリオ" panose="020B0604030504040204" pitchFamily="50" charset="-128"/>
              </a:rPr>
              <a:t>Win-Win-Win</a:t>
            </a:r>
            <a:r>
              <a:rPr lang="ja-JP" altLang="en-US" sz="1400" dirty="0">
                <a:latin typeface="ＭＳ Ｐ明朝" panose="02020600040205080304" pitchFamily="18" charset="-128"/>
                <a:ea typeface="ＭＳ Ｐ明朝" panose="02020600040205080304" pitchFamily="18" charset="-128"/>
                <a:cs typeface="メイリオ" panose="020B0604030504040204" pitchFamily="50" charset="-128"/>
              </a:rPr>
              <a:t>の大阪モデル</a:t>
            </a:r>
            <a:r>
              <a:rPr lang="en-US" altLang="ja-JP" sz="1400" dirty="0">
                <a:latin typeface="ＭＳ Ｐ明朝" panose="02020600040205080304" pitchFamily="18" charset="-128"/>
                <a:ea typeface="ＭＳ Ｐ明朝" panose="02020600040205080304" pitchFamily="18" charset="-128"/>
                <a:cs typeface="メイリオ" panose="020B0604030504040204" pitchFamily="50" charset="-128"/>
              </a:rPr>
              <a:t>』</a:t>
            </a:r>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を目指す。</a:t>
            </a:r>
            <a:endParaRPr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endParaRPr>
          </a:p>
          <a:p>
            <a:endParaRPr kumimoji="1" lang="en-US" altLang="ja-JP" sz="1100" dirty="0">
              <a:latin typeface="ＭＳ Ｐゴシック" panose="020B0600070205080204" pitchFamily="50" charset="-128"/>
              <a:ea typeface="ＭＳ Ｐゴシック" panose="020B0600070205080204" pitchFamily="50" charset="-128"/>
              <a:cs typeface="メイリオ" panose="020B0604030504040204" pitchFamily="50" charset="-128"/>
            </a:endParaRPr>
          </a:p>
          <a:p>
            <a:r>
              <a:rPr kumimoji="1" lang="ja-JP" altLang="en-US" sz="1400" b="1"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具体的な取り組み</a:t>
            </a:r>
            <a:endParaRPr kumimoji="1" lang="en-US" altLang="ja-JP" sz="1400" b="1" dirty="0" smtClean="0">
              <a:latin typeface="ＭＳ Ｐゴシック" panose="020B0600070205080204" pitchFamily="50" charset="-128"/>
              <a:ea typeface="ＭＳ Ｐゴシック" panose="020B0600070205080204" pitchFamily="50" charset="-128"/>
              <a:cs typeface="メイリオ" panose="020B0604030504040204" pitchFamily="50" charset="-128"/>
            </a:endParaRPr>
          </a:p>
          <a:p>
            <a:pPr>
              <a:spcBef>
                <a:spcPts val="600"/>
              </a:spcBef>
            </a:pPr>
            <a:r>
              <a:rPr kumimoji="1"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１）大阪府市医療戦略会議　 </a:t>
            </a:r>
            <a:r>
              <a:rPr kumimoji="1"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rPr>
              <a:t>[</a:t>
            </a:r>
            <a:r>
              <a:rPr kumimoji="1"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提言</a:t>
            </a:r>
            <a:r>
              <a:rPr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rPr>
              <a:t>]</a:t>
            </a:r>
            <a:endParaRPr kumimoji="1" lang="en-US" altLang="ja-JP" sz="1400" dirty="0">
              <a:latin typeface="ＭＳ Ｐ明朝" panose="02020600040205080304" pitchFamily="18" charset="-128"/>
              <a:ea typeface="ＭＳ Ｐ明朝" panose="02020600040205080304" pitchFamily="18" charset="-128"/>
              <a:cs typeface="メイリオ" panose="020B0604030504040204" pitchFamily="50" charset="-128"/>
            </a:endParaRPr>
          </a:p>
          <a:p>
            <a:pPr marL="266700"/>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住民の行動変革、医療データの活用、スマートエイジング・シティなど、外部有識者による大阪府市医療戦略会議で提言を受けた「７つの戦略」を基に、府市だけでなく、医療機関、研究機関、企業等が一体となった取り組みを進める</a:t>
            </a:r>
            <a:endParaRPr lang="en-US" altLang="ja-JP" sz="1400" dirty="0">
              <a:latin typeface="ＭＳ Ｐ明朝" panose="02020600040205080304" pitchFamily="18" charset="-128"/>
              <a:ea typeface="ＭＳ Ｐ明朝" panose="02020600040205080304" pitchFamily="18" charset="-128"/>
              <a:cs typeface="メイリオ" panose="020B0604030504040204" pitchFamily="50" charset="-128"/>
            </a:endParaRPr>
          </a:p>
          <a:p>
            <a:pPr>
              <a:spcBef>
                <a:spcPts val="600"/>
              </a:spcBef>
            </a:pPr>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２）特区（健康・医療分野）</a:t>
            </a:r>
            <a:endParaRPr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endParaRPr>
          </a:p>
          <a:p>
            <a:pPr marL="355600" indent="-88900"/>
            <a:r>
              <a:rPr kumimoji="1" lang="ja-JP" altLang="en-US" sz="1400" b="1" dirty="0" smtClean="0">
                <a:latin typeface="ＭＳ Ｐ明朝" panose="02020600040205080304" pitchFamily="18" charset="-128"/>
                <a:ea typeface="ＭＳ Ｐ明朝" panose="02020600040205080304" pitchFamily="18" charset="-128"/>
                <a:cs typeface="メイリオ" panose="020B0604030504040204" pitchFamily="50" charset="-128"/>
              </a:rPr>
              <a:t>①関西イノベーション国際戦略</a:t>
            </a:r>
            <a:r>
              <a:rPr lang="ja-JP" altLang="en-US" sz="1400" b="1" dirty="0" smtClean="0">
                <a:latin typeface="ＭＳ Ｐ明朝" panose="02020600040205080304" pitchFamily="18" charset="-128"/>
                <a:ea typeface="ＭＳ Ｐ明朝" panose="02020600040205080304" pitchFamily="18" charset="-128"/>
                <a:cs typeface="メイリオ" panose="020B0604030504040204" pitchFamily="50" charset="-128"/>
              </a:rPr>
              <a:t>総合</a:t>
            </a:r>
            <a:r>
              <a:rPr lang="ja-JP" altLang="en-US" sz="1400" b="1" dirty="0">
                <a:latin typeface="ＭＳ Ｐ明朝" panose="02020600040205080304" pitchFamily="18" charset="-128"/>
                <a:ea typeface="ＭＳ Ｐ明朝" panose="02020600040205080304" pitchFamily="18" charset="-128"/>
                <a:cs typeface="メイリオ" panose="020B0604030504040204" pitchFamily="50" charset="-128"/>
              </a:rPr>
              <a:t>特</a:t>
            </a:r>
            <a:r>
              <a:rPr lang="ja-JP" altLang="en-US" sz="1400" b="1" dirty="0" smtClean="0">
                <a:latin typeface="ＭＳ Ｐ明朝" panose="02020600040205080304" pitchFamily="18" charset="-128"/>
                <a:ea typeface="ＭＳ Ｐ明朝" panose="02020600040205080304" pitchFamily="18" charset="-128"/>
                <a:cs typeface="メイリオ" panose="020B0604030504040204" pitchFamily="50" charset="-128"/>
              </a:rPr>
              <a:t>区</a:t>
            </a:r>
            <a:endParaRPr lang="en-US" altLang="ja-JP" sz="1400" b="1" dirty="0" smtClean="0">
              <a:latin typeface="ＭＳ Ｐ明朝" panose="02020600040205080304" pitchFamily="18" charset="-128"/>
              <a:ea typeface="ＭＳ Ｐ明朝" panose="02020600040205080304" pitchFamily="18" charset="-128"/>
              <a:cs typeface="メイリオ" panose="020B0604030504040204" pitchFamily="50" charset="-128"/>
            </a:endParaRPr>
          </a:p>
          <a:p>
            <a:pPr marL="355600" indent="-88900"/>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　細胞</a:t>
            </a:r>
            <a:r>
              <a:rPr lang="ja-JP" altLang="en-US" sz="1400" dirty="0">
                <a:latin typeface="ＭＳ Ｐ明朝" panose="02020600040205080304" pitchFamily="18" charset="-128"/>
                <a:ea typeface="ＭＳ Ｐ明朝" panose="02020600040205080304" pitchFamily="18" charset="-128"/>
                <a:cs typeface="メイリオ" panose="020B0604030504040204" pitchFamily="50" charset="-128"/>
              </a:rPr>
              <a:t>シートによる心筋再生医療の治験</a:t>
            </a:r>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開始（大阪大学）、</a:t>
            </a:r>
            <a:r>
              <a:rPr lang="en-US" altLang="ja-JP" sz="1400" dirty="0" err="1" smtClean="0">
                <a:latin typeface="ＭＳ Ｐ明朝" panose="02020600040205080304" pitchFamily="18" charset="-128"/>
                <a:ea typeface="ＭＳ Ｐ明朝" panose="02020600040205080304" pitchFamily="18" charset="-128"/>
                <a:cs typeface="メイリオ" panose="020B0604030504040204" pitchFamily="50" charset="-128"/>
              </a:rPr>
              <a:t>iPS</a:t>
            </a:r>
            <a:r>
              <a:rPr lang="ja-JP" altLang="en-US" sz="1400" dirty="0">
                <a:latin typeface="ＭＳ Ｐ明朝" panose="02020600040205080304" pitchFamily="18" charset="-128"/>
                <a:ea typeface="ＭＳ Ｐ明朝" panose="02020600040205080304" pitchFamily="18" charset="-128"/>
                <a:cs typeface="メイリオ" panose="020B0604030504040204" pitchFamily="50" charset="-128"/>
              </a:rPr>
              <a:t>細胞</a:t>
            </a:r>
            <a:r>
              <a:rPr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ストック（京都大学）など、ライフ分野で３５件のプロジェクト、大阪府域では２３件のプロジェクトが採択されている。</a:t>
            </a:r>
            <a:endParaRPr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endParaRPr>
          </a:p>
          <a:p>
            <a:pPr marL="355600" indent="-88900">
              <a:spcBef>
                <a:spcPts val="600"/>
              </a:spcBef>
            </a:pPr>
            <a:r>
              <a:rPr lang="ja-JP" altLang="en-US" sz="1400" b="1" dirty="0" smtClean="0">
                <a:latin typeface="ＭＳ Ｐ明朝" panose="02020600040205080304" pitchFamily="18" charset="-128"/>
                <a:ea typeface="ＭＳ Ｐ明朝" panose="02020600040205080304" pitchFamily="18" charset="-128"/>
                <a:cs typeface="メイリオ" panose="020B0604030504040204" pitchFamily="50" charset="-128"/>
              </a:rPr>
              <a:t>②国家戦略特区</a:t>
            </a:r>
            <a:endParaRPr lang="en-US" altLang="ja-JP" sz="1400" b="1" dirty="0" smtClean="0">
              <a:latin typeface="ＭＳ Ｐ明朝" panose="02020600040205080304" pitchFamily="18" charset="-128"/>
              <a:ea typeface="ＭＳ Ｐ明朝" panose="02020600040205080304" pitchFamily="18" charset="-128"/>
              <a:cs typeface="メイリオ" panose="020B0604030504040204" pitchFamily="50" charset="-128"/>
            </a:endParaRPr>
          </a:p>
          <a:p>
            <a:pPr marL="355600" indent="-88900"/>
            <a:r>
              <a:rPr kumimoji="1" lang="ja-JP" altLang="en-US" sz="1400" dirty="0">
                <a:latin typeface="ＭＳ Ｐ明朝" panose="02020600040205080304" pitchFamily="18" charset="-128"/>
                <a:ea typeface="ＭＳ Ｐ明朝" panose="02020600040205080304" pitchFamily="18" charset="-128"/>
                <a:cs typeface="メイリオ" panose="020B0604030504040204" pitchFamily="50" charset="-128"/>
              </a:rPr>
              <a:t>　</a:t>
            </a:r>
            <a:r>
              <a:rPr kumimoji="1"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高度医療の開発及び実用化の促進等成長産業のイノベーションを目指し、免疫・再生医療や医療産業の国際展開に取り組む</a:t>
            </a:r>
            <a:endParaRPr kumimoji="1" lang="en-US" altLang="ja-JP" sz="1400" dirty="0" smtClean="0">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6" name="スライド番号プレースホルダ 5"/>
          <p:cNvSpPr>
            <a:spLocks noGrp="1"/>
          </p:cNvSpPr>
          <p:nvPr>
            <p:ph type="sldNum" sz="quarter" idx="12"/>
          </p:nvPr>
        </p:nvSpPr>
        <p:spPr/>
        <p:txBody>
          <a:bodyPr/>
          <a:lstStyle/>
          <a:p>
            <a:fld id="{37EF5067-3AB7-4642-9103-42CBD40CC6D9}" type="slidenum">
              <a:rPr kumimoji="1" lang="ja-JP" altLang="en-US" smtClean="0"/>
              <a:pPr/>
              <a:t>67</a:t>
            </a:fld>
            <a:endParaRPr kumimoji="1" lang="ja-JP" altLang="en-US" dirty="0"/>
          </a:p>
        </p:txBody>
      </p:sp>
    </p:spTree>
    <p:extLst>
      <p:ext uri="{BB962C8B-B14F-4D97-AF65-F5344CB8AC3E}">
        <p14:creationId xmlns:p14="http://schemas.microsoft.com/office/powerpoint/2010/main" val="555284637"/>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 name="正方形/長方形 78"/>
          <p:cNvSpPr/>
          <p:nvPr/>
        </p:nvSpPr>
        <p:spPr>
          <a:xfrm>
            <a:off x="0" y="0"/>
            <a:ext cx="9906000" cy="43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schemeClr val="tx1"/>
                </a:solidFill>
                <a:latin typeface="ＭＳ Ｐゴシック" panose="020B0600070205080204" pitchFamily="50" charset="-128"/>
                <a:ea typeface="ＭＳ Ｐゴシック" panose="020B0600070205080204" pitchFamily="50" charset="-128"/>
              </a:rPr>
              <a:t>（１）大阪府</a:t>
            </a:r>
            <a:r>
              <a:rPr lang="ja-JP" altLang="en-US" sz="1600" dirty="0">
                <a:solidFill>
                  <a:schemeClr val="tx1"/>
                </a:solidFill>
                <a:latin typeface="ＭＳ Ｐゴシック" panose="020B0600070205080204" pitchFamily="50" charset="-128"/>
                <a:ea typeface="ＭＳ Ｐゴシック" panose="020B0600070205080204" pitchFamily="50" charset="-128"/>
              </a:rPr>
              <a:t>市医療戦略会議　提言</a:t>
            </a:r>
            <a:r>
              <a:rPr kumimoji="1" lang="ja-JP" altLang="en-US" sz="1600" dirty="0" smtClean="0">
                <a:solidFill>
                  <a:schemeClr val="tx1"/>
                </a:solidFill>
                <a:latin typeface="ＭＳ Ｐゴシック" panose="020B0600070205080204" pitchFamily="50" charset="-128"/>
                <a:ea typeface="ＭＳ Ｐゴシック" panose="020B0600070205080204" pitchFamily="50" charset="-128"/>
              </a:rPr>
              <a:t>　</a:t>
            </a:r>
            <a:r>
              <a:rPr lang="ja-JP" altLang="en-US" sz="1600" dirty="0">
                <a:solidFill>
                  <a:schemeClr val="tx1"/>
                </a:solidFill>
                <a:latin typeface="ＭＳ Ｐゴシック" panose="020B0600070205080204" pitchFamily="50" charset="-128"/>
                <a:ea typeface="ＭＳ Ｐゴシック" panose="020B0600070205080204" pitchFamily="50" charset="-128"/>
              </a:rPr>
              <a:t>～</a:t>
            </a:r>
            <a:r>
              <a:rPr lang="ja-JP" altLang="en-US" sz="1400" dirty="0" smtClean="0">
                <a:solidFill>
                  <a:schemeClr val="tx1"/>
                </a:solidFill>
                <a:latin typeface="ＭＳ Ｐゴシック" panose="020B0600070205080204" pitchFamily="50" charset="-128"/>
                <a:ea typeface="ＭＳ Ｐゴシック" panose="020B0600070205080204" pitchFamily="50" charset="-128"/>
              </a:rPr>
              <a:t>７</a:t>
            </a:r>
            <a:r>
              <a:rPr kumimoji="1" lang="ja-JP" altLang="en-US" sz="1400" dirty="0" smtClean="0">
                <a:solidFill>
                  <a:schemeClr val="tx1"/>
                </a:solidFill>
                <a:latin typeface="ＭＳ Ｐゴシック" panose="020B0600070205080204" pitchFamily="50" charset="-128"/>
                <a:ea typeface="ＭＳ Ｐゴシック" panose="020B0600070205080204" pitchFamily="50" charset="-128"/>
              </a:rPr>
              <a:t>つの戦略～</a:t>
            </a:r>
            <a:endParaRPr kumimoji="1" lang="ja-JP" altLang="en-US" sz="1400" dirty="0">
              <a:solidFill>
                <a:schemeClr val="tx1"/>
              </a:solidFill>
              <a:latin typeface="ＭＳ Ｐゴシック" panose="020B0600070205080204" pitchFamily="50" charset="-128"/>
              <a:ea typeface="ＭＳ Ｐゴシック" panose="020B0600070205080204" pitchFamily="50" charset="-128"/>
            </a:endParaRPr>
          </a:p>
        </p:txBody>
      </p:sp>
      <p:sp>
        <p:nvSpPr>
          <p:cNvPr id="98" name="テキスト ボックス 97"/>
          <p:cNvSpPr txBox="1"/>
          <p:nvPr/>
        </p:nvSpPr>
        <p:spPr>
          <a:xfrm>
            <a:off x="455110" y="464272"/>
            <a:ext cx="9256419" cy="307777"/>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400" dirty="0" smtClean="0">
                <a:latin typeface="ＭＳ Ｐ明朝" panose="02020600040205080304" pitchFamily="18" charset="-128"/>
                <a:ea typeface="ＭＳ Ｐ明朝" panose="02020600040205080304" pitchFamily="18" charset="-128"/>
                <a:cs typeface="Meiryo UI" panose="020B0604030504040204" pitchFamily="50" charset="-128"/>
              </a:rPr>
              <a:t>有識者による大阪府市医療戦略会議の提言で７つの戦略が示され、これに基づく政策に取り組</a:t>
            </a:r>
            <a:r>
              <a:rPr lang="ja-JP" altLang="en-US" sz="1400" dirty="0" smtClean="0">
                <a:latin typeface="ＭＳ Ｐ明朝" panose="02020600040205080304" pitchFamily="18" charset="-128"/>
                <a:ea typeface="ＭＳ Ｐ明朝" panose="02020600040205080304" pitchFamily="18" charset="-128"/>
                <a:cs typeface="Meiryo UI" panose="020B0604030504040204" pitchFamily="50" charset="-128"/>
              </a:rPr>
              <a:t>む</a:t>
            </a:r>
            <a:endParaRPr kumimoji="1" lang="ja-JP" altLang="en-US" sz="1400" dirty="0">
              <a:latin typeface="ＭＳ Ｐ明朝" panose="02020600040205080304" pitchFamily="18" charset="-128"/>
              <a:ea typeface="ＭＳ Ｐ明朝" panose="02020600040205080304" pitchFamily="18" charset="-128"/>
              <a:cs typeface="Meiryo UI" panose="020B0604030504040204" pitchFamily="50" charset="-128"/>
            </a:endParaRPr>
          </a:p>
        </p:txBody>
      </p:sp>
      <p:sp>
        <p:nvSpPr>
          <p:cNvPr id="104" name="スライド番号プレースホルダ 103"/>
          <p:cNvSpPr>
            <a:spLocks noGrp="1"/>
          </p:cNvSpPr>
          <p:nvPr>
            <p:ph type="sldNum" sz="quarter" idx="12"/>
          </p:nvPr>
        </p:nvSpPr>
        <p:spPr/>
        <p:txBody>
          <a:bodyPr/>
          <a:lstStyle/>
          <a:p>
            <a:fld id="{37EF5067-3AB7-4642-9103-42CBD40CC6D9}" type="slidenum">
              <a:rPr kumimoji="1" lang="ja-JP" altLang="en-US" smtClean="0"/>
              <a:pPr/>
              <a:t>68</a:t>
            </a:fld>
            <a:endParaRPr kumimoji="1" lang="ja-JP" altLang="en-US" dirty="0"/>
          </a:p>
        </p:txBody>
      </p:sp>
      <p:pic>
        <p:nvPicPr>
          <p:cNvPr id="131074" name="Picture 2"/>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85443" y="823622"/>
            <a:ext cx="9650413" cy="59928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851576107"/>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4147" name="Rectangle 28"/>
          <p:cNvSpPr>
            <a:spLocks noChangeArrowheads="1"/>
          </p:cNvSpPr>
          <p:nvPr/>
        </p:nvSpPr>
        <p:spPr bwMode="auto">
          <a:xfrm>
            <a:off x="0" y="-192350"/>
            <a:ext cx="184686" cy="3847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418" tIns="45710" rIns="91418" bIns="45710" anchor="ctr">
            <a:spAutoFit/>
          </a:bodyPr>
          <a:lstStyle/>
          <a:p>
            <a:endParaRPr lang="ja-JP" altLang="en-US">
              <a:solidFill>
                <a:srgbClr val="000000"/>
              </a:solidFill>
              <a:latin typeface="Meiryo UI" pitchFamily="50" charset="-128"/>
              <a:ea typeface="Meiryo UI" pitchFamily="50" charset="-128"/>
              <a:cs typeface="Meiryo UI" pitchFamily="50" charset="-128"/>
            </a:endParaRPr>
          </a:p>
        </p:txBody>
      </p:sp>
      <p:sp>
        <p:nvSpPr>
          <p:cNvPr id="75" name="正方形/長方形 74"/>
          <p:cNvSpPr/>
          <p:nvPr/>
        </p:nvSpPr>
        <p:spPr>
          <a:xfrm>
            <a:off x="0" y="0"/>
            <a:ext cx="9906000" cy="43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600" dirty="0" smtClean="0">
                <a:solidFill>
                  <a:schemeClr val="tx1"/>
                </a:solidFill>
              </a:rPr>
              <a:t>（２）特区（健康・医療分野）　①関西イノベーション国際戦略総合特区　</a:t>
            </a:r>
            <a:r>
              <a:rPr kumimoji="1" lang="ja-JP" altLang="en-US" sz="1400" dirty="0" smtClean="0">
                <a:solidFill>
                  <a:schemeClr val="tx1"/>
                </a:solidFill>
              </a:rPr>
              <a:t>～ライフサイエンス分野の主な取組み～</a:t>
            </a:r>
            <a:endParaRPr kumimoji="1" lang="ja-JP" altLang="en-US" sz="1600" dirty="0">
              <a:solidFill>
                <a:schemeClr val="tx1"/>
              </a:solidFill>
            </a:endParaRPr>
          </a:p>
        </p:txBody>
      </p:sp>
      <p:sp>
        <p:nvSpPr>
          <p:cNvPr id="61" name="テキスト ボックス 60"/>
          <p:cNvSpPr txBox="1"/>
          <p:nvPr/>
        </p:nvSpPr>
        <p:spPr>
          <a:xfrm>
            <a:off x="223607" y="343100"/>
            <a:ext cx="5969904" cy="307777"/>
          </a:xfrm>
          <a:prstGeom prst="rect">
            <a:avLst/>
          </a:prstGeom>
          <a:noFill/>
        </p:spPr>
        <p:txBody>
          <a:bodyPr wrap="none" rtlCol="0">
            <a:spAutoFit/>
          </a:bodyPr>
          <a:lstStyle/>
          <a:p>
            <a:r>
              <a:rPr lang="ja-JP" altLang="en-US" sz="1400" dirty="0">
                <a:latin typeface="ＭＳ Ｐ明朝" panose="02020600040205080304" pitchFamily="18" charset="-128"/>
                <a:ea typeface="ＭＳ Ｐ明朝" panose="02020600040205080304" pitchFamily="18" charset="-128"/>
                <a:cs typeface="メイリオ" panose="020B0604030504040204" pitchFamily="50" charset="-128"/>
              </a:rPr>
              <a:t>・</a:t>
            </a:r>
            <a:r>
              <a:rPr kumimoji="1" lang="ja-JP" altLang="en-US" sz="1400" dirty="0" smtClean="0">
                <a:latin typeface="ＭＳ Ｐ明朝" panose="02020600040205080304" pitchFamily="18" charset="-128"/>
                <a:ea typeface="ＭＳ Ｐ明朝" panose="02020600040205080304" pitchFamily="18" charset="-128"/>
                <a:cs typeface="メイリオ" panose="020B0604030504040204" pitchFamily="50" charset="-128"/>
              </a:rPr>
              <a:t>ライフ分野で３５件が採択され、高度先進医療等の分野でも取り組みを展開。</a:t>
            </a:r>
            <a:endParaRPr kumimoji="1" lang="ja-JP" altLang="en-US" sz="1400" dirty="0">
              <a:latin typeface="ＭＳ Ｐ明朝" panose="02020600040205080304" pitchFamily="18" charset="-128"/>
              <a:ea typeface="ＭＳ Ｐ明朝" panose="02020600040205080304" pitchFamily="18" charset="-128"/>
              <a:cs typeface="メイリオ" panose="020B0604030504040204" pitchFamily="50" charset="-128"/>
            </a:endParaRPr>
          </a:p>
        </p:txBody>
      </p:sp>
      <p:sp>
        <p:nvSpPr>
          <p:cNvPr id="59" name="スライド番号プレースホルダ 58"/>
          <p:cNvSpPr>
            <a:spLocks noGrp="1"/>
          </p:cNvSpPr>
          <p:nvPr>
            <p:ph type="sldNum" sz="quarter" idx="12"/>
          </p:nvPr>
        </p:nvSpPr>
        <p:spPr/>
        <p:txBody>
          <a:bodyPr/>
          <a:lstStyle/>
          <a:p>
            <a:fld id="{37EF5067-3AB7-4642-9103-42CBD40CC6D9}" type="slidenum">
              <a:rPr kumimoji="1" lang="ja-JP" altLang="en-US" smtClean="0"/>
              <a:pPr/>
              <a:t>69</a:t>
            </a:fld>
            <a:endParaRPr kumimoji="1" lang="ja-JP" altLang="en-US" dirty="0"/>
          </a:p>
        </p:txBody>
      </p:sp>
      <p:pic>
        <p:nvPicPr>
          <p:cNvPr id="133122" name="Picture 2"/>
          <p:cNvPicPr>
            <a:picLocks noChangeAspect="1" noChangeArrowheads="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188913" y="611483"/>
            <a:ext cx="9528175" cy="60229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656079381"/>
      </p:ext>
    </p:extLst>
  </p:cSld>
  <p:clrMapOvr>
    <a:masterClrMapping/>
  </p:clrMapOvr>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図 42" descr="5000文の１.jpg"/>
          <p:cNvPicPr>
            <a:picLocks noChangeAspect="1"/>
          </p:cNvPicPr>
          <p:nvPr/>
        </p:nvPicPr>
        <p:blipFill>
          <a:blip r:embed="rId3" cstate="email"/>
          <a:srcRect/>
          <a:stretch>
            <a:fillRect/>
          </a:stretch>
        </p:blipFill>
        <p:spPr>
          <a:xfrm>
            <a:off x="3870239" y="887454"/>
            <a:ext cx="4251965" cy="5672840"/>
          </a:xfrm>
          <a:prstGeom prst="rect">
            <a:avLst/>
          </a:prstGeom>
        </p:spPr>
      </p:pic>
      <p:sp>
        <p:nvSpPr>
          <p:cNvPr id="4" name="Rectangle 2"/>
          <p:cNvSpPr txBox="1">
            <a:spLocks noChangeArrowheads="1"/>
          </p:cNvSpPr>
          <p:nvPr/>
        </p:nvSpPr>
        <p:spPr bwMode="auto">
          <a:xfrm>
            <a:off x="0" y="10"/>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en-US" altLang="ja-JP" sz="2000" b="1" dirty="0" smtClean="0">
                <a:solidFill>
                  <a:schemeClr val="bg1"/>
                </a:solidFill>
                <a:latin typeface="ＭＳ Ｐゴシック" pitchFamily="50" charset="-128"/>
                <a:ea typeface="ＭＳ Ｐゴシック" pitchFamily="50" charset="-128"/>
              </a:rPr>
              <a:t>1</a:t>
            </a:r>
            <a:r>
              <a:rPr lang="ja-JP" altLang="en-US" sz="2000" b="1" dirty="0">
                <a:solidFill>
                  <a:schemeClr val="bg1"/>
                </a:solidFill>
                <a:latin typeface="ＭＳ Ｐゴシック" pitchFamily="50" charset="-128"/>
                <a:ea typeface="ＭＳ Ｐゴシック" pitchFamily="50" charset="-128"/>
              </a:rPr>
              <a:t> </a:t>
            </a:r>
            <a:r>
              <a:rPr lang="ja-JP" altLang="en-US" sz="2000" b="1" dirty="0" smtClean="0">
                <a:solidFill>
                  <a:schemeClr val="bg1"/>
                </a:solidFill>
                <a:latin typeface="ＭＳ Ｐゴシック" pitchFamily="50" charset="-128"/>
                <a:ea typeface="ＭＳ Ｐゴシック" pitchFamily="50" charset="-128"/>
              </a:rPr>
              <a:t>．大阪駅周辺</a:t>
            </a:r>
            <a:endParaRPr lang="en-US" altLang="ja-JP" sz="2000" b="1" dirty="0" smtClean="0">
              <a:solidFill>
                <a:schemeClr val="bg1"/>
              </a:solidFill>
              <a:latin typeface="ＭＳ Ｐゴシック" pitchFamily="50" charset="-128"/>
              <a:ea typeface="ＭＳ Ｐゴシック" pitchFamily="50" charset="-128"/>
            </a:endParaRPr>
          </a:p>
        </p:txBody>
      </p:sp>
      <p:sp>
        <p:nvSpPr>
          <p:cNvPr id="8" name="テキスト ボックス 7"/>
          <p:cNvSpPr txBox="1"/>
          <p:nvPr/>
        </p:nvSpPr>
        <p:spPr>
          <a:xfrm>
            <a:off x="56456" y="548682"/>
            <a:ext cx="3744416" cy="6048670"/>
          </a:xfrm>
          <a:prstGeom prst="rect">
            <a:avLst/>
          </a:prstGeom>
          <a:noFill/>
          <a:ln>
            <a:solidFill>
              <a:schemeClr val="tx1"/>
            </a:solidFill>
            <a:prstDash val="sysDash"/>
          </a:ln>
        </p:spPr>
        <p:txBody>
          <a:bodyPr wrap="square" lIns="36000" tIns="36000" rIns="36000" bIns="36000" rtlCol="0">
            <a:noAutofit/>
          </a:bodyPr>
          <a:lstStyle/>
          <a:p>
            <a:r>
              <a:rPr lang="en-US" altLang="ja-JP" sz="1100" dirty="0" smtClean="0">
                <a:latin typeface="ＭＳ Ｐゴシック" pitchFamily="50" charset="-128"/>
                <a:ea typeface="ＭＳ Ｐゴシック" pitchFamily="50" charset="-128"/>
              </a:rPr>
              <a:t>【</a:t>
            </a:r>
            <a:r>
              <a:rPr lang="ja-JP" altLang="en-US" sz="1100" dirty="0" smtClean="0">
                <a:latin typeface="ＭＳ Ｐゴシック" pitchFamily="50" charset="-128"/>
                <a:ea typeface="ＭＳ Ｐゴシック" pitchFamily="50" charset="-128"/>
              </a:rPr>
              <a:t>地区の位置付け</a:t>
            </a:r>
            <a:r>
              <a:rPr lang="en-US" altLang="ja-JP" sz="1100" dirty="0" smtClean="0">
                <a:latin typeface="ＭＳ Ｐゴシック" pitchFamily="50" charset="-128"/>
                <a:ea typeface="ＭＳ Ｐゴシック" pitchFamily="50" charset="-128"/>
              </a:rPr>
              <a:t>】</a:t>
            </a:r>
          </a:p>
          <a:p>
            <a:pPr marL="180975" indent="-85725">
              <a:buFont typeface="Arial" pitchFamily="34" charset="0"/>
              <a:buChar char="•"/>
            </a:pPr>
            <a:r>
              <a:rPr lang="ja-JP" altLang="en-US" sz="1100" dirty="0" smtClean="0">
                <a:latin typeface="ＭＳ Ｐ明朝" pitchFamily="18" charset="-128"/>
                <a:ea typeface="ＭＳ Ｐ明朝" pitchFamily="18" charset="-128"/>
              </a:rPr>
              <a:t>本地域は鉄道</a:t>
            </a:r>
            <a:r>
              <a:rPr lang="en-US" altLang="ja-JP" sz="1100" dirty="0" smtClean="0">
                <a:latin typeface="ＭＳ Ｐ明朝" pitchFamily="18" charset="-128"/>
                <a:ea typeface="ＭＳ Ｐ明朝" pitchFamily="18" charset="-128"/>
              </a:rPr>
              <a:t>4</a:t>
            </a:r>
            <a:r>
              <a:rPr lang="ja-JP" altLang="en-US" sz="1100" dirty="0" smtClean="0">
                <a:latin typeface="ＭＳ Ｐ明朝" pitchFamily="18" charset="-128"/>
                <a:ea typeface="ＭＳ Ｐ明朝" pitchFamily="18" charset="-128"/>
              </a:rPr>
              <a:t>社（ＪＲ、阪急、阪神、地下鉄）、</a:t>
            </a:r>
            <a:r>
              <a:rPr lang="en-US" altLang="ja-JP" sz="1100" dirty="0" smtClean="0">
                <a:latin typeface="ＭＳ Ｐ明朝" pitchFamily="18" charset="-128"/>
                <a:ea typeface="ＭＳ Ｐ明朝" pitchFamily="18" charset="-128"/>
              </a:rPr>
              <a:t>7</a:t>
            </a:r>
            <a:r>
              <a:rPr lang="ja-JP" altLang="en-US" sz="1100" dirty="0" smtClean="0">
                <a:latin typeface="ＭＳ Ｐ明朝" pitchFamily="18" charset="-128"/>
                <a:ea typeface="ＭＳ Ｐ明朝" pitchFamily="18" charset="-128"/>
              </a:rPr>
              <a:t>駅が集中し、１日に約</a:t>
            </a:r>
            <a:r>
              <a:rPr lang="en-US" altLang="ja-JP" sz="1100" dirty="0" smtClean="0">
                <a:latin typeface="ＭＳ Ｐ明朝" pitchFamily="18" charset="-128"/>
                <a:ea typeface="ＭＳ Ｐ明朝" pitchFamily="18" charset="-128"/>
              </a:rPr>
              <a:t>236</a:t>
            </a:r>
            <a:r>
              <a:rPr lang="ja-JP" altLang="en-US" sz="1100" dirty="0" smtClean="0">
                <a:latin typeface="ＭＳ Ｐ明朝" pitchFamily="18" charset="-128"/>
                <a:ea typeface="ＭＳ Ｐ明朝" pitchFamily="18" charset="-128"/>
              </a:rPr>
              <a:t>万人の乗り降りがある西日本最大のターミナル（全国では新宿・池袋に次いで第３位）であり、主要都市とのアクセス性に優れ、国土軸との結節点となっている。</a:t>
            </a:r>
            <a:endParaRPr lang="en-US" altLang="ja-JP" sz="1100" dirty="0" smtClean="0">
              <a:latin typeface="ＭＳ Ｐ明朝" pitchFamily="18" charset="-128"/>
              <a:ea typeface="ＭＳ Ｐ明朝" pitchFamily="18" charset="-128"/>
            </a:endParaRPr>
          </a:p>
          <a:p>
            <a:pPr marL="180975" indent="-85725">
              <a:buFont typeface="Arial" pitchFamily="34" charset="0"/>
              <a:buChar char="•"/>
            </a:pPr>
            <a:r>
              <a:rPr lang="ja-JP" altLang="en-US" sz="1100" dirty="0" smtClean="0">
                <a:latin typeface="ＭＳ Ｐ明朝" pitchFamily="18" charset="-128"/>
                <a:ea typeface="ＭＳ Ｐ明朝" pitchFamily="18" charset="-128"/>
              </a:rPr>
              <a:t>本地域は、百貨店に代表される繁華街として発展し、また大阪駅前ビルの再開発、ハービス</a:t>
            </a:r>
            <a:r>
              <a:rPr lang="en-US" altLang="ja-JP" sz="1100" dirty="0" smtClean="0">
                <a:latin typeface="ＭＳ Ｐ明朝" pitchFamily="18" charset="-128"/>
                <a:ea typeface="ＭＳ Ｐ明朝" pitchFamily="18" charset="-128"/>
              </a:rPr>
              <a:t>OSAKA</a:t>
            </a:r>
            <a:r>
              <a:rPr lang="ja-JP" altLang="en-US" sz="1100" dirty="0" smtClean="0">
                <a:latin typeface="ＭＳ Ｐ明朝" pitchFamily="18" charset="-128"/>
                <a:ea typeface="ＭＳ Ｐ明朝" pitchFamily="18" charset="-128"/>
              </a:rPr>
              <a:t>などの西梅田再開発などによりオフィスビルの建設が続き、関西の業務・商業機能の中枢を担ってきたエリアである。</a:t>
            </a:r>
            <a:endParaRPr lang="en-US" altLang="ja-JP" sz="1100" dirty="0" smtClean="0">
              <a:latin typeface="ＭＳ Ｐ明朝" pitchFamily="18" charset="-128"/>
              <a:ea typeface="ＭＳ Ｐ明朝" pitchFamily="18" charset="-128"/>
            </a:endParaRPr>
          </a:p>
          <a:p>
            <a:pPr marL="180975" indent="-85725">
              <a:buFont typeface="Arial" pitchFamily="34" charset="0"/>
              <a:buChar char="•"/>
            </a:pPr>
            <a:r>
              <a:rPr lang="ja-JP" altLang="en-US" sz="1100" dirty="0" smtClean="0">
                <a:latin typeface="ＭＳ Ｐ明朝" pitchFamily="18" charset="-128"/>
                <a:ea typeface="ＭＳ Ｐ明朝" pitchFamily="18" charset="-128"/>
              </a:rPr>
              <a:t>近年も、梅田阪急ビルやグランフロント大阪等の大型オフィスビルが順次完成するとともに、阪急百貨店建替、大丸百貨店増床等により、新宿駅周辺の店舗面積（約</a:t>
            </a:r>
            <a:r>
              <a:rPr lang="en-US" altLang="ja-JP" sz="1100" dirty="0" smtClean="0">
                <a:latin typeface="ＭＳ Ｐ明朝" pitchFamily="18" charset="-128"/>
                <a:ea typeface="ＭＳ Ｐ明朝" pitchFamily="18" charset="-128"/>
              </a:rPr>
              <a:t>21.7</a:t>
            </a:r>
            <a:r>
              <a:rPr lang="ja-JP" altLang="en-US" sz="1100" dirty="0" smtClean="0">
                <a:latin typeface="ＭＳ Ｐ明朝" pitchFamily="18" charset="-128"/>
                <a:ea typeface="ＭＳ Ｐ明朝" pitchFamily="18" charset="-128"/>
              </a:rPr>
              <a:t>万㎡</a:t>
            </a:r>
            <a:r>
              <a:rPr lang="en-US" altLang="ja-JP" sz="1100" dirty="0" smtClean="0">
                <a:latin typeface="ＭＳ Ｐ明朝" pitchFamily="18" charset="-128"/>
                <a:ea typeface="ＭＳ Ｐ明朝" pitchFamily="18" charset="-128"/>
              </a:rPr>
              <a:t>)</a:t>
            </a:r>
            <a:r>
              <a:rPr lang="ja-JP" altLang="en-US" sz="1100" dirty="0" smtClean="0">
                <a:latin typeface="ＭＳ Ｐ明朝" pitchFamily="18" charset="-128"/>
                <a:ea typeface="ＭＳ Ｐ明朝" pitchFamily="18" charset="-128"/>
              </a:rPr>
              <a:t>を凌ぎ、約</a:t>
            </a:r>
            <a:r>
              <a:rPr lang="en-US" altLang="ja-JP" sz="1100" dirty="0" smtClean="0">
                <a:latin typeface="ＭＳ Ｐ明朝" pitchFamily="18" charset="-128"/>
                <a:ea typeface="ＭＳ Ｐ明朝" pitchFamily="18" charset="-128"/>
              </a:rPr>
              <a:t>32.5</a:t>
            </a:r>
            <a:r>
              <a:rPr lang="ja-JP" altLang="en-US" sz="1100" dirty="0" smtClean="0">
                <a:latin typeface="ＭＳ Ｐ明朝" pitchFamily="18" charset="-128"/>
                <a:ea typeface="ＭＳ Ｐ明朝" pitchFamily="18" charset="-128"/>
              </a:rPr>
              <a:t>万㎡の店舗面積を要する「日本一の百貨店の集積地」となっている。</a:t>
            </a:r>
            <a:r>
              <a:rPr lang="en-US" altLang="ja-JP" sz="1100" dirty="0" smtClean="0">
                <a:latin typeface="ＭＳ Ｐ明朝" pitchFamily="18" charset="-128"/>
                <a:ea typeface="ＭＳ Ｐ明朝" pitchFamily="18" charset="-128"/>
              </a:rPr>
              <a:t/>
            </a:r>
            <a:br>
              <a:rPr lang="en-US" altLang="ja-JP" sz="1100" dirty="0" smtClean="0">
                <a:latin typeface="ＭＳ Ｐ明朝" pitchFamily="18" charset="-128"/>
                <a:ea typeface="ＭＳ Ｐ明朝" pitchFamily="18" charset="-128"/>
              </a:rPr>
            </a:br>
            <a:r>
              <a:rPr lang="ja-JP" altLang="en-US" sz="900" dirty="0" smtClean="0">
                <a:latin typeface="ＭＳ Ｐ明朝" pitchFamily="18" charset="-128"/>
                <a:ea typeface="ＭＳ Ｐ明朝" pitchFamily="18" charset="-128"/>
              </a:rPr>
              <a:t>（出所：日本政策投資銀行「大阪における百貨店業界の展望」）</a:t>
            </a:r>
            <a:endParaRPr lang="en-US" altLang="ja-JP" sz="900" dirty="0" smtClean="0">
              <a:latin typeface="ＭＳ Ｐ明朝" pitchFamily="18" charset="-128"/>
              <a:ea typeface="ＭＳ Ｐ明朝" pitchFamily="18" charset="-128"/>
            </a:endParaRPr>
          </a:p>
          <a:p>
            <a:pPr marL="85725" indent="-85725"/>
            <a:endParaRPr lang="en-US" altLang="ja-JP" sz="1100" dirty="0" smtClean="0">
              <a:latin typeface="ＭＳ Ｐ明朝" pitchFamily="18" charset="-128"/>
              <a:ea typeface="ＭＳ Ｐ明朝" pitchFamily="18" charset="-128"/>
            </a:endParaRPr>
          </a:p>
          <a:p>
            <a:pPr marL="85725" indent="-85725"/>
            <a:r>
              <a:rPr lang="en-US" altLang="ja-JP" sz="1100" dirty="0" smtClean="0">
                <a:latin typeface="ＭＳ Ｐ明朝" pitchFamily="18" charset="-128"/>
                <a:ea typeface="ＭＳ Ｐ明朝" pitchFamily="18" charset="-128"/>
              </a:rPr>
              <a:t>【</a:t>
            </a:r>
            <a:r>
              <a:rPr lang="ja-JP" altLang="en-US" sz="1100" dirty="0" smtClean="0">
                <a:latin typeface="+mn-ea"/>
              </a:rPr>
              <a:t>土地利用の課題</a:t>
            </a:r>
            <a:r>
              <a:rPr lang="en-US" altLang="ja-JP" sz="1100" dirty="0" smtClean="0">
                <a:latin typeface="+mn-ea"/>
              </a:rPr>
              <a:t>】</a:t>
            </a:r>
          </a:p>
          <a:p>
            <a:pPr marL="180975" indent="-85725">
              <a:buFont typeface="Arial" pitchFamily="34" charset="0"/>
              <a:buChar char="•"/>
            </a:pPr>
            <a:r>
              <a:rPr lang="ja-JP" altLang="en-US" sz="1100" dirty="0" smtClean="0">
                <a:latin typeface="ＭＳ Ｐ明朝" pitchFamily="18" charset="-128"/>
                <a:ea typeface="ＭＳ Ｐ明朝" pitchFamily="18" charset="-128"/>
              </a:rPr>
              <a:t>業務・商業の中枢である一方、これまで、各開発がバラバラに実施されてきており、大阪駅周辺で一体性のあるまちづくりが不十分。</a:t>
            </a:r>
            <a:endParaRPr lang="en-US" altLang="ja-JP" sz="1100" dirty="0" smtClean="0">
              <a:latin typeface="ＭＳ Ｐ明朝" pitchFamily="18" charset="-128"/>
              <a:ea typeface="ＭＳ Ｐ明朝" pitchFamily="18" charset="-128"/>
            </a:endParaRPr>
          </a:p>
          <a:p>
            <a:pPr marL="180975" indent="-85725">
              <a:buFont typeface="Arial" pitchFamily="34" charset="0"/>
              <a:buChar char="•"/>
            </a:pPr>
            <a:r>
              <a:rPr lang="ja-JP" altLang="en-US" sz="1100" dirty="0" smtClean="0">
                <a:latin typeface="ＭＳ Ｐ明朝" pitchFamily="18" charset="-128"/>
                <a:ea typeface="ＭＳ Ｐ明朝" pitchFamily="18" charset="-128"/>
              </a:rPr>
              <a:t>今後、うめきた</a:t>
            </a:r>
            <a:r>
              <a:rPr lang="en-US" altLang="ja-JP" sz="1100" dirty="0" smtClean="0">
                <a:latin typeface="ＭＳ Ｐ明朝" pitchFamily="18" charset="-128"/>
                <a:ea typeface="ＭＳ Ｐ明朝" pitchFamily="18" charset="-128"/>
              </a:rPr>
              <a:t>2</a:t>
            </a:r>
            <a:r>
              <a:rPr lang="ja-JP" altLang="en-US" sz="1100" dirty="0" smtClean="0">
                <a:latin typeface="ＭＳ Ｐ明朝" pitchFamily="18" charset="-128"/>
                <a:ea typeface="ＭＳ Ｐ明朝" pitchFamily="18" charset="-128"/>
              </a:rPr>
              <a:t>期区域の開発、阪神百貨店・新阪急ビルの一体建替、中央郵便局跡地開発などが予定されており、さらなる都市機能の集積が期待される。</a:t>
            </a:r>
          </a:p>
          <a:p>
            <a:endParaRPr lang="en-US" altLang="ja-JP" sz="1100" dirty="0" smtClean="0">
              <a:latin typeface="ＭＳ Ｐ明朝" pitchFamily="18" charset="-128"/>
              <a:ea typeface="ＭＳ Ｐ明朝" pitchFamily="18" charset="-128"/>
            </a:endParaRPr>
          </a:p>
          <a:p>
            <a:r>
              <a:rPr lang="en-US" altLang="ja-JP" sz="1100" dirty="0" smtClean="0">
                <a:latin typeface="+mn-ea"/>
              </a:rPr>
              <a:t>【</a:t>
            </a:r>
            <a:r>
              <a:rPr lang="ja-JP" altLang="en-US" sz="1100" dirty="0" smtClean="0">
                <a:latin typeface="+mn-ea"/>
              </a:rPr>
              <a:t>交通インフラの課題</a:t>
            </a:r>
            <a:r>
              <a:rPr lang="en-US" altLang="ja-JP" sz="1100" dirty="0" smtClean="0">
                <a:latin typeface="+mn-ea"/>
              </a:rPr>
              <a:t>】</a:t>
            </a:r>
          </a:p>
          <a:p>
            <a:pPr marL="173038" indent="-85725">
              <a:buFont typeface="Arial" pitchFamily="34" charset="0"/>
              <a:buChar char="•"/>
            </a:pPr>
            <a:r>
              <a:rPr lang="ja-JP" altLang="en-US" sz="1100" dirty="0" smtClean="0">
                <a:latin typeface="ＭＳ Ｐ明朝" pitchFamily="18" charset="-128"/>
                <a:ea typeface="ＭＳ Ｐ明朝" pitchFamily="18" charset="-128"/>
              </a:rPr>
              <a:t>地上駅、地下駅が混在し、大量の歩行者の動線確保のため、地上、地下のネットワークが発達しているが、上下の移動が多く、経路も分かりにくい。</a:t>
            </a:r>
            <a:endParaRPr lang="en-US" altLang="ja-JP" sz="1100" dirty="0" smtClean="0">
              <a:latin typeface="ＭＳ Ｐ明朝" pitchFamily="18" charset="-128"/>
              <a:ea typeface="ＭＳ Ｐ明朝" pitchFamily="18" charset="-128"/>
            </a:endParaRPr>
          </a:p>
          <a:p>
            <a:pPr marL="173038" indent="-85725">
              <a:buFont typeface="Arial" pitchFamily="34" charset="0"/>
              <a:buChar char="•"/>
            </a:pPr>
            <a:r>
              <a:rPr lang="en-US" altLang="ja-JP" sz="1100" dirty="0" smtClean="0">
                <a:latin typeface="ＭＳ Ｐ明朝" pitchFamily="18" charset="-128"/>
                <a:ea typeface="ＭＳ Ｐ明朝" pitchFamily="18" charset="-128"/>
              </a:rPr>
              <a:t>1942</a:t>
            </a:r>
            <a:r>
              <a:rPr lang="ja-JP" altLang="en-US" sz="1100" dirty="0" smtClean="0">
                <a:latin typeface="ＭＳ Ｐ明朝" pitchFamily="18" charset="-128"/>
                <a:ea typeface="ＭＳ Ｐ明朝" pitchFamily="18" charset="-128"/>
              </a:rPr>
              <a:t>年の大阪駅前地下道（面積約</a:t>
            </a:r>
            <a:r>
              <a:rPr lang="en-US" altLang="ja-JP" sz="1100" dirty="0" smtClean="0">
                <a:latin typeface="ＭＳ Ｐ明朝" pitchFamily="18" charset="-128"/>
                <a:ea typeface="ＭＳ Ｐ明朝" pitchFamily="18" charset="-128"/>
              </a:rPr>
              <a:t>6</a:t>
            </a:r>
            <a:r>
              <a:rPr lang="ja-JP" altLang="en-US" sz="1100" dirty="0" smtClean="0">
                <a:latin typeface="ＭＳ Ｐ明朝" pitchFamily="18" charset="-128"/>
                <a:ea typeface="ＭＳ Ｐ明朝" pitchFamily="18" charset="-128"/>
              </a:rPr>
              <a:t>千㎡）の開通以降、</a:t>
            </a:r>
            <a:r>
              <a:rPr lang="en-US" altLang="ja-JP" sz="1100" dirty="0" smtClean="0">
                <a:latin typeface="ＭＳ Ｐ明朝" pitchFamily="18" charset="-128"/>
                <a:ea typeface="ＭＳ Ｐ明朝" pitchFamily="18" charset="-128"/>
              </a:rPr>
              <a:t>1960</a:t>
            </a:r>
            <a:r>
              <a:rPr lang="ja-JP" altLang="en-US" sz="1100" dirty="0" smtClean="0">
                <a:latin typeface="ＭＳ Ｐ明朝" pitchFamily="18" charset="-128"/>
                <a:ea typeface="ＭＳ Ｐ明朝" pitchFamily="18" charset="-128"/>
              </a:rPr>
              <a:t>年代には地下街が順次開業し</a:t>
            </a:r>
            <a:r>
              <a:rPr lang="en-US" altLang="ja-JP" sz="1100" dirty="0" smtClean="0">
                <a:latin typeface="ＭＳ Ｐ明朝" pitchFamily="18" charset="-128"/>
                <a:ea typeface="ＭＳ Ｐ明朝" pitchFamily="18" charset="-128"/>
              </a:rPr>
              <a:t>1988</a:t>
            </a:r>
            <a:r>
              <a:rPr lang="ja-JP" altLang="en-US" sz="1100" dirty="0" smtClean="0">
                <a:latin typeface="ＭＳ Ｐ明朝" pitchFamily="18" charset="-128"/>
                <a:ea typeface="ＭＳ Ｐ明朝" pitchFamily="18" charset="-128"/>
              </a:rPr>
              <a:t>年頃に約</a:t>
            </a:r>
            <a:r>
              <a:rPr lang="en-US" altLang="ja-JP" sz="1100" dirty="0" smtClean="0">
                <a:latin typeface="ＭＳ Ｐ明朝" pitchFamily="18" charset="-128"/>
                <a:ea typeface="ＭＳ Ｐ明朝" pitchFamily="18" charset="-128"/>
              </a:rPr>
              <a:t>4.5</a:t>
            </a:r>
            <a:r>
              <a:rPr lang="ja-JP" altLang="en-US" sz="1100" dirty="0" smtClean="0">
                <a:latin typeface="ＭＳ Ｐ明朝" pitchFamily="18" charset="-128"/>
                <a:ea typeface="ＭＳ Ｐ明朝" pitchFamily="18" charset="-128"/>
              </a:rPr>
              <a:t>万㎡となり、現在では約</a:t>
            </a:r>
            <a:r>
              <a:rPr lang="en-US" altLang="ja-JP" sz="1100" dirty="0" smtClean="0">
                <a:latin typeface="ＭＳ Ｐ明朝" pitchFamily="18" charset="-128"/>
                <a:ea typeface="ＭＳ Ｐ明朝" pitchFamily="18" charset="-128"/>
              </a:rPr>
              <a:t>7.7</a:t>
            </a:r>
            <a:r>
              <a:rPr lang="ja-JP" altLang="en-US" sz="1100" dirty="0" smtClean="0">
                <a:latin typeface="ＭＳ Ｐ明朝" pitchFamily="18" charset="-128"/>
                <a:ea typeface="ＭＳ Ｐ明朝" pitchFamily="18" charset="-128"/>
              </a:rPr>
              <a:t>万㎡（甲子園球場の約</a:t>
            </a:r>
            <a:r>
              <a:rPr lang="en-US" altLang="ja-JP" sz="1100" dirty="0" smtClean="0">
                <a:latin typeface="ＭＳ Ｐ明朝" pitchFamily="18" charset="-128"/>
                <a:ea typeface="ＭＳ Ｐ明朝" pitchFamily="18" charset="-128"/>
              </a:rPr>
              <a:t>2</a:t>
            </a:r>
            <a:r>
              <a:rPr lang="ja-JP" altLang="en-US" sz="1100" dirty="0" smtClean="0">
                <a:latin typeface="ＭＳ Ｐ明朝" pitchFamily="18" charset="-128"/>
                <a:ea typeface="ＭＳ Ｐ明朝" pitchFamily="18" charset="-128"/>
              </a:rPr>
              <a:t>個分）の広さを有している。</a:t>
            </a:r>
            <a:endParaRPr lang="en-US" altLang="ja-JP" sz="1100" dirty="0" smtClean="0">
              <a:latin typeface="ＭＳ Ｐ明朝" pitchFamily="18" charset="-128"/>
              <a:ea typeface="ＭＳ Ｐ明朝" pitchFamily="18" charset="-128"/>
            </a:endParaRPr>
          </a:p>
          <a:p>
            <a:pPr marL="173038" indent="-85725">
              <a:buFont typeface="Arial" pitchFamily="34" charset="0"/>
              <a:buChar char="•"/>
            </a:pPr>
            <a:r>
              <a:rPr lang="ja-JP" altLang="en-US" sz="1100" dirty="0" smtClean="0">
                <a:latin typeface="ＭＳ Ｐ明朝" pitchFamily="18" charset="-128"/>
                <a:ea typeface="ＭＳ Ｐ明朝" pitchFamily="18" charset="-128"/>
              </a:rPr>
              <a:t>一方、経路が迷路状で分かりにくく、老朽化も進行している。</a:t>
            </a:r>
            <a:endParaRPr lang="en-US" altLang="ja-JP" sz="1100" dirty="0" smtClean="0">
              <a:latin typeface="ＭＳ Ｐ明朝" pitchFamily="18" charset="-128"/>
              <a:ea typeface="ＭＳ Ｐ明朝" pitchFamily="18" charset="-128"/>
            </a:endParaRPr>
          </a:p>
          <a:p>
            <a:endParaRPr lang="en-US" altLang="ja-JP" sz="1100" dirty="0" smtClean="0">
              <a:latin typeface="ＭＳ 明朝" pitchFamily="17" charset="-128"/>
              <a:ea typeface="ＭＳ 明朝" pitchFamily="17" charset="-128"/>
            </a:endParaRPr>
          </a:p>
        </p:txBody>
      </p:sp>
      <p:pic>
        <p:nvPicPr>
          <p:cNvPr id="1027" name="Picture 3"/>
          <p:cNvPicPr>
            <a:picLocks noChangeAspect="1" noChangeArrowheads="1"/>
          </p:cNvPicPr>
          <p:nvPr/>
        </p:nvPicPr>
        <p:blipFill>
          <a:blip r:embed="rId4" cstate="email">
            <a:lum bright="-4000"/>
          </a:blip>
          <a:srcRect/>
          <a:stretch>
            <a:fillRect/>
          </a:stretch>
        </p:blipFill>
        <p:spPr bwMode="auto">
          <a:xfrm>
            <a:off x="7868945" y="680820"/>
            <a:ext cx="1731962" cy="2088232"/>
          </a:xfrm>
          <a:prstGeom prst="rect">
            <a:avLst/>
          </a:prstGeom>
          <a:noFill/>
          <a:ln w="9525">
            <a:solidFill>
              <a:schemeClr val="bg1">
                <a:lumMod val="50000"/>
              </a:schemeClr>
            </a:solidFill>
            <a:miter lim="800000"/>
            <a:headEnd/>
            <a:tailEnd/>
          </a:ln>
        </p:spPr>
      </p:pic>
      <p:sp>
        <p:nvSpPr>
          <p:cNvPr id="9" name="角丸四角形 8"/>
          <p:cNvSpPr/>
          <p:nvPr/>
        </p:nvSpPr>
        <p:spPr>
          <a:xfrm>
            <a:off x="8660881" y="1538382"/>
            <a:ext cx="57171" cy="114341"/>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0" name="テキスト ボックス 9"/>
          <p:cNvSpPr txBox="1"/>
          <p:nvPr/>
        </p:nvSpPr>
        <p:spPr>
          <a:xfrm>
            <a:off x="7886152" y="1112869"/>
            <a:ext cx="877234" cy="253916"/>
          </a:xfrm>
          <a:prstGeom prst="rect">
            <a:avLst/>
          </a:prstGeom>
          <a:noFill/>
        </p:spPr>
        <p:txBody>
          <a:bodyPr wrap="square" rtlCol="0">
            <a:spAutoFit/>
          </a:bodyPr>
          <a:lstStyle/>
          <a:p>
            <a:r>
              <a:rPr kumimoji="1" lang="ja-JP" altLang="en-US" sz="1050" dirty="0" smtClean="0"/>
              <a:t>大阪駅周辺</a:t>
            </a:r>
            <a:endParaRPr kumimoji="1" lang="ja-JP" altLang="en-US" sz="1050" dirty="0"/>
          </a:p>
        </p:txBody>
      </p:sp>
      <p:cxnSp>
        <p:nvCxnSpPr>
          <p:cNvPr id="12" name="直線矢印コネクタ 11"/>
          <p:cNvCxnSpPr/>
          <p:nvPr/>
        </p:nvCxnSpPr>
        <p:spPr>
          <a:xfrm>
            <a:off x="8260685" y="1366866"/>
            <a:ext cx="400194" cy="171512"/>
          </a:xfrm>
          <a:prstGeom prst="straightConnector1">
            <a:avLst/>
          </a:prstGeom>
          <a:ln w="1905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7" name="正方形/長方形 16"/>
          <p:cNvSpPr/>
          <p:nvPr/>
        </p:nvSpPr>
        <p:spPr>
          <a:xfrm rot="19932706">
            <a:off x="5808291" y="3777164"/>
            <a:ext cx="936104"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rPr>
              <a:t>ＪＲ大阪駅</a:t>
            </a:r>
            <a:endParaRPr kumimoji="1" lang="ja-JP" altLang="en-US" sz="1000" dirty="0">
              <a:solidFill>
                <a:schemeClr val="tx1"/>
              </a:solidFill>
            </a:endParaRPr>
          </a:p>
        </p:txBody>
      </p:sp>
      <p:sp>
        <p:nvSpPr>
          <p:cNvPr id="18" name="正方形/長方形 17"/>
          <p:cNvSpPr/>
          <p:nvPr/>
        </p:nvSpPr>
        <p:spPr>
          <a:xfrm rot="20950457">
            <a:off x="6957514" y="2330361"/>
            <a:ext cx="579337" cy="21602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schemeClr val="tx1"/>
                </a:solidFill>
              </a:rPr>
              <a:t>阪急</a:t>
            </a:r>
            <a:endParaRPr lang="en-US" altLang="ja-JP" sz="1000" dirty="0" smtClean="0">
              <a:solidFill>
                <a:schemeClr val="tx1"/>
              </a:solidFill>
            </a:endParaRPr>
          </a:p>
          <a:p>
            <a:pPr algn="ctr"/>
            <a:r>
              <a:rPr lang="ja-JP" altLang="en-US" sz="1000" dirty="0" smtClean="0">
                <a:solidFill>
                  <a:schemeClr val="tx1"/>
                </a:solidFill>
              </a:rPr>
              <a:t>梅田駅</a:t>
            </a:r>
            <a:endParaRPr kumimoji="1" lang="ja-JP" altLang="en-US" sz="1000" dirty="0">
              <a:solidFill>
                <a:schemeClr val="tx1"/>
              </a:solidFill>
            </a:endParaRPr>
          </a:p>
        </p:txBody>
      </p:sp>
      <p:sp>
        <p:nvSpPr>
          <p:cNvPr id="19" name="正方形/長方形 18"/>
          <p:cNvSpPr/>
          <p:nvPr/>
        </p:nvSpPr>
        <p:spPr>
          <a:xfrm rot="19705390">
            <a:off x="6332938" y="4349335"/>
            <a:ext cx="790391" cy="103866"/>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ja-JP" altLang="en-US" sz="1000" dirty="0" smtClean="0">
                <a:solidFill>
                  <a:schemeClr val="tx1"/>
                </a:solidFill>
              </a:rPr>
              <a:t>阪神梅田駅</a:t>
            </a:r>
            <a:endParaRPr kumimoji="1" lang="ja-JP" altLang="en-US" sz="1000" dirty="0">
              <a:solidFill>
                <a:schemeClr val="tx1"/>
              </a:solidFill>
            </a:endParaRPr>
          </a:p>
        </p:txBody>
      </p:sp>
      <p:sp>
        <p:nvSpPr>
          <p:cNvPr id="21" name="正方形/長方形 20"/>
          <p:cNvSpPr/>
          <p:nvPr/>
        </p:nvSpPr>
        <p:spPr>
          <a:xfrm rot="20455671">
            <a:off x="6921044" y="3085303"/>
            <a:ext cx="137680" cy="959550"/>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dirty="0" smtClean="0">
                <a:solidFill>
                  <a:schemeClr val="tx1"/>
                </a:solidFill>
              </a:rPr>
              <a:t>御堂筋線梅田駅</a:t>
            </a:r>
            <a:endParaRPr kumimoji="1" lang="ja-JP" altLang="en-US" sz="1000" dirty="0">
              <a:solidFill>
                <a:schemeClr val="tx1"/>
              </a:solidFill>
            </a:endParaRPr>
          </a:p>
        </p:txBody>
      </p:sp>
      <p:sp>
        <p:nvSpPr>
          <p:cNvPr id="23" name="正方形/長方形 22"/>
          <p:cNvSpPr/>
          <p:nvPr/>
        </p:nvSpPr>
        <p:spPr>
          <a:xfrm rot="195582">
            <a:off x="6153391" y="4712802"/>
            <a:ext cx="132864" cy="866792"/>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spc="-100" dirty="0" smtClean="0">
                <a:solidFill>
                  <a:schemeClr val="tx1"/>
                </a:solidFill>
              </a:rPr>
              <a:t>四つ橋線西梅田駅</a:t>
            </a:r>
            <a:endParaRPr kumimoji="1" lang="ja-JP" altLang="en-US" sz="1000" spc="-100" dirty="0">
              <a:solidFill>
                <a:schemeClr val="tx1"/>
              </a:solidFill>
            </a:endParaRPr>
          </a:p>
        </p:txBody>
      </p:sp>
      <p:sp>
        <p:nvSpPr>
          <p:cNvPr id="25" name="AutoShape 38"/>
          <p:cNvSpPr>
            <a:spLocks noChangeAspect="1" noChangeArrowheads="1"/>
          </p:cNvSpPr>
          <p:nvPr/>
        </p:nvSpPr>
        <p:spPr bwMode="auto">
          <a:xfrm rot="20492464">
            <a:off x="7976910" y="5093558"/>
            <a:ext cx="216112" cy="542907"/>
          </a:xfrm>
          <a:prstGeom prst="roundRect">
            <a:avLst>
              <a:gd name="adj" fmla="val 50000"/>
            </a:avLst>
          </a:prstGeom>
          <a:solidFill>
            <a:schemeClr val="bg1"/>
          </a:solidFill>
          <a:ln w="15875">
            <a:solidFill>
              <a:srgbClr val="000000"/>
            </a:solidFill>
            <a:round/>
            <a:headEnd/>
            <a:tailEnd/>
          </a:ln>
        </p:spPr>
        <p:txBody>
          <a:bodyPr vert="eaVert" lIns="7200" tIns="18000" rIns="18000" bIns="18000" anchor="ctr" anchorCtr="1">
            <a:spAutoFit/>
          </a:bodyPr>
          <a:lstStyle/>
          <a:p>
            <a:pPr algn="ctr" eaLnBrk="0" hangingPunct="0">
              <a:lnSpc>
                <a:spcPts val="1000"/>
              </a:lnSpc>
            </a:pPr>
            <a:r>
              <a:rPr kumimoji="0" lang="ja-JP" altLang="en-US" sz="1100" dirty="0">
                <a:latin typeface="ＭＳ ゴシック" pitchFamily="49" charset="-128"/>
                <a:ea typeface="ＭＳ ゴシック" pitchFamily="49" charset="-128"/>
              </a:rPr>
              <a:t>御堂筋</a:t>
            </a:r>
          </a:p>
        </p:txBody>
      </p:sp>
      <p:sp>
        <p:nvSpPr>
          <p:cNvPr id="26" name="AutoShape 38"/>
          <p:cNvSpPr>
            <a:spLocks noChangeAspect="1" noChangeArrowheads="1"/>
          </p:cNvSpPr>
          <p:nvPr/>
        </p:nvSpPr>
        <p:spPr bwMode="auto">
          <a:xfrm rot="239097">
            <a:off x="7110840" y="5809035"/>
            <a:ext cx="748345" cy="231447"/>
          </a:xfrm>
          <a:prstGeom prst="roundRect">
            <a:avLst>
              <a:gd name="adj" fmla="val 50000"/>
            </a:avLst>
          </a:prstGeom>
          <a:solidFill>
            <a:schemeClr val="bg1"/>
          </a:solidFill>
          <a:ln w="15875">
            <a:solidFill>
              <a:srgbClr val="000000"/>
            </a:solidFill>
            <a:round/>
            <a:headEnd/>
            <a:tailEnd/>
          </a:ln>
        </p:spPr>
        <p:txBody>
          <a:bodyPr wrap="square" lIns="18000" tIns="18000" rIns="18000" bIns="18000" anchor="ctr" anchorCtr="1">
            <a:spAutoFit/>
          </a:bodyPr>
          <a:lstStyle/>
          <a:p>
            <a:pPr algn="ctr" eaLnBrk="0" hangingPunct="0">
              <a:lnSpc>
                <a:spcPts val="1000"/>
              </a:lnSpc>
            </a:pPr>
            <a:r>
              <a:rPr kumimoji="0" lang="ja-JP" altLang="en-US" sz="1100" dirty="0">
                <a:latin typeface="ＭＳ ゴシック" pitchFamily="49" charset="-128"/>
                <a:ea typeface="ＭＳ ゴシック" pitchFamily="49" charset="-128"/>
              </a:rPr>
              <a:t>国道</a:t>
            </a:r>
            <a:r>
              <a:rPr kumimoji="0" lang="en-US" altLang="ja-JP" sz="1100" dirty="0">
                <a:latin typeface="ＭＳ ゴシック" pitchFamily="49" charset="-128"/>
                <a:ea typeface="ＭＳ ゴシック" pitchFamily="49" charset="-128"/>
              </a:rPr>
              <a:t>2</a:t>
            </a:r>
            <a:r>
              <a:rPr kumimoji="0" lang="ja-JP" altLang="en-US" sz="1100" dirty="0">
                <a:latin typeface="ＭＳ ゴシック" pitchFamily="49" charset="-128"/>
                <a:ea typeface="ＭＳ ゴシック" pitchFamily="49" charset="-128"/>
              </a:rPr>
              <a:t>号</a:t>
            </a:r>
          </a:p>
        </p:txBody>
      </p:sp>
      <p:sp>
        <p:nvSpPr>
          <p:cNvPr id="29" name="正方形/長方形 28"/>
          <p:cNvSpPr/>
          <p:nvPr/>
        </p:nvSpPr>
        <p:spPr>
          <a:xfrm>
            <a:off x="7083039" y="3511132"/>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kumimoji="1" lang="ja-JP" altLang="en-US" sz="1200" dirty="0" smtClean="0">
                <a:solidFill>
                  <a:schemeClr val="tx1"/>
                </a:solidFill>
              </a:rPr>
              <a:t>⑦</a:t>
            </a:r>
            <a:endParaRPr kumimoji="1" lang="ja-JP" altLang="en-US" sz="1200" dirty="0">
              <a:solidFill>
                <a:schemeClr val="tx1"/>
              </a:solidFill>
            </a:endParaRPr>
          </a:p>
        </p:txBody>
      </p:sp>
      <p:sp>
        <p:nvSpPr>
          <p:cNvPr id="38" name="フリーフォーム 37"/>
          <p:cNvSpPr/>
          <p:nvPr/>
        </p:nvSpPr>
        <p:spPr>
          <a:xfrm>
            <a:off x="4251265" y="1100168"/>
            <a:ext cx="1629034" cy="3623684"/>
          </a:xfrm>
          <a:custGeom>
            <a:avLst/>
            <a:gdLst>
              <a:gd name="connsiteX0" fmla="*/ 596900 w 1117600"/>
              <a:gd name="connsiteY0" fmla="*/ 31750 h 2305050"/>
              <a:gd name="connsiteX1" fmla="*/ 1035050 w 1117600"/>
              <a:gd name="connsiteY1" fmla="*/ 0 h 2305050"/>
              <a:gd name="connsiteX2" fmla="*/ 1117600 w 1117600"/>
              <a:gd name="connsiteY2" fmla="*/ 374650 h 2305050"/>
              <a:gd name="connsiteX3" fmla="*/ 628650 w 1117600"/>
              <a:gd name="connsiteY3" fmla="*/ 419100 h 2305050"/>
              <a:gd name="connsiteX4" fmla="*/ 793750 w 1117600"/>
              <a:gd name="connsiteY4" fmla="*/ 1758950 h 2305050"/>
              <a:gd name="connsiteX5" fmla="*/ 768350 w 1117600"/>
              <a:gd name="connsiteY5" fmla="*/ 2184400 h 2305050"/>
              <a:gd name="connsiteX6" fmla="*/ 0 w 1117600"/>
              <a:gd name="connsiteY6" fmla="*/ 2305050 h 2305050"/>
              <a:gd name="connsiteX7" fmla="*/ 95250 w 1117600"/>
              <a:gd name="connsiteY7" fmla="*/ 1295400 h 2305050"/>
              <a:gd name="connsiteX8" fmla="*/ 488950 w 1117600"/>
              <a:gd name="connsiteY8" fmla="*/ 304800 h 2305050"/>
              <a:gd name="connsiteX9" fmla="*/ 520700 w 1117600"/>
              <a:gd name="connsiteY9" fmla="*/ 254000 h 2305050"/>
              <a:gd name="connsiteX10" fmla="*/ 527050 w 1117600"/>
              <a:gd name="connsiteY10" fmla="*/ 234950 h 2305050"/>
              <a:gd name="connsiteX11" fmla="*/ 596900 w 1117600"/>
              <a:gd name="connsiteY11" fmla="*/ 31750 h 2305050"/>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0 w 1892796"/>
              <a:gd name="connsiteY6" fmla="*/ 4249266 h 4249266"/>
              <a:gd name="connsiteX7" fmla="*/ 870446 w 1892796"/>
              <a:gd name="connsiteY7" fmla="*/ 1295400 h 4249266"/>
              <a:gd name="connsiteX8" fmla="*/ 1264146 w 1892796"/>
              <a:gd name="connsiteY8" fmla="*/ 304800 h 4249266"/>
              <a:gd name="connsiteX9" fmla="*/ 1295896 w 1892796"/>
              <a:gd name="connsiteY9" fmla="*/ 254000 h 4249266"/>
              <a:gd name="connsiteX10" fmla="*/ 1302246 w 1892796"/>
              <a:gd name="connsiteY10" fmla="*/ 234950 h 4249266"/>
              <a:gd name="connsiteX11" fmla="*/ 1372096 w 1892796"/>
              <a:gd name="connsiteY11" fmla="*/ 31750 h 4249266"/>
              <a:gd name="connsiteX0" fmla="*/ 1372096 w 1892796"/>
              <a:gd name="connsiteY0" fmla="*/ 31750 h 4249266"/>
              <a:gd name="connsiteX1" fmla="*/ 1810246 w 1892796"/>
              <a:gd name="connsiteY1" fmla="*/ 0 h 4249266"/>
              <a:gd name="connsiteX2" fmla="*/ 1892796 w 1892796"/>
              <a:gd name="connsiteY2" fmla="*/ 374650 h 4249266"/>
              <a:gd name="connsiteX3" fmla="*/ 1403846 w 1892796"/>
              <a:gd name="connsiteY3" fmla="*/ 419100 h 4249266"/>
              <a:gd name="connsiteX4" fmla="*/ 1568946 w 1892796"/>
              <a:gd name="connsiteY4" fmla="*/ 1758950 h 4249266"/>
              <a:gd name="connsiteX5" fmla="*/ 1543546 w 1892796"/>
              <a:gd name="connsiteY5" fmla="*/ 2184400 h 4249266"/>
              <a:gd name="connsiteX6" fmla="*/ 504056 w 1892796"/>
              <a:gd name="connsiteY6" fmla="*/ 3889226 h 4249266"/>
              <a:gd name="connsiteX7" fmla="*/ 0 w 1892796"/>
              <a:gd name="connsiteY7" fmla="*/ 4249266 h 4249266"/>
              <a:gd name="connsiteX8" fmla="*/ 870446 w 1892796"/>
              <a:gd name="connsiteY8" fmla="*/ 1295400 h 4249266"/>
              <a:gd name="connsiteX9" fmla="*/ 1264146 w 1892796"/>
              <a:gd name="connsiteY9" fmla="*/ 304800 h 4249266"/>
              <a:gd name="connsiteX10" fmla="*/ 1295896 w 1892796"/>
              <a:gd name="connsiteY10" fmla="*/ 254000 h 4249266"/>
              <a:gd name="connsiteX11" fmla="*/ 1302246 w 1892796"/>
              <a:gd name="connsiteY11" fmla="*/ 234950 h 4249266"/>
              <a:gd name="connsiteX12" fmla="*/ 1372096 w 1892796"/>
              <a:gd name="connsiteY12" fmla="*/ 31750 h 4249266"/>
              <a:gd name="connsiteX0" fmla="*/ 1228080 w 1748780"/>
              <a:gd name="connsiteY0" fmla="*/ 31750 h 3889226"/>
              <a:gd name="connsiteX1" fmla="*/ 1666230 w 1748780"/>
              <a:gd name="connsiteY1" fmla="*/ 0 h 3889226"/>
              <a:gd name="connsiteX2" fmla="*/ 1748780 w 1748780"/>
              <a:gd name="connsiteY2" fmla="*/ 374650 h 3889226"/>
              <a:gd name="connsiteX3" fmla="*/ 1259830 w 1748780"/>
              <a:gd name="connsiteY3" fmla="*/ 419100 h 3889226"/>
              <a:gd name="connsiteX4" fmla="*/ 1424930 w 1748780"/>
              <a:gd name="connsiteY4" fmla="*/ 1758950 h 3889226"/>
              <a:gd name="connsiteX5" fmla="*/ 1399530 w 1748780"/>
              <a:gd name="connsiteY5" fmla="*/ 2184400 h 3889226"/>
              <a:gd name="connsiteX6" fmla="*/ 360040 w 1748780"/>
              <a:gd name="connsiteY6" fmla="*/ 3889226 h 3889226"/>
              <a:gd name="connsiteX7" fmla="*/ 0 w 1748780"/>
              <a:gd name="connsiteY7" fmla="*/ 3745210 h 3889226"/>
              <a:gd name="connsiteX8" fmla="*/ 726430 w 1748780"/>
              <a:gd name="connsiteY8" fmla="*/ 1295400 h 3889226"/>
              <a:gd name="connsiteX9" fmla="*/ 1120130 w 1748780"/>
              <a:gd name="connsiteY9" fmla="*/ 304800 h 3889226"/>
              <a:gd name="connsiteX10" fmla="*/ 1151880 w 1748780"/>
              <a:gd name="connsiteY10" fmla="*/ 254000 h 3889226"/>
              <a:gd name="connsiteX11" fmla="*/ 1158230 w 1748780"/>
              <a:gd name="connsiteY11" fmla="*/ 234950 h 3889226"/>
              <a:gd name="connsiteX12" fmla="*/ 1228080 w 1748780"/>
              <a:gd name="connsiteY12" fmla="*/ 31750 h 3889226"/>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432048 w 1748780"/>
              <a:gd name="connsiteY6" fmla="*/ 3457178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48780"/>
              <a:gd name="connsiteY0" fmla="*/ 31750 h 3893377"/>
              <a:gd name="connsiteX1" fmla="*/ 1666230 w 1748780"/>
              <a:gd name="connsiteY1" fmla="*/ 0 h 3893377"/>
              <a:gd name="connsiteX2" fmla="*/ 1748780 w 1748780"/>
              <a:gd name="connsiteY2" fmla="*/ 374650 h 3893377"/>
              <a:gd name="connsiteX3" fmla="*/ 1259830 w 1748780"/>
              <a:gd name="connsiteY3" fmla="*/ 419100 h 3893377"/>
              <a:gd name="connsiteX4" fmla="*/ 1424930 w 1748780"/>
              <a:gd name="connsiteY4" fmla="*/ 1758950 h 3893377"/>
              <a:gd name="connsiteX5" fmla="*/ 1399530 w 1748780"/>
              <a:gd name="connsiteY5" fmla="*/ 2184400 h 3893377"/>
              <a:gd name="connsiteX6" fmla="*/ 0 w 1748780"/>
              <a:gd name="connsiteY6" fmla="*/ 3745210 h 3893377"/>
              <a:gd name="connsiteX7" fmla="*/ 726430 w 1748780"/>
              <a:gd name="connsiteY7" fmla="*/ 1295400 h 3893377"/>
              <a:gd name="connsiteX8" fmla="*/ 1120130 w 1748780"/>
              <a:gd name="connsiteY8" fmla="*/ 304800 h 3893377"/>
              <a:gd name="connsiteX9" fmla="*/ 1151880 w 1748780"/>
              <a:gd name="connsiteY9" fmla="*/ 254000 h 3893377"/>
              <a:gd name="connsiteX10" fmla="*/ 1158230 w 1748780"/>
              <a:gd name="connsiteY10" fmla="*/ 234950 h 3893377"/>
              <a:gd name="connsiteX11" fmla="*/ 1228080 w 1748780"/>
              <a:gd name="connsiteY11" fmla="*/ 31750 h 3893377"/>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989685"/>
              <a:gd name="connsiteX1" fmla="*/ 1666230 w 1748780"/>
              <a:gd name="connsiteY1" fmla="*/ 0 h 3989685"/>
              <a:gd name="connsiteX2" fmla="*/ 1748780 w 1748780"/>
              <a:gd name="connsiteY2" fmla="*/ 374650 h 3989685"/>
              <a:gd name="connsiteX3" fmla="*/ 1259830 w 1748780"/>
              <a:gd name="connsiteY3" fmla="*/ 419100 h 3989685"/>
              <a:gd name="connsiteX4" fmla="*/ 1424930 w 1748780"/>
              <a:gd name="connsiteY4" fmla="*/ 1758950 h 3989685"/>
              <a:gd name="connsiteX5" fmla="*/ 1399530 w 1748780"/>
              <a:gd name="connsiteY5" fmla="*/ 2184400 h 3989685"/>
              <a:gd name="connsiteX6" fmla="*/ 1296144 w 1748780"/>
              <a:gd name="connsiteY6" fmla="*/ 2809106 h 3989685"/>
              <a:gd name="connsiteX7" fmla="*/ 0 w 1748780"/>
              <a:gd name="connsiteY7" fmla="*/ 3745210 h 3989685"/>
              <a:gd name="connsiteX8" fmla="*/ 726430 w 1748780"/>
              <a:gd name="connsiteY8" fmla="*/ 1295400 h 3989685"/>
              <a:gd name="connsiteX9" fmla="*/ 1120130 w 1748780"/>
              <a:gd name="connsiteY9" fmla="*/ 304800 h 3989685"/>
              <a:gd name="connsiteX10" fmla="*/ 1151880 w 1748780"/>
              <a:gd name="connsiteY10" fmla="*/ 254000 h 3989685"/>
              <a:gd name="connsiteX11" fmla="*/ 1158230 w 1748780"/>
              <a:gd name="connsiteY11" fmla="*/ 234950 h 3989685"/>
              <a:gd name="connsiteX12" fmla="*/ 1228080 w 1748780"/>
              <a:gd name="connsiteY12" fmla="*/ 31750 h 3989685"/>
              <a:gd name="connsiteX0" fmla="*/ 1228080 w 1748780"/>
              <a:gd name="connsiteY0" fmla="*/ 31750 h 3745210"/>
              <a:gd name="connsiteX1" fmla="*/ 1666230 w 1748780"/>
              <a:gd name="connsiteY1" fmla="*/ 0 h 3745210"/>
              <a:gd name="connsiteX2" fmla="*/ 1748780 w 1748780"/>
              <a:gd name="connsiteY2" fmla="*/ 374650 h 3745210"/>
              <a:gd name="connsiteX3" fmla="*/ 1259830 w 1748780"/>
              <a:gd name="connsiteY3" fmla="*/ 419100 h 3745210"/>
              <a:gd name="connsiteX4" fmla="*/ 1424930 w 1748780"/>
              <a:gd name="connsiteY4" fmla="*/ 1758950 h 3745210"/>
              <a:gd name="connsiteX5" fmla="*/ 1399530 w 1748780"/>
              <a:gd name="connsiteY5" fmla="*/ 2184400 h 3745210"/>
              <a:gd name="connsiteX6" fmla="*/ 1296144 w 1748780"/>
              <a:gd name="connsiteY6" fmla="*/ 2809106 h 3745210"/>
              <a:gd name="connsiteX7" fmla="*/ 0 w 1748780"/>
              <a:gd name="connsiteY7" fmla="*/ 3745210 h 3745210"/>
              <a:gd name="connsiteX8" fmla="*/ 726430 w 1748780"/>
              <a:gd name="connsiteY8" fmla="*/ 1295400 h 3745210"/>
              <a:gd name="connsiteX9" fmla="*/ 1120130 w 1748780"/>
              <a:gd name="connsiteY9" fmla="*/ 304800 h 3745210"/>
              <a:gd name="connsiteX10" fmla="*/ 1151880 w 1748780"/>
              <a:gd name="connsiteY10" fmla="*/ 254000 h 3745210"/>
              <a:gd name="connsiteX11" fmla="*/ 1158230 w 1748780"/>
              <a:gd name="connsiteY11" fmla="*/ 234950 h 3745210"/>
              <a:gd name="connsiteX12" fmla="*/ 1228080 w 1748780"/>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1750 h 3745210"/>
              <a:gd name="connsiteX1" fmla="*/ 1666230 w 1728192"/>
              <a:gd name="connsiteY1" fmla="*/ 0 h 3745210"/>
              <a:gd name="connsiteX2" fmla="*/ 1728192 w 1728192"/>
              <a:gd name="connsiteY2" fmla="*/ 360834 h 3745210"/>
              <a:gd name="connsiteX3" fmla="*/ 1259830 w 1728192"/>
              <a:gd name="connsiteY3" fmla="*/ 419100 h 3745210"/>
              <a:gd name="connsiteX4" fmla="*/ 1424930 w 1728192"/>
              <a:gd name="connsiteY4" fmla="*/ 1758950 h 3745210"/>
              <a:gd name="connsiteX5" fmla="*/ 1399530 w 1728192"/>
              <a:gd name="connsiteY5" fmla="*/ 2184400 h 3745210"/>
              <a:gd name="connsiteX6" fmla="*/ 1296144 w 1728192"/>
              <a:gd name="connsiteY6" fmla="*/ 2809106 h 3745210"/>
              <a:gd name="connsiteX7" fmla="*/ 0 w 1728192"/>
              <a:gd name="connsiteY7" fmla="*/ 3745210 h 3745210"/>
              <a:gd name="connsiteX8" fmla="*/ 726430 w 1728192"/>
              <a:gd name="connsiteY8" fmla="*/ 1295400 h 3745210"/>
              <a:gd name="connsiteX9" fmla="*/ 1120130 w 1728192"/>
              <a:gd name="connsiteY9" fmla="*/ 304800 h 3745210"/>
              <a:gd name="connsiteX10" fmla="*/ 1151880 w 1728192"/>
              <a:gd name="connsiteY10" fmla="*/ 254000 h 3745210"/>
              <a:gd name="connsiteX11" fmla="*/ 1158230 w 1728192"/>
              <a:gd name="connsiteY11" fmla="*/ 234950 h 3745210"/>
              <a:gd name="connsiteX12" fmla="*/ 1228080 w 1728192"/>
              <a:gd name="connsiteY12" fmla="*/ 31750 h 3745210"/>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8230 w 1728192"/>
              <a:gd name="connsiteY11" fmla="*/ 234156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1120130 w 1728192"/>
              <a:gd name="connsiteY9" fmla="*/ 304006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15188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52128 w 1728192"/>
              <a:gd name="connsiteY11" fmla="*/ 216024 h 3744416"/>
              <a:gd name="connsiteX12" fmla="*/ 1228080 w 1728192"/>
              <a:gd name="connsiteY12"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228080 w 1728192"/>
              <a:gd name="connsiteY0" fmla="*/ 309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228080 w 1728192"/>
              <a:gd name="connsiteY11" fmla="*/ 30956 h 3744416"/>
              <a:gd name="connsiteX0" fmla="*/ 1139180 w 1728192"/>
              <a:gd name="connsiteY0" fmla="*/ 43656 h 3744416"/>
              <a:gd name="connsiteX1" fmla="*/ 1656184 w 1728192"/>
              <a:gd name="connsiteY1" fmla="*/ 0 h 3744416"/>
              <a:gd name="connsiteX2" fmla="*/ 1728192 w 1728192"/>
              <a:gd name="connsiteY2" fmla="*/ 360040 h 3744416"/>
              <a:gd name="connsiteX3" fmla="*/ 1259830 w 1728192"/>
              <a:gd name="connsiteY3" fmla="*/ 418306 h 3744416"/>
              <a:gd name="connsiteX4" fmla="*/ 1424930 w 1728192"/>
              <a:gd name="connsiteY4" fmla="*/ 1758156 h 3744416"/>
              <a:gd name="connsiteX5" fmla="*/ 1399530 w 1728192"/>
              <a:gd name="connsiteY5" fmla="*/ 2183606 h 3744416"/>
              <a:gd name="connsiteX6" fmla="*/ 1296144 w 1728192"/>
              <a:gd name="connsiteY6" fmla="*/ 2808312 h 3744416"/>
              <a:gd name="connsiteX7" fmla="*/ 0 w 1728192"/>
              <a:gd name="connsiteY7" fmla="*/ 3744416 h 3744416"/>
              <a:gd name="connsiteX8" fmla="*/ 726430 w 1728192"/>
              <a:gd name="connsiteY8" fmla="*/ 1294606 h 3744416"/>
              <a:gd name="connsiteX9" fmla="*/ 936104 w 1728192"/>
              <a:gd name="connsiteY9" fmla="*/ 576064 h 3744416"/>
              <a:gd name="connsiteX10" fmla="*/ 1069330 w 1728192"/>
              <a:gd name="connsiteY10" fmla="*/ 253206 h 3744416"/>
              <a:gd name="connsiteX11" fmla="*/ 1139180 w 1728192"/>
              <a:gd name="connsiteY11" fmla="*/ 43656 h 37444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069330 w 1728192"/>
              <a:gd name="connsiteY10" fmla="*/ 265906 h 3757116"/>
              <a:gd name="connsiteX11" fmla="*/ 1139180 w 1728192"/>
              <a:gd name="connsiteY11"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936104 w 1728192"/>
              <a:gd name="connsiteY9" fmla="*/ 588764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726430 w 1728192"/>
              <a:gd name="connsiteY8" fmla="*/ 1307306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1139180 w 1728192"/>
              <a:gd name="connsiteY0" fmla="*/ 56356 h 3757116"/>
              <a:gd name="connsiteX1" fmla="*/ 1649834 w 1728192"/>
              <a:gd name="connsiteY1" fmla="*/ 0 h 3757116"/>
              <a:gd name="connsiteX2" fmla="*/ 1728192 w 1728192"/>
              <a:gd name="connsiteY2" fmla="*/ 372740 h 3757116"/>
              <a:gd name="connsiteX3" fmla="*/ 1259830 w 1728192"/>
              <a:gd name="connsiteY3" fmla="*/ 431006 h 3757116"/>
              <a:gd name="connsiteX4" fmla="*/ 1424930 w 1728192"/>
              <a:gd name="connsiteY4" fmla="*/ 1770856 h 3757116"/>
              <a:gd name="connsiteX5" fmla="*/ 1399530 w 1728192"/>
              <a:gd name="connsiteY5" fmla="*/ 2196306 h 3757116"/>
              <a:gd name="connsiteX6" fmla="*/ 1296144 w 1728192"/>
              <a:gd name="connsiteY6" fmla="*/ 2821012 h 3757116"/>
              <a:gd name="connsiteX7" fmla="*/ 0 w 1728192"/>
              <a:gd name="connsiteY7" fmla="*/ 3757116 h 3757116"/>
              <a:gd name="connsiteX8" fmla="*/ 669280 w 1728192"/>
              <a:gd name="connsiteY8" fmla="*/ 1432768 h 3757116"/>
              <a:gd name="connsiteX9" fmla="*/ 828030 w 1728192"/>
              <a:gd name="connsiteY9" fmla="*/ 786606 h 3757116"/>
              <a:gd name="connsiteX10" fmla="*/ 1139180 w 1728192"/>
              <a:gd name="connsiteY10" fmla="*/ 56356 h 3757116"/>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152128 w 1584176"/>
              <a:gd name="connsiteY6" fmla="*/ 2821012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84014 w 1584176"/>
              <a:gd name="connsiteY9" fmla="*/ 786606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995164 w 1584176"/>
              <a:gd name="connsiteY9"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5264 w 1584176"/>
              <a:gd name="connsiteY8" fmla="*/ 143276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02022 w 1584176"/>
              <a:gd name="connsiteY8" fmla="*/ 1465014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23230 w 1584176"/>
              <a:gd name="connsiteY8" fmla="*/ 1484560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696590 w 1584176"/>
              <a:gd name="connsiteY9" fmla="*/ 73464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720080 w 1584176"/>
              <a:gd name="connsiteY9" fmla="*/ 732780 h 3613100"/>
              <a:gd name="connsiteX10" fmla="*/ 995164 w 1584176"/>
              <a:gd name="connsiteY10" fmla="*/ 56356 h 3613100"/>
              <a:gd name="connsiteX0" fmla="*/ 995164 w 1584176"/>
              <a:gd name="connsiteY0" fmla="*/ 56356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995164 w 1584176"/>
              <a:gd name="connsiteY10" fmla="*/ 56356 h 3613100"/>
              <a:gd name="connsiteX0" fmla="*/ 1080120 w 1584176"/>
              <a:gd name="connsiteY0" fmla="*/ 84708 h 3613100"/>
              <a:gd name="connsiteX1" fmla="*/ 1505818 w 1584176"/>
              <a:gd name="connsiteY1" fmla="*/ 0 h 3613100"/>
              <a:gd name="connsiteX2" fmla="*/ 1584176 w 1584176"/>
              <a:gd name="connsiteY2" fmla="*/ 372740 h 3613100"/>
              <a:gd name="connsiteX3" fmla="*/ 1115814 w 1584176"/>
              <a:gd name="connsiteY3" fmla="*/ 431006 h 3613100"/>
              <a:gd name="connsiteX4" fmla="*/ 1280914 w 1584176"/>
              <a:gd name="connsiteY4" fmla="*/ 1770856 h 3613100"/>
              <a:gd name="connsiteX5" fmla="*/ 1255514 w 1584176"/>
              <a:gd name="connsiteY5" fmla="*/ 2196306 h 3613100"/>
              <a:gd name="connsiteX6" fmla="*/ 1224136 w 1584176"/>
              <a:gd name="connsiteY6" fmla="*/ 2749004 h 3613100"/>
              <a:gd name="connsiteX7" fmla="*/ 0 w 1584176"/>
              <a:gd name="connsiteY7" fmla="*/ 3613100 h 3613100"/>
              <a:gd name="connsiteX8" fmla="*/ 563488 w 1584176"/>
              <a:gd name="connsiteY8" fmla="*/ 1451148 h 3613100"/>
              <a:gd name="connsiteX9" fmla="*/ 864096 w 1584176"/>
              <a:gd name="connsiteY9" fmla="*/ 732780 h 3613100"/>
              <a:gd name="connsiteX10" fmla="*/ 1080120 w 1584176"/>
              <a:gd name="connsiteY10" fmla="*/ 84708 h 3613100"/>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0 w 1624502"/>
              <a:gd name="connsiteY7" fmla="*/ 3631972 h 3631972"/>
              <a:gd name="connsiteX8" fmla="*/ 603814 w 1624502"/>
              <a:gd name="connsiteY8" fmla="*/ 1451148 h 3631972"/>
              <a:gd name="connsiteX9" fmla="*/ 904422 w 1624502"/>
              <a:gd name="connsiteY9" fmla="*/ 732780 h 3631972"/>
              <a:gd name="connsiteX10" fmla="*/ 1120446 w 1624502"/>
              <a:gd name="connsiteY10" fmla="*/ 84708 h 3631972"/>
              <a:gd name="connsiteX0" fmla="*/ 1120446 w 1624502"/>
              <a:gd name="connsiteY0" fmla="*/ 84708 h 3631972"/>
              <a:gd name="connsiteX1" fmla="*/ 1546144 w 1624502"/>
              <a:gd name="connsiteY1" fmla="*/ 0 h 3631972"/>
              <a:gd name="connsiteX2" fmla="*/ 1624502 w 1624502"/>
              <a:gd name="connsiteY2" fmla="*/ 372740 h 3631972"/>
              <a:gd name="connsiteX3" fmla="*/ 1156140 w 1624502"/>
              <a:gd name="connsiteY3" fmla="*/ 431006 h 3631972"/>
              <a:gd name="connsiteX4" fmla="*/ 1321240 w 1624502"/>
              <a:gd name="connsiteY4" fmla="*/ 1770856 h 3631972"/>
              <a:gd name="connsiteX5" fmla="*/ 1295840 w 1624502"/>
              <a:gd name="connsiteY5" fmla="*/ 2196306 h 3631972"/>
              <a:gd name="connsiteX6" fmla="*/ 1264462 w 1624502"/>
              <a:gd name="connsiteY6" fmla="*/ 2749004 h 3631972"/>
              <a:gd name="connsiteX7" fmla="*/ 37048 w 1624502"/>
              <a:gd name="connsiteY7" fmla="*/ 3623684 h 3631972"/>
              <a:gd name="connsiteX8" fmla="*/ 0 w 1624502"/>
              <a:gd name="connsiteY8" fmla="*/ 3631972 h 3631972"/>
              <a:gd name="connsiteX9" fmla="*/ 603814 w 1624502"/>
              <a:gd name="connsiteY9" fmla="*/ 1451148 h 3631972"/>
              <a:gd name="connsiteX10" fmla="*/ 904422 w 1624502"/>
              <a:gd name="connsiteY10" fmla="*/ 732780 h 3631972"/>
              <a:gd name="connsiteX11" fmla="*/ 1120446 w 1624502"/>
              <a:gd name="connsiteY11" fmla="*/ 84708 h 3631972"/>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608346 w 1629034"/>
              <a:gd name="connsiteY9" fmla="*/ 1451148 h 3623684"/>
              <a:gd name="connsiteX10" fmla="*/ 908954 w 1629034"/>
              <a:gd name="connsiteY10" fmla="*/ 732780 h 3623684"/>
              <a:gd name="connsiteX11" fmla="*/ 1124978 w 1629034"/>
              <a:gd name="connsiteY11"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08346 w 1629034"/>
              <a:gd name="connsiteY10" fmla="*/ 1451148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908954 w 1629034"/>
              <a:gd name="connsiteY11" fmla="*/ 732780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124978 w 1629034"/>
              <a:gd name="connsiteY12" fmla="*/ 84708 h 3623684"/>
              <a:gd name="connsiteX0" fmla="*/ 1124978 w 1629034"/>
              <a:gd name="connsiteY0" fmla="*/ 84708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24978 w 1629034"/>
              <a:gd name="connsiteY13" fmla="*/ 84708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672 w 1629034"/>
              <a:gd name="connsiteY3" fmla="*/ 431006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35695 w 1629034"/>
              <a:gd name="connsiteY3" fmla="*/ 422357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 name="connsiteX0" fmla="*/ 1131688 w 1629034"/>
              <a:gd name="connsiteY0" fmla="*/ 51326 h 3623684"/>
              <a:gd name="connsiteX1" fmla="*/ 1550676 w 1629034"/>
              <a:gd name="connsiteY1" fmla="*/ 0 h 3623684"/>
              <a:gd name="connsiteX2" fmla="*/ 1629034 w 1629034"/>
              <a:gd name="connsiteY2" fmla="*/ 372740 h 3623684"/>
              <a:gd name="connsiteX3" fmla="*/ 1160512 w 1629034"/>
              <a:gd name="connsiteY3" fmla="*/ 413708 h 3623684"/>
              <a:gd name="connsiteX4" fmla="*/ 1325772 w 1629034"/>
              <a:gd name="connsiteY4" fmla="*/ 1770856 h 3623684"/>
              <a:gd name="connsiteX5" fmla="*/ 1300372 w 1629034"/>
              <a:gd name="connsiteY5" fmla="*/ 2196306 h 3623684"/>
              <a:gd name="connsiteX6" fmla="*/ 1268994 w 1629034"/>
              <a:gd name="connsiteY6" fmla="*/ 2749004 h 3623684"/>
              <a:gd name="connsiteX7" fmla="*/ 41580 w 1629034"/>
              <a:gd name="connsiteY7" fmla="*/ 3623684 h 3623684"/>
              <a:gd name="connsiteX8" fmla="*/ 0 w 1629034"/>
              <a:gd name="connsiteY8" fmla="*/ 3619157 h 3623684"/>
              <a:gd name="connsiteX9" fmla="*/ 409924 w 1629034"/>
              <a:gd name="connsiteY9" fmla="*/ 2103780 h 3623684"/>
              <a:gd name="connsiteX10" fmla="*/ 617400 w 1629034"/>
              <a:gd name="connsiteY10" fmla="*/ 1387774 h 3623684"/>
              <a:gd name="connsiteX11" fmla="*/ 832000 w 1629034"/>
              <a:gd name="connsiteY11" fmla="*/ 660352 h 3623684"/>
              <a:gd name="connsiteX12" fmla="*/ 1011231 w 1629034"/>
              <a:gd name="connsiteY12" fmla="*/ 268174 h 3623684"/>
              <a:gd name="connsiteX13" fmla="*/ 1131688 w 1629034"/>
              <a:gd name="connsiteY13" fmla="*/ 51326 h 362368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629034" h="3623684">
                <a:moveTo>
                  <a:pt x="1131688" y="51326"/>
                </a:moveTo>
                <a:lnTo>
                  <a:pt x="1550676" y="0"/>
                </a:lnTo>
                <a:lnTo>
                  <a:pt x="1629034" y="372740"/>
                </a:lnTo>
                <a:lnTo>
                  <a:pt x="1160512" y="413708"/>
                </a:lnTo>
                <a:lnTo>
                  <a:pt x="1325772" y="1770856"/>
                </a:lnTo>
                <a:lnTo>
                  <a:pt x="1300372" y="2196306"/>
                </a:lnTo>
                <a:lnTo>
                  <a:pt x="1268994" y="2749004"/>
                </a:lnTo>
                <a:lnTo>
                  <a:pt x="41580" y="3623684"/>
                </a:lnTo>
                <a:lnTo>
                  <a:pt x="0" y="3619157"/>
                </a:lnTo>
                <a:lnTo>
                  <a:pt x="409924" y="2103780"/>
                </a:lnTo>
                <a:lnTo>
                  <a:pt x="617400" y="1387774"/>
                </a:lnTo>
                <a:lnTo>
                  <a:pt x="832000" y="660352"/>
                </a:lnTo>
                <a:lnTo>
                  <a:pt x="1011231" y="268174"/>
                </a:lnTo>
                <a:lnTo>
                  <a:pt x="1131688" y="51326"/>
                </a:lnTo>
                <a:close/>
              </a:path>
            </a:pathLst>
          </a:custGeom>
          <a:solidFill>
            <a:srgbClr val="C00000">
              <a:alpha val="65000"/>
            </a:srgbClr>
          </a:solidFill>
          <a:ln w="19050">
            <a:solidFill>
              <a:schemeClr val="accent1">
                <a:shade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9" name="フリーフォーム 38"/>
          <p:cNvSpPr/>
          <p:nvPr/>
        </p:nvSpPr>
        <p:spPr>
          <a:xfrm>
            <a:off x="4029410" y="1063846"/>
            <a:ext cx="3995737" cy="5270439"/>
          </a:xfrm>
          <a:custGeom>
            <a:avLst/>
            <a:gdLst>
              <a:gd name="connsiteX0" fmla="*/ 968721 w 3268301"/>
              <a:gd name="connsiteY0" fmla="*/ 149383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68721 w 3268301"/>
              <a:gd name="connsiteY6" fmla="*/ 149383 h 1810693"/>
              <a:gd name="connsiteX0" fmla="*/ 989171 w 3268301"/>
              <a:gd name="connsiteY0" fmla="*/ 165077 h 1810693"/>
              <a:gd name="connsiteX1" fmla="*/ 2385588 w 3268301"/>
              <a:gd name="connsiteY1" fmla="*/ 0 h 1810693"/>
              <a:gd name="connsiteX2" fmla="*/ 3223034 w 3268301"/>
              <a:gd name="connsiteY2" fmla="*/ 1484769 h 1810693"/>
              <a:gd name="connsiteX3" fmla="*/ 3268301 w 3268301"/>
              <a:gd name="connsiteY3" fmla="*/ 1797113 h 1810693"/>
              <a:gd name="connsiteX4" fmla="*/ 2915216 w 3268301"/>
              <a:gd name="connsiteY4" fmla="*/ 1810693 h 1810693"/>
              <a:gd name="connsiteX5" fmla="*/ 0 w 3268301"/>
              <a:gd name="connsiteY5" fmla="*/ 1797113 h 1810693"/>
              <a:gd name="connsiteX6" fmla="*/ 989171 w 3268301"/>
              <a:gd name="connsiteY6" fmla="*/ 165077 h 1810693"/>
              <a:gd name="connsiteX0" fmla="*/ 792088 w 3071218"/>
              <a:gd name="connsiteY0" fmla="*/ 165077 h 2325317"/>
              <a:gd name="connsiteX1" fmla="*/ 2188505 w 3071218"/>
              <a:gd name="connsiteY1" fmla="*/ 0 h 2325317"/>
              <a:gd name="connsiteX2" fmla="*/ 3025951 w 3071218"/>
              <a:gd name="connsiteY2" fmla="*/ 1484769 h 2325317"/>
              <a:gd name="connsiteX3" fmla="*/ 3071218 w 3071218"/>
              <a:gd name="connsiteY3" fmla="*/ 1797113 h 2325317"/>
              <a:gd name="connsiteX4" fmla="*/ 2718133 w 3071218"/>
              <a:gd name="connsiteY4" fmla="*/ 1810693 h 2325317"/>
              <a:gd name="connsiteX5" fmla="*/ 0 w 3071218"/>
              <a:gd name="connsiteY5" fmla="*/ 2325317 h 2325317"/>
              <a:gd name="connsiteX6" fmla="*/ 792088 w 3071218"/>
              <a:gd name="connsiteY6" fmla="*/ 165077 h 2325317"/>
              <a:gd name="connsiteX0" fmla="*/ 792088 w 3071218"/>
              <a:gd name="connsiteY0" fmla="*/ 165077 h 4197525"/>
              <a:gd name="connsiteX1" fmla="*/ 2188505 w 3071218"/>
              <a:gd name="connsiteY1" fmla="*/ 0 h 4197525"/>
              <a:gd name="connsiteX2" fmla="*/ 3025951 w 3071218"/>
              <a:gd name="connsiteY2" fmla="*/ 1484769 h 4197525"/>
              <a:gd name="connsiteX3" fmla="*/ 3071218 w 3071218"/>
              <a:gd name="connsiteY3" fmla="*/ 1797113 h 4197525"/>
              <a:gd name="connsiteX4" fmla="*/ 2718133 w 3071218"/>
              <a:gd name="connsiteY4" fmla="*/ 1810693 h 4197525"/>
              <a:gd name="connsiteX5" fmla="*/ 936103 w 3071218"/>
              <a:gd name="connsiteY5" fmla="*/ 4197525 h 4197525"/>
              <a:gd name="connsiteX6" fmla="*/ 0 w 3071218"/>
              <a:gd name="connsiteY6" fmla="*/ 2325317 h 4197525"/>
              <a:gd name="connsiteX7" fmla="*/ 792088 w 3071218"/>
              <a:gd name="connsiteY7" fmla="*/ 165077 h 4197525"/>
              <a:gd name="connsiteX0" fmla="*/ 792088 w 3096343"/>
              <a:gd name="connsiteY0" fmla="*/ 165077 h 4485557"/>
              <a:gd name="connsiteX1" fmla="*/ 2188505 w 3096343"/>
              <a:gd name="connsiteY1" fmla="*/ 0 h 4485557"/>
              <a:gd name="connsiteX2" fmla="*/ 3025951 w 3096343"/>
              <a:gd name="connsiteY2" fmla="*/ 1484769 h 4485557"/>
              <a:gd name="connsiteX3" fmla="*/ 3071218 w 3096343"/>
              <a:gd name="connsiteY3" fmla="*/ 1797113 h 4485557"/>
              <a:gd name="connsiteX4" fmla="*/ 2718133 w 3096343"/>
              <a:gd name="connsiteY4" fmla="*/ 1810693 h 4485557"/>
              <a:gd name="connsiteX5" fmla="*/ 3096343 w 3096343"/>
              <a:gd name="connsiteY5" fmla="*/ 4485557 h 4485557"/>
              <a:gd name="connsiteX6" fmla="*/ 936103 w 3096343"/>
              <a:gd name="connsiteY6" fmla="*/ 4197525 h 4485557"/>
              <a:gd name="connsiteX7" fmla="*/ 0 w 3096343"/>
              <a:gd name="connsiteY7" fmla="*/ 2325317 h 4485557"/>
              <a:gd name="connsiteX8" fmla="*/ 792088 w 3096343"/>
              <a:gd name="connsiteY8" fmla="*/ 165077 h 4485557"/>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296144 w 3456384"/>
              <a:gd name="connsiteY6" fmla="*/ 4197525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456384"/>
              <a:gd name="connsiteY0" fmla="*/ 165077 h 5421661"/>
              <a:gd name="connsiteX1" fmla="*/ 2548546 w 3456384"/>
              <a:gd name="connsiteY1" fmla="*/ 0 h 5421661"/>
              <a:gd name="connsiteX2" fmla="*/ 3385992 w 3456384"/>
              <a:gd name="connsiteY2" fmla="*/ 1484769 h 5421661"/>
              <a:gd name="connsiteX3" fmla="*/ 3431259 w 3456384"/>
              <a:gd name="connsiteY3" fmla="*/ 1797113 h 5421661"/>
              <a:gd name="connsiteX4" fmla="*/ 3078174 w 3456384"/>
              <a:gd name="connsiteY4" fmla="*/ 1810693 h 5421661"/>
              <a:gd name="connsiteX5" fmla="*/ 3456384 w 3456384"/>
              <a:gd name="connsiteY5" fmla="*/ 4485557 h 5421661"/>
              <a:gd name="connsiteX6" fmla="*/ 1683939 w 3456384"/>
              <a:gd name="connsiteY6" fmla="*/ 4703276 h 5421661"/>
              <a:gd name="connsiteX7" fmla="*/ 0 w 3456384"/>
              <a:gd name="connsiteY7" fmla="*/ 5421661 h 5421661"/>
              <a:gd name="connsiteX8" fmla="*/ 360041 w 3456384"/>
              <a:gd name="connsiteY8" fmla="*/ 2325317 h 5421661"/>
              <a:gd name="connsiteX9" fmla="*/ 1152129 w 3456384"/>
              <a:gd name="connsiteY9" fmla="*/ 165077 h 5421661"/>
              <a:gd name="connsiteX0" fmla="*/ 1152129 w 3827576"/>
              <a:gd name="connsiteY0" fmla="*/ 165077 h 5421661"/>
              <a:gd name="connsiteX1" fmla="*/ 2548546 w 3827576"/>
              <a:gd name="connsiteY1" fmla="*/ 0 h 5421661"/>
              <a:gd name="connsiteX2" fmla="*/ 3385992 w 3827576"/>
              <a:gd name="connsiteY2" fmla="*/ 1484769 h 5421661"/>
              <a:gd name="connsiteX3" fmla="*/ 3431259 w 3827576"/>
              <a:gd name="connsiteY3" fmla="*/ 1797113 h 5421661"/>
              <a:gd name="connsiteX4" fmla="*/ 3078174 w 3827576"/>
              <a:gd name="connsiteY4" fmla="*/ 1810693 h 5421661"/>
              <a:gd name="connsiteX5" fmla="*/ 3827576 w 3827576"/>
              <a:gd name="connsiteY5" fmla="*/ 4811482 h 5421661"/>
              <a:gd name="connsiteX6" fmla="*/ 1683939 w 3827576"/>
              <a:gd name="connsiteY6" fmla="*/ 4703276 h 5421661"/>
              <a:gd name="connsiteX7" fmla="*/ 0 w 3827576"/>
              <a:gd name="connsiteY7" fmla="*/ 5421661 h 5421661"/>
              <a:gd name="connsiteX8" fmla="*/ 360041 w 3827576"/>
              <a:gd name="connsiteY8" fmla="*/ 2325317 h 5421661"/>
              <a:gd name="connsiteX9" fmla="*/ 1152129 w 3827576"/>
              <a:gd name="connsiteY9"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599963 w 4067498"/>
              <a:gd name="connsiteY9" fmla="*/ 2325317 h 5421661"/>
              <a:gd name="connsiteX10" fmla="*/ 1392051 w 4067498"/>
              <a:gd name="connsiteY10"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4067498 w 4067498"/>
              <a:gd name="connsiteY5" fmla="*/ 4811482 h 5421661"/>
              <a:gd name="connsiteX6" fmla="*/ 1923861 w 4067498"/>
              <a:gd name="connsiteY6" fmla="*/ 4703276 h 5421661"/>
              <a:gd name="connsiteX7" fmla="*/ 239922 w 4067498"/>
              <a:gd name="connsiteY7" fmla="*/ 5421661 h 5421661"/>
              <a:gd name="connsiteX8" fmla="*/ 0 w 4067498"/>
              <a:gd name="connsiteY8" fmla="*/ 4576527 h 5421661"/>
              <a:gd name="connsiteX9" fmla="*/ 67056 w 4067498"/>
              <a:gd name="connsiteY9" fmla="*/ 4245252 h 5421661"/>
              <a:gd name="connsiteX10" fmla="*/ 599963 w 4067498"/>
              <a:gd name="connsiteY10" fmla="*/ 2325317 h 5421661"/>
              <a:gd name="connsiteX11" fmla="*/ 1392051 w 4067498"/>
              <a:gd name="connsiteY11"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636581 w 4067498"/>
              <a:gd name="connsiteY5" fmla="*/ 3418358 h 5421661"/>
              <a:gd name="connsiteX6" fmla="*/ 4067498 w 4067498"/>
              <a:gd name="connsiteY6" fmla="*/ 4811482 h 5421661"/>
              <a:gd name="connsiteX7" fmla="*/ 1923861 w 4067498"/>
              <a:gd name="connsiteY7" fmla="*/ 4703276 h 5421661"/>
              <a:gd name="connsiteX8" fmla="*/ 239922 w 4067498"/>
              <a:gd name="connsiteY8" fmla="*/ 5421661 h 5421661"/>
              <a:gd name="connsiteX9" fmla="*/ 0 w 4067498"/>
              <a:gd name="connsiteY9" fmla="*/ 4576527 h 5421661"/>
              <a:gd name="connsiteX10" fmla="*/ 67056 w 4067498"/>
              <a:gd name="connsiteY10" fmla="*/ 4245252 h 5421661"/>
              <a:gd name="connsiteX11" fmla="*/ 599963 w 4067498"/>
              <a:gd name="connsiteY11" fmla="*/ 2325317 h 5421661"/>
              <a:gd name="connsiteX12" fmla="*/ 1392051 w 4067498"/>
              <a:gd name="connsiteY12"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36581 w 4067498"/>
              <a:gd name="connsiteY6" fmla="*/ 3418358 h 5421661"/>
              <a:gd name="connsiteX7" fmla="*/ 4067498 w 4067498"/>
              <a:gd name="connsiteY7" fmla="*/ 4811482 h 5421661"/>
              <a:gd name="connsiteX8" fmla="*/ 1923861 w 4067498"/>
              <a:gd name="connsiteY8" fmla="*/ 4703276 h 5421661"/>
              <a:gd name="connsiteX9" fmla="*/ 239922 w 4067498"/>
              <a:gd name="connsiteY9" fmla="*/ 5421661 h 5421661"/>
              <a:gd name="connsiteX10" fmla="*/ 0 w 4067498"/>
              <a:gd name="connsiteY10" fmla="*/ 4576527 h 5421661"/>
              <a:gd name="connsiteX11" fmla="*/ 67056 w 4067498"/>
              <a:gd name="connsiteY11" fmla="*/ 4245252 h 5421661"/>
              <a:gd name="connsiteX12" fmla="*/ 599963 w 4067498"/>
              <a:gd name="connsiteY12" fmla="*/ 2325317 h 5421661"/>
              <a:gd name="connsiteX13" fmla="*/ 1392051 w 4067498"/>
              <a:gd name="connsiteY13"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36581 w 4067498"/>
              <a:gd name="connsiteY7" fmla="*/ 3418358 h 5421661"/>
              <a:gd name="connsiteX8" fmla="*/ 4067498 w 4067498"/>
              <a:gd name="connsiteY8" fmla="*/ 4811482 h 5421661"/>
              <a:gd name="connsiteX9" fmla="*/ 1923861 w 4067498"/>
              <a:gd name="connsiteY9" fmla="*/ 4703276 h 5421661"/>
              <a:gd name="connsiteX10" fmla="*/ 239922 w 4067498"/>
              <a:gd name="connsiteY10" fmla="*/ 5421661 h 5421661"/>
              <a:gd name="connsiteX11" fmla="*/ 0 w 4067498"/>
              <a:gd name="connsiteY11" fmla="*/ 4576527 h 5421661"/>
              <a:gd name="connsiteX12" fmla="*/ 67056 w 4067498"/>
              <a:gd name="connsiteY12" fmla="*/ 4245252 h 5421661"/>
              <a:gd name="connsiteX13" fmla="*/ 599963 w 4067498"/>
              <a:gd name="connsiteY13" fmla="*/ 2325317 h 5421661"/>
              <a:gd name="connsiteX14" fmla="*/ 1392051 w 4067498"/>
              <a:gd name="connsiteY14"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671181 w 4067498"/>
              <a:gd name="connsiteY3" fmla="*/ 17971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318096 w 4067498"/>
              <a:gd name="connsiteY4" fmla="*/ 1810693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625914 w 4067498"/>
              <a:gd name="connsiteY2" fmla="*/ 148476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274863 w 4067498"/>
              <a:gd name="connsiteY3" fmla="*/ 1374613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5596 w 4067498"/>
              <a:gd name="connsiteY2" fmla="*/ 770459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3219219 w 4067498"/>
              <a:gd name="connsiteY2" fmla="*/ 686114 h 5421661"/>
              <a:gd name="connsiteX3" fmla="*/ 3373967 w 4067498"/>
              <a:gd name="connsiteY3" fmla="*/ 1144244 h 5421661"/>
              <a:gd name="connsiteX4" fmla="*/ 3526262 w 4067498"/>
              <a:gd name="connsiteY4" fmla="*/ 1723171 h 5421661"/>
              <a:gd name="connsiteX5" fmla="*/ 3716803 w 4067498"/>
              <a:gd name="connsiteY5" fmla="*/ 2509654 h 5421661"/>
              <a:gd name="connsiteX6" fmla="*/ 3646054 w 4067498"/>
              <a:gd name="connsiteY6" fmla="*/ 2992846 h 5421661"/>
              <a:gd name="connsiteX7" fmla="*/ 3623001 w 4067498"/>
              <a:gd name="connsiteY7" fmla="*/ 3329922 h 5421661"/>
              <a:gd name="connsiteX8" fmla="*/ 3636581 w 4067498"/>
              <a:gd name="connsiteY8" fmla="*/ 3418358 h 5421661"/>
              <a:gd name="connsiteX9" fmla="*/ 4067498 w 4067498"/>
              <a:gd name="connsiteY9" fmla="*/ 4811482 h 5421661"/>
              <a:gd name="connsiteX10" fmla="*/ 1923861 w 4067498"/>
              <a:gd name="connsiteY10" fmla="*/ 4703276 h 5421661"/>
              <a:gd name="connsiteX11" fmla="*/ 239922 w 4067498"/>
              <a:gd name="connsiteY11" fmla="*/ 5421661 h 5421661"/>
              <a:gd name="connsiteX12" fmla="*/ 0 w 4067498"/>
              <a:gd name="connsiteY12" fmla="*/ 4576527 h 5421661"/>
              <a:gd name="connsiteX13" fmla="*/ 67056 w 4067498"/>
              <a:gd name="connsiteY13" fmla="*/ 4245252 h 5421661"/>
              <a:gd name="connsiteX14" fmla="*/ 599963 w 4067498"/>
              <a:gd name="connsiteY14" fmla="*/ 2325317 h 5421661"/>
              <a:gd name="connsiteX15" fmla="*/ 1392051 w 4067498"/>
              <a:gd name="connsiteY15"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219219 w 4067498"/>
              <a:gd name="connsiteY3" fmla="*/ 686114 h 5421661"/>
              <a:gd name="connsiteX4" fmla="*/ 3373967 w 4067498"/>
              <a:gd name="connsiteY4" fmla="*/ 1144244 h 5421661"/>
              <a:gd name="connsiteX5" fmla="*/ 3526262 w 4067498"/>
              <a:gd name="connsiteY5" fmla="*/ 1723171 h 5421661"/>
              <a:gd name="connsiteX6" fmla="*/ 3716803 w 4067498"/>
              <a:gd name="connsiteY6" fmla="*/ 2509654 h 5421661"/>
              <a:gd name="connsiteX7" fmla="*/ 3646054 w 4067498"/>
              <a:gd name="connsiteY7" fmla="*/ 2992846 h 5421661"/>
              <a:gd name="connsiteX8" fmla="*/ 3623001 w 4067498"/>
              <a:gd name="connsiteY8" fmla="*/ 3329922 h 5421661"/>
              <a:gd name="connsiteX9" fmla="*/ 3636581 w 4067498"/>
              <a:gd name="connsiteY9" fmla="*/ 3418358 h 5421661"/>
              <a:gd name="connsiteX10" fmla="*/ 4067498 w 4067498"/>
              <a:gd name="connsiteY10" fmla="*/ 4811482 h 5421661"/>
              <a:gd name="connsiteX11" fmla="*/ 1923861 w 4067498"/>
              <a:gd name="connsiteY11" fmla="*/ 4703276 h 5421661"/>
              <a:gd name="connsiteX12" fmla="*/ 239922 w 4067498"/>
              <a:gd name="connsiteY12" fmla="*/ 5421661 h 5421661"/>
              <a:gd name="connsiteX13" fmla="*/ 0 w 4067498"/>
              <a:gd name="connsiteY13" fmla="*/ 4576527 h 5421661"/>
              <a:gd name="connsiteX14" fmla="*/ 67056 w 4067498"/>
              <a:gd name="connsiteY14" fmla="*/ 4245252 h 5421661"/>
              <a:gd name="connsiteX15" fmla="*/ 599963 w 4067498"/>
              <a:gd name="connsiteY15" fmla="*/ 2325317 h 5421661"/>
              <a:gd name="connsiteX16" fmla="*/ 1392051 w 4067498"/>
              <a:gd name="connsiteY16" fmla="*/ 165077 h 5421661"/>
              <a:gd name="connsiteX0" fmla="*/ 1392051 w 4067498"/>
              <a:gd name="connsiteY0" fmla="*/ 165077 h 5421661"/>
              <a:gd name="connsiteX1" fmla="*/ 2788468 w 4067498"/>
              <a:gd name="connsiteY1" fmla="*/ 0 h 5421661"/>
              <a:gd name="connsiteX2" fmla="*/ 2838261 w 4067498"/>
              <a:gd name="connsiteY2" fmla="*/ 230864 h 5421661"/>
              <a:gd name="connsiteX3" fmla="*/ 3035274 w 4067498"/>
              <a:gd name="connsiteY3" fmla="*/ 397917 h 5421661"/>
              <a:gd name="connsiteX4" fmla="*/ 3219219 w 4067498"/>
              <a:gd name="connsiteY4" fmla="*/ 686114 h 5421661"/>
              <a:gd name="connsiteX5" fmla="*/ 3373967 w 4067498"/>
              <a:gd name="connsiteY5" fmla="*/ 1144244 h 5421661"/>
              <a:gd name="connsiteX6" fmla="*/ 3526262 w 4067498"/>
              <a:gd name="connsiteY6" fmla="*/ 1723171 h 5421661"/>
              <a:gd name="connsiteX7" fmla="*/ 3716803 w 4067498"/>
              <a:gd name="connsiteY7" fmla="*/ 2509654 h 5421661"/>
              <a:gd name="connsiteX8" fmla="*/ 3646054 w 4067498"/>
              <a:gd name="connsiteY8" fmla="*/ 2992846 h 5421661"/>
              <a:gd name="connsiteX9" fmla="*/ 3623001 w 4067498"/>
              <a:gd name="connsiteY9" fmla="*/ 3329922 h 5421661"/>
              <a:gd name="connsiteX10" fmla="*/ 3636581 w 4067498"/>
              <a:gd name="connsiteY10" fmla="*/ 3418358 h 5421661"/>
              <a:gd name="connsiteX11" fmla="*/ 4067498 w 4067498"/>
              <a:gd name="connsiteY11" fmla="*/ 4811482 h 5421661"/>
              <a:gd name="connsiteX12" fmla="*/ 1923861 w 4067498"/>
              <a:gd name="connsiteY12" fmla="*/ 4703276 h 5421661"/>
              <a:gd name="connsiteX13" fmla="*/ 239922 w 4067498"/>
              <a:gd name="connsiteY13" fmla="*/ 5421661 h 5421661"/>
              <a:gd name="connsiteX14" fmla="*/ 0 w 4067498"/>
              <a:gd name="connsiteY14" fmla="*/ 4576527 h 5421661"/>
              <a:gd name="connsiteX15" fmla="*/ 67056 w 4067498"/>
              <a:gd name="connsiteY15" fmla="*/ 4245252 h 5421661"/>
              <a:gd name="connsiteX16" fmla="*/ 599963 w 4067498"/>
              <a:gd name="connsiteY16" fmla="*/ 2325317 h 5421661"/>
              <a:gd name="connsiteX17" fmla="*/ 1392051 w 4067498"/>
              <a:gd name="connsiteY17" fmla="*/ 165077 h 542166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392051 w 4067498"/>
              <a:gd name="connsiteY17" fmla="*/ 145397 h 5401981"/>
              <a:gd name="connsiteX0" fmla="*/ 1392051 w 4067498"/>
              <a:gd name="connsiteY0" fmla="*/ 145397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2051 w 4067498"/>
              <a:gd name="connsiteY18" fmla="*/ 145397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1151134 w 4067498"/>
              <a:gd name="connsiteY17" fmla="*/ 605413 h 5401981"/>
              <a:gd name="connsiteX18" fmla="*/ 1398761 w 4067498"/>
              <a:gd name="connsiteY18"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599963 w 4067498"/>
              <a:gd name="connsiteY16" fmla="*/ 2305637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599963 w 4067498"/>
              <a:gd name="connsiteY17" fmla="*/ 2305637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435401 w 4067498"/>
              <a:gd name="connsiteY16" fmla="*/ 3059593 h 5401981"/>
              <a:gd name="connsiteX17" fmla="*/ 663416 w 4067498"/>
              <a:gd name="connsiteY17" fmla="*/ 2175951 h 5401981"/>
              <a:gd name="connsiteX18" fmla="*/ 1151134 w 4067498"/>
              <a:gd name="connsiteY18" fmla="*/ 605413 h 5401981"/>
              <a:gd name="connsiteX19" fmla="*/ 1398761 w 4067498"/>
              <a:gd name="connsiteY19"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1923861 w 4067498"/>
              <a:gd name="connsiteY12" fmla="*/ 4683596 h 5401981"/>
              <a:gd name="connsiteX13" fmla="*/ 239922 w 4067498"/>
              <a:gd name="connsiteY13" fmla="*/ 5401981 h 5401981"/>
              <a:gd name="connsiteX14" fmla="*/ 0 w 4067498"/>
              <a:gd name="connsiteY14" fmla="*/ 4556847 h 5401981"/>
              <a:gd name="connsiteX15" fmla="*/ 67056 w 4067498"/>
              <a:gd name="connsiteY15" fmla="*/ 4225572 h 5401981"/>
              <a:gd name="connsiteX16" fmla="*/ 244439 w 4067498"/>
              <a:gd name="connsiteY16" fmla="*/ 3724274 h 5401981"/>
              <a:gd name="connsiteX17" fmla="*/ 435401 w 4067498"/>
              <a:gd name="connsiteY17" fmla="*/ 3059593 h 5401981"/>
              <a:gd name="connsiteX18" fmla="*/ 663416 w 4067498"/>
              <a:gd name="connsiteY18" fmla="*/ 2175951 h 5401981"/>
              <a:gd name="connsiteX19" fmla="*/ 1151134 w 4067498"/>
              <a:gd name="connsiteY19" fmla="*/ 605413 h 5401981"/>
              <a:gd name="connsiteX20" fmla="*/ 1398761 w 4067498"/>
              <a:gd name="connsiteY20" fmla="*/ 156863 h 5401981"/>
              <a:gd name="connsiteX0" fmla="*/ 1398761 w 4067498"/>
              <a:gd name="connsiteY0" fmla="*/ 156863 h 5401981"/>
              <a:gd name="connsiteX1" fmla="*/ 2595343 w 4067498"/>
              <a:gd name="connsiteY1" fmla="*/ 0 h 5401981"/>
              <a:gd name="connsiteX2" fmla="*/ 2838261 w 4067498"/>
              <a:gd name="connsiteY2" fmla="*/ 211184 h 5401981"/>
              <a:gd name="connsiteX3" fmla="*/ 3035274 w 4067498"/>
              <a:gd name="connsiteY3" fmla="*/ 378237 h 5401981"/>
              <a:gd name="connsiteX4" fmla="*/ 3219219 w 4067498"/>
              <a:gd name="connsiteY4" fmla="*/ 666434 h 5401981"/>
              <a:gd name="connsiteX5" fmla="*/ 3373967 w 4067498"/>
              <a:gd name="connsiteY5" fmla="*/ 1124564 h 5401981"/>
              <a:gd name="connsiteX6" fmla="*/ 3526262 w 4067498"/>
              <a:gd name="connsiteY6" fmla="*/ 1703491 h 5401981"/>
              <a:gd name="connsiteX7" fmla="*/ 3716803 w 4067498"/>
              <a:gd name="connsiteY7" fmla="*/ 2489974 h 5401981"/>
              <a:gd name="connsiteX8" fmla="*/ 3646054 w 4067498"/>
              <a:gd name="connsiteY8" fmla="*/ 2973166 h 5401981"/>
              <a:gd name="connsiteX9" fmla="*/ 3623001 w 4067498"/>
              <a:gd name="connsiteY9" fmla="*/ 3310242 h 5401981"/>
              <a:gd name="connsiteX10" fmla="*/ 3636581 w 4067498"/>
              <a:gd name="connsiteY10" fmla="*/ 3398678 h 5401981"/>
              <a:gd name="connsiteX11" fmla="*/ 4067498 w 4067498"/>
              <a:gd name="connsiteY11" fmla="*/ 4791802 h 5401981"/>
              <a:gd name="connsiteX12" fmla="*/ 3481413 w 4067498"/>
              <a:gd name="connsiteY12" fmla="*/ 4789824 h 5401981"/>
              <a:gd name="connsiteX13" fmla="*/ 1923861 w 4067498"/>
              <a:gd name="connsiteY13" fmla="*/ 4683596 h 5401981"/>
              <a:gd name="connsiteX14" fmla="*/ 239922 w 4067498"/>
              <a:gd name="connsiteY14" fmla="*/ 5401981 h 5401981"/>
              <a:gd name="connsiteX15" fmla="*/ 0 w 4067498"/>
              <a:gd name="connsiteY15" fmla="*/ 4556847 h 5401981"/>
              <a:gd name="connsiteX16" fmla="*/ 67056 w 4067498"/>
              <a:gd name="connsiteY16" fmla="*/ 4225572 h 5401981"/>
              <a:gd name="connsiteX17" fmla="*/ 244439 w 4067498"/>
              <a:gd name="connsiteY17" fmla="*/ 3724274 h 5401981"/>
              <a:gd name="connsiteX18" fmla="*/ 435401 w 4067498"/>
              <a:gd name="connsiteY18" fmla="*/ 3059593 h 5401981"/>
              <a:gd name="connsiteX19" fmla="*/ 663416 w 4067498"/>
              <a:gd name="connsiteY19" fmla="*/ 2175951 h 5401981"/>
              <a:gd name="connsiteX20" fmla="*/ 1151134 w 4067498"/>
              <a:gd name="connsiteY20" fmla="*/ 605413 h 5401981"/>
              <a:gd name="connsiteX21" fmla="*/ 1398761 w 4067498"/>
              <a:gd name="connsiteY21" fmla="*/ 156863 h 5401981"/>
              <a:gd name="connsiteX0" fmla="*/ 1398761 w 4067498"/>
              <a:gd name="connsiteY0" fmla="*/ 199995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398761 w 4067498"/>
              <a:gd name="connsiteY21" fmla="*/ 199995 h 5445113"/>
              <a:gd name="connsiteX0" fmla="*/ 1402226 w 4067498"/>
              <a:gd name="connsiteY0" fmla="*/ 170806 h 5445113"/>
              <a:gd name="connsiteX1" fmla="*/ 2612596 w 4067498"/>
              <a:gd name="connsiteY1" fmla="*/ 0 h 5445113"/>
              <a:gd name="connsiteX2" fmla="*/ 2838261 w 4067498"/>
              <a:gd name="connsiteY2" fmla="*/ 254316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481413 w 4067498"/>
              <a:gd name="connsiteY12" fmla="*/ 4832956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67498"/>
              <a:gd name="connsiteY0" fmla="*/ 170806 h 5445113"/>
              <a:gd name="connsiteX1" fmla="*/ 2612596 w 4067498"/>
              <a:gd name="connsiteY1" fmla="*/ 0 h 5445113"/>
              <a:gd name="connsiteX2" fmla="*/ 2864141 w 4067498"/>
              <a:gd name="connsiteY2" fmla="*/ 202557 h 5445113"/>
              <a:gd name="connsiteX3" fmla="*/ 3035274 w 4067498"/>
              <a:gd name="connsiteY3" fmla="*/ 421369 h 5445113"/>
              <a:gd name="connsiteX4" fmla="*/ 3219219 w 4067498"/>
              <a:gd name="connsiteY4" fmla="*/ 709566 h 5445113"/>
              <a:gd name="connsiteX5" fmla="*/ 3373967 w 4067498"/>
              <a:gd name="connsiteY5" fmla="*/ 1167696 h 5445113"/>
              <a:gd name="connsiteX6" fmla="*/ 3526262 w 4067498"/>
              <a:gd name="connsiteY6" fmla="*/ 1746623 h 5445113"/>
              <a:gd name="connsiteX7" fmla="*/ 3716803 w 4067498"/>
              <a:gd name="connsiteY7" fmla="*/ 2533106 h 5445113"/>
              <a:gd name="connsiteX8" fmla="*/ 3646054 w 4067498"/>
              <a:gd name="connsiteY8" fmla="*/ 3016298 h 5445113"/>
              <a:gd name="connsiteX9" fmla="*/ 3623001 w 4067498"/>
              <a:gd name="connsiteY9" fmla="*/ 3353374 h 5445113"/>
              <a:gd name="connsiteX10" fmla="*/ 3636581 w 4067498"/>
              <a:gd name="connsiteY10" fmla="*/ 3441810 h 5445113"/>
              <a:gd name="connsiteX11" fmla="*/ 4067498 w 4067498"/>
              <a:gd name="connsiteY11" fmla="*/ 4834934 h 5445113"/>
              <a:gd name="connsiteX12" fmla="*/ 3369270 w 4067498"/>
              <a:gd name="connsiteY12" fmla="*/ 4815703 h 5445113"/>
              <a:gd name="connsiteX13" fmla="*/ 1923861 w 4067498"/>
              <a:gd name="connsiteY13" fmla="*/ 4726728 h 5445113"/>
              <a:gd name="connsiteX14" fmla="*/ 239922 w 4067498"/>
              <a:gd name="connsiteY14" fmla="*/ 5445113 h 5445113"/>
              <a:gd name="connsiteX15" fmla="*/ 0 w 4067498"/>
              <a:gd name="connsiteY15" fmla="*/ 4599979 h 5445113"/>
              <a:gd name="connsiteX16" fmla="*/ 67056 w 4067498"/>
              <a:gd name="connsiteY16" fmla="*/ 4268704 h 5445113"/>
              <a:gd name="connsiteX17" fmla="*/ 244439 w 4067498"/>
              <a:gd name="connsiteY17" fmla="*/ 3767406 h 5445113"/>
              <a:gd name="connsiteX18" fmla="*/ 435401 w 4067498"/>
              <a:gd name="connsiteY18" fmla="*/ 3102725 h 5445113"/>
              <a:gd name="connsiteX19" fmla="*/ 663416 w 4067498"/>
              <a:gd name="connsiteY19" fmla="*/ 2219083 h 5445113"/>
              <a:gd name="connsiteX20" fmla="*/ 1151134 w 4067498"/>
              <a:gd name="connsiteY20" fmla="*/ 648545 h 5445113"/>
              <a:gd name="connsiteX21" fmla="*/ 1402226 w 4067498"/>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23861 w 4076124"/>
              <a:gd name="connsiteY13" fmla="*/ 47267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84246 w 4076124"/>
              <a:gd name="connsiteY13" fmla="*/ 4718101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170806 h 5445113"/>
              <a:gd name="connsiteX1" fmla="*/ 2612596 w 4076124"/>
              <a:gd name="connsiteY1" fmla="*/ 0 h 5445113"/>
              <a:gd name="connsiteX2" fmla="*/ 2864141 w 4076124"/>
              <a:gd name="connsiteY2" fmla="*/ 202557 h 5445113"/>
              <a:gd name="connsiteX3" fmla="*/ 3035274 w 4076124"/>
              <a:gd name="connsiteY3" fmla="*/ 421369 h 5445113"/>
              <a:gd name="connsiteX4" fmla="*/ 3219219 w 4076124"/>
              <a:gd name="connsiteY4" fmla="*/ 709566 h 5445113"/>
              <a:gd name="connsiteX5" fmla="*/ 3373967 w 4076124"/>
              <a:gd name="connsiteY5" fmla="*/ 1167696 h 5445113"/>
              <a:gd name="connsiteX6" fmla="*/ 3526262 w 4076124"/>
              <a:gd name="connsiteY6" fmla="*/ 1746623 h 5445113"/>
              <a:gd name="connsiteX7" fmla="*/ 3716803 w 4076124"/>
              <a:gd name="connsiteY7" fmla="*/ 2533106 h 5445113"/>
              <a:gd name="connsiteX8" fmla="*/ 3646054 w 4076124"/>
              <a:gd name="connsiteY8" fmla="*/ 3016298 h 5445113"/>
              <a:gd name="connsiteX9" fmla="*/ 3623001 w 4076124"/>
              <a:gd name="connsiteY9" fmla="*/ 3353374 h 5445113"/>
              <a:gd name="connsiteX10" fmla="*/ 3636581 w 4076124"/>
              <a:gd name="connsiteY10" fmla="*/ 3441810 h 5445113"/>
              <a:gd name="connsiteX11" fmla="*/ 4076124 w 4076124"/>
              <a:gd name="connsiteY11" fmla="*/ 4826308 h 5445113"/>
              <a:gd name="connsiteX12" fmla="*/ 3369270 w 4076124"/>
              <a:gd name="connsiteY12" fmla="*/ 4815703 h 5445113"/>
              <a:gd name="connsiteX13" fmla="*/ 1963737 w 4076124"/>
              <a:gd name="connsiteY13" fmla="*/ 4698528 h 5445113"/>
              <a:gd name="connsiteX14" fmla="*/ 239922 w 4076124"/>
              <a:gd name="connsiteY14" fmla="*/ 5445113 h 5445113"/>
              <a:gd name="connsiteX15" fmla="*/ 0 w 4076124"/>
              <a:gd name="connsiteY15" fmla="*/ 4599979 h 5445113"/>
              <a:gd name="connsiteX16" fmla="*/ 67056 w 4076124"/>
              <a:gd name="connsiteY16" fmla="*/ 4268704 h 5445113"/>
              <a:gd name="connsiteX17" fmla="*/ 244439 w 4076124"/>
              <a:gd name="connsiteY17" fmla="*/ 3767406 h 5445113"/>
              <a:gd name="connsiteX18" fmla="*/ 435401 w 4076124"/>
              <a:gd name="connsiteY18" fmla="*/ 3102725 h 5445113"/>
              <a:gd name="connsiteX19" fmla="*/ 663416 w 4076124"/>
              <a:gd name="connsiteY19" fmla="*/ 2219083 h 5445113"/>
              <a:gd name="connsiteX20" fmla="*/ 1151134 w 4076124"/>
              <a:gd name="connsiteY20" fmla="*/ 648545 h 5445113"/>
              <a:gd name="connsiteX21" fmla="*/ 1402226 w 4076124"/>
              <a:gd name="connsiteY21" fmla="*/ 170806 h 5445113"/>
              <a:gd name="connsiteX0" fmla="*/ 1402226 w 4076124"/>
              <a:gd name="connsiteY0" fmla="*/ 46373 h 5320680"/>
              <a:gd name="connsiteX1" fmla="*/ 1822321 w 4076124"/>
              <a:gd name="connsiteY1" fmla="*/ 0 h 5320680"/>
              <a:gd name="connsiteX2" fmla="*/ 2864141 w 4076124"/>
              <a:gd name="connsiteY2" fmla="*/ 78124 h 5320680"/>
              <a:gd name="connsiteX3" fmla="*/ 3035274 w 4076124"/>
              <a:gd name="connsiteY3" fmla="*/ 296936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121681 w 4076124"/>
              <a:gd name="connsiteY2" fmla="*/ 1656823 h 5320680"/>
              <a:gd name="connsiteX3" fmla="*/ 3035274 w 4076124"/>
              <a:gd name="connsiteY3" fmla="*/ 296936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121681 w 4076124"/>
              <a:gd name="connsiteY2" fmla="*/ 1656823 h 5320680"/>
              <a:gd name="connsiteX3" fmla="*/ 2081118 w 4076124"/>
              <a:gd name="connsiteY3" fmla="*/ 1783830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3219219 w 4076124"/>
              <a:gd name="connsiteY4" fmla="*/ 58513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3373967 w 4076124"/>
              <a:gd name="connsiteY5" fmla="*/ 1043263 h 5320680"/>
              <a:gd name="connsiteX6" fmla="*/ 3526262 w 4076124"/>
              <a:gd name="connsiteY6" fmla="*/ 1622190 h 5320680"/>
              <a:gd name="connsiteX7" fmla="*/ 3716803 w 4076124"/>
              <a:gd name="connsiteY7" fmla="*/ 2408673 h 5320680"/>
              <a:gd name="connsiteX8" fmla="*/ 3646054 w 4076124"/>
              <a:gd name="connsiteY8" fmla="*/ 2891865 h 5320680"/>
              <a:gd name="connsiteX9" fmla="*/ 3623001 w 4076124"/>
              <a:gd name="connsiteY9" fmla="*/ 3228941 h 5320680"/>
              <a:gd name="connsiteX10" fmla="*/ 3636581 w 4076124"/>
              <a:gd name="connsiteY10" fmla="*/ 3317377 h 5320680"/>
              <a:gd name="connsiteX11" fmla="*/ 4076124 w 4076124"/>
              <a:gd name="connsiteY11" fmla="*/ 4701875 h 5320680"/>
              <a:gd name="connsiteX12" fmla="*/ 3369270 w 4076124"/>
              <a:gd name="connsiteY12" fmla="*/ 4691270 h 5320680"/>
              <a:gd name="connsiteX13" fmla="*/ 1963737 w 4076124"/>
              <a:gd name="connsiteY13" fmla="*/ 4574095 h 5320680"/>
              <a:gd name="connsiteX14" fmla="*/ 239922 w 4076124"/>
              <a:gd name="connsiteY14" fmla="*/ 5320680 h 5320680"/>
              <a:gd name="connsiteX15" fmla="*/ 0 w 4076124"/>
              <a:gd name="connsiteY15" fmla="*/ 4475546 h 5320680"/>
              <a:gd name="connsiteX16" fmla="*/ 67056 w 4076124"/>
              <a:gd name="connsiteY16" fmla="*/ 4144271 h 5320680"/>
              <a:gd name="connsiteX17" fmla="*/ 244439 w 4076124"/>
              <a:gd name="connsiteY17" fmla="*/ 3642973 h 5320680"/>
              <a:gd name="connsiteX18" fmla="*/ 435401 w 4076124"/>
              <a:gd name="connsiteY18" fmla="*/ 2978292 h 5320680"/>
              <a:gd name="connsiteX19" fmla="*/ 663416 w 4076124"/>
              <a:gd name="connsiteY19" fmla="*/ 2094650 h 5320680"/>
              <a:gd name="connsiteX20" fmla="*/ 1151134 w 4076124"/>
              <a:gd name="connsiteY20" fmla="*/ 524112 h 5320680"/>
              <a:gd name="connsiteX21" fmla="*/ 1402226 w 4076124"/>
              <a:gd name="connsiteY21"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05289 w 4076124"/>
              <a:gd name="connsiteY5" fmla="*/ 2243065 h 5320680"/>
              <a:gd name="connsiteX6" fmla="*/ 3373967 w 4076124"/>
              <a:gd name="connsiteY6" fmla="*/ 1043263 h 5320680"/>
              <a:gd name="connsiteX7" fmla="*/ 3526262 w 4076124"/>
              <a:gd name="connsiteY7" fmla="*/ 1622190 h 5320680"/>
              <a:gd name="connsiteX8" fmla="*/ 3716803 w 4076124"/>
              <a:gd name="connsiteY8" fmla="*/ 2408673 h 5320680"/>
              <a:gd name="connsiteX9" fmla="*/ 3646054 w 4076124"/>
              <a:gd name="connsiteY9" fmla="*/ 2891865 h 5320680"/>
              <a:gd name="connsiteX10" fmla="*/ 3623001 w 4076124"/>
              <a:gd name="connsiteY10" fmla="*/ 3228941 h 5320680"/>
              <a:gd name="connsiteX11" fmla="*/ 3636581 w 4076124"/>
              <a:gd name="connsiteY11" fmla="*/ 3317377 h 5320680"/>
              <a:gd name="connsiteX12" fmla="*/ 4076124 w 4076124"/>
              <a:gd name="connsiteY12" fmla="*/ 4701875 h 5320680"/>
              <a:gd name="connsiteX13" fmla="*/ 3369270 w 4076124"/>
              <a:gd name="connsiteY13" fmla="*/ 4691270 h 5320680"/>
              <a:gd name="connsiteX14" fmla="*/ 1963737 w 4076124"/>
              <a:gd name="connsiteY14" fmla="*/ 4574095 h 5320680"/>
              <a:gd name="connsiteX15" fmla="*/ 239922 w 4076124"/>
              <a:gd name="connsiteY15" fmla="*/ 5320680 h 5320680"/>
              <a:gd name="connsiteX16" fmla="*/ 0 w 4076124"/>
              <a:gd name="connsiteY16" fmla="*/ 4475546 h 5320680"/>
              <a:gd name="connsiteX17" fmla="*/ 67056 w 4076124"/>
              <a:gd name="connsiteY17" fmla="*/ 4144271 h 5320680"/>
              <a:gd name="connsiteX18" fmla="*/ 244439 w 4076124"/>
              <a:gd name="connsiteY18" fmla="*/ 3642973 h 5320680"/>
              <a:gd name="connsiteX19" fmla="*/ 435401 w 4076124"/>
              <a:gd name="connsiteY19" fmla="*/ 2978292 h 5320680"/>
              <a:gd name="connsiteX20" fmla="*/ 663416 w 4076124"/>
              <a:gd name="connsiteY20" fmla="*/ 2094650 h 5320680"/>
              <a:gd name="connsiteX21" fmla="*/ 1151134 w 4076124"/>
              <a:gd name="connsiteY21" fmla="*/ 524112 h 5320680"/>
              <a:gd name="connsiteX22" fmla="*/ 1402226 w 4076124"/>
              <a:gd name="connsiteY22"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3373967 w 4076124"/>
              <a:gd name="connsiteY6" fmla="*/ 1043263 h 5320680"/>
              <a:gd name="connsiteX7" fmla="*/ 3526262 w 4076124"/>
              <a:gd name="connsiteY7" fmla="*/ 1622190 h 5320680"/>
              <a:gd name="connsiteX8" fmla="*/ 3716803 w 4076124"/>
              <a:gd name="connsiteY8" fmla="*/ 2408673 h 5320680"/>
              <a:gd name="connsiteX9" fmla="*/ 3646054 w 4076124"/>
              <a:gd name="connsiteY9" fmla="*/ 2891865 h 5320680"/>
              <a:gd name="connsiteX10" fmla="*/ 3623001 w 4076124"/>
              <a:gd name="connsiteY10" fmla="*/ 3228941 h 5320680"/>
              <a:gd name="connsiteX11" fmla="*/ 3636581 w 4076124"/>
              <a:gd name="connsiteY11" fmla="*/ 3317377 h 5320680"/>
              <a:gd name="connsiteX12" fmla="*/ 4076124 w 4076124"/>
              <a:gd name="connsiteY12" fmla="*/ 4701875 h 5320680"/>
              <a:gd name="connsiteX13" fmla="*/ 3369270 w 4076124"/>
              <a:gd name="connsiteY13" fmla="*/ 4691270 h 5320680"/>
              <a:gd name="connsiteX14" fmla="*/ 1963737 w 4076124"/>
              <a:gd name="connsiteY14" fmla="*/ 4574095 h 5320680"/>
              <a:gd name="connsiteX15" fmla="*/ 239922 w 4076124"/>
              <a:gd name="connsiteY15" fmla="*/ 5320680 h 5320680"/>
              <a:gd name="connsiteX16" fmla="*/ 0 w 4076124"/>
              <a:gd name="connsiteY16" fmla="*/ 4475546 h 5320680"/>
              <a:gd name="connsiteX17" fmla="*/ 67056 w 4076124"/>
              <a:gd name="connsiteY17" fmla="*/ 4144271 h 5320680"/>
              <a:gd name="connsiteX18" fmla="*/ 244439 w 4076124"/>
              <a:gd name="connsiteY18" fmla="*/ 3642973 h 5320680"/>
              <a:gd name="connsiteX19" fmla="*/ 435401 w 4076124"/>
              <a:gd name="connsiteY19" fmla="*/ 2978292 h 5320680"/>
              <a:gd name="connsiteX20" fmla="*/ 663416 w 4076124"/>
              <a:gd name="connsiteY20" fmla="*/ 2094650 h 5320680"/>
              <a:gd name="connsiteX21" fmla="*/ 1151134 w 4076124"/>
              <a:gd name="connsiteY21" fmla="*/ 524112 h 5320680"/>
              <a:gd name="connsiteX22" fmla="*/ 1402226 w 4076124"/>
              <a:gd name="connsiteY22"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906679 w 4076124"/>
              <a:gd name="connsiteY6" fmla="*/ 1987562 h 5320680"/>
              <a:gd name="connsiteX7" fmla="*/ 3526262 w 4076124"/>
              <a:gd name="connsiteY7" fmla="*/ 1622190 h 5320680"/>
              <a:gd name="connsiteX8" fmla="*/ 3716803 w 4076124"/>
              <a:gd name="connsiteY8" fmla="*/ 2408673 h 5320680"/>
              <a:gd name="connsiteX9" fmla="*/ 3646054 w 4076124"/>
              <a:gd name="connsiteY9" fmla="*/ 2891865 h 5320680"/>
              <a:gd name="connsiteX10" fmla="*/ 3623001 w 4076124"/>
              <a:gd name="connsiteY10" fmla="*/ 3228941 h 5320680"/>
              <a:gd name="connsiteX11" fmla="*/ 3636581 w 4076124"/>
              <a:gd name="connsiteY11" fmla="*/ 3317377 h 5320680"/>
              <a:gd name="connsiteX12" fmla="*/ 4076124 w 4076124"/>
              <a:gd name="connsiteY12" fmla="*/ 4701875 h 5320680"/>
              <a:gd name="connsiteX13" fmla="*/ 3369270 w 4076124"/>
              <a:gd name="connsiteY13" fmla="*/ 4691270 h 5320680"/>
              <a:gd name="connsiteX14" fmla="*/ 1963737 w 4076124"/>
              <a:gd name="connsiteY14" fmla="*/ 4574095 h 5320680"/>
              <a:gd name="connsiteX15" fmla="*/ 239922 w 4076124"/>
              <a:gd name="connsiteY15" fmla="*/ 5320680 h 5320680"/>
              <a:gd name="connsiteX16" fmla="*/ 0 w 4076124"/>
              <a:gd name="connsiteY16" fmla="*/ 4475546 h 5320680"/>
              <a:gd name="connsiteX17" fmla="*/ 67056 w 4076124"/>
              <a:gd name="connsiteY17" fmla="*/ 4144271 h 5320680"/>
              <a:gd name="connsiteX18" fmla="*/ 244439 w 4076124"/>
              <a:gd name="connsiteY18" fmla="*/ 3642973 h 5320680"/>
              <a:gd name="connsiteX19" fmla="*/ 435401 w 4076124"/>
              <a:gd name="connsiteY19" fmla="*/ 2978292 h 5320680"/>
              <a:gd name="connsiteX20" fmla="*/ 663416 w 4076124"/>
              <a:gd name="connsiteY20" fmla="*/ 2094650 h 5320680"/>
              <a:gd name="connsiteX21" fmla="*/ 1151134 w 4076124"/>
              <a:gd name="connsiteY21" fmla="*/ 524112 h 5320680"/>
              <a:gd name="connsiteX22" fmla="*/ 1402226 w 4076124"/>
              <a:gd name="connsiteY22"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906679 w 4076124"/>
              <a:gd name="connsiteY6" fmla="*/ 1987562 h 5320680"/>
              <a:gd name="connsiteX7" fmla="*/ 3235591 w 4076124"/>
              <a:gd name="connsiteY7" fmla="*/ 1789841 h 5320680"/>
              <a:gd name="connsiteX8" fmla="*/ 3526262 w 4076124"/>
              <a:gd name="connsiteY8" fmla="*/ 1622190 h 5320680"/>
              <a:gd name="connsiteX9" fmla="*/ 3716803 w 4076124"/>
              <a:gd name="connsiteY9" fmla="*/ 2408673 h 5320680"/>
              <a:gd name="connsiteX10" fmla="*/ 3646054 w 4076124"/>
              <a:gd name="connsiteY10" fmla="*/ 2891865 h 5320680"/>
              <a:gd name="connsiteX11" fmla="*/ 3623001 w 4076124"/>
              <a:gd name="connsiteY11" fmla="*/ 3228941 h 5320680"/>
              <a:gd name="connsiteX12" fmla="*/ 3636581 w 4076124"/>
              <a:gd name="connsiteY12" fmla="*/ 3317377 h 5320680"/>
              <a:gd name="connsiteX13" fmla="*/ 4076124 w 4076124"/>
              <a:gd name="connsiteY13" fmla="*/ 4701875 h 5320680"/>
              <a:gd name="connsiteX14" fmla="*/ 3369270 w 4076124"/>
              <a:gd name="connsiteY14" fmla="*/ 4691270 h 5320680"/>
              <a:gd name="connsiteX15" fmla="*/ 1963737 w 4076124"/>
              <a:gd name="connsiteY15" fmla="*/ 4574095 h 5320680"/>
              <a:gd name="connsiteX16" fmla="*/ 239922 w 4076124"/>
              <a:gd name="connsiteY16" fmla="*/ 5320680 h 5320680"/>
              <a:gd name="connsiteX17" fmla="*/ 0 w 4076124"/>
              <a:gd name="connsiteY17" fmla="*/ 4475546 h 5320680"/>
              <a:gd name="connsiteX18" fmla="*/ 67056 w 4076124"/>
              <a:gd name="connsiteY18" fmla="*/ 4144271 h 5320680"/>
              <a:gd name="connsiteX19" fmla="*/ 244439 w 4076124"/>
              <a:gd name="connsiteY19" fmla="*/ 3642973 h 5320680"/>
              <a:gd name="connsiteX20" fmla="*/ 435401 w 4076124"/>
              <a:gd name="connsiteY20" fmla="*/ 2978292 h 5320680"/>
              <a:gd name="connsiteX21" fmla="*/ 663416 w 4076124"/>
              <a:gd name="connsiteY21" fmla="*/ 2094650 h 5320680"/>
              <a:gd name="connsiteX22" fmla="*/ 1151134 w 4076124"/>
              <a:gd name="connsiteY22" fmla="*/ 524112 h 5320680"/>
              <a:gd name="connsiteX23" fmla="*/ 1402226 w 4076124"/>
              <a:gd name="connsiteY23"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906679 w 4076124"/>
              <a:gd name="connsiteY6" fmla="*/ 1987562 h 5320680"/>
              <a:gd name="connsiteX7" fmla="*/ 2792603 w 4076124"/>
              <a:gd name="connsiteY7" fmla="*/ 1529030 h 5320680"/>
              <a:gd name="connsiteX8" fmla="*/ 3526262 w 4076124"/>
              <a:gd name="connsiteY8" fmla="*/ 1622190 h 5320680"/>
              <a:gd name="connsiteX9" fmla="*/ 3716803 w 4076124"/>
              <a:gd name="connsiteY9" fmla="*/ 2408673 h 5320680"/>
              <a:gd name="connsiteX10" fmla="*/ 3646054 w 4076124"/>
              <a:gd name="connsiteY10" fmla="*/ 2891865 h 5320680"/>
              <a:gd name="connsiteX11" fmla="*/ 3623001 w 4076124"/>
              <a:gd name="connsiteY11" fmla="*/ 3228941 h 5320680"/>
              <a:gd name="connsiteX12" fmla="*/ 3636581 w 4076124"/>
              <a:gd name="connsiteY12" fmla="*/ 3317377 h 5320680"/>
              <a:gd name="connsiteX13" fmla="*/ 4076124 w 4076124"/>
              <a:gd name="connsiteY13" fmla="*/ 4701875 h 5320680"/>
              <a:gd name="connsiteX14" fmla="*/ 3369270 w 4076124"/>
              <a:gd name="connsiteY14" fmla="*/ 4691270 h 5320680"/>
              <a:gd name="connsiteX15" fmla="*/ 1963737 w 4076124"/>
              <a:gd name="connsiteY15" fmla="*/ 4574095 h 5320680"/>
              <a:gd name="connsiteX16" fmla="*/ 239922 w 4076124"/>
              <a:gd name="connsiteY16" fmla="*/ 5320680 h 5320680"/>
              <a:gd name="connsiteX17" fmla="*/ 0 w 4076124"/>
              <a:gd name="connsiteY17" fmla="*/ 4475546 h 5320680"/>
              <a:gd name="connsiteX18" fmla="*/ 67056 w 4076124"/>
              <a:gd name="connsiteY18" fmla="*/ 4144271 h 5320680"/>
              <a:gd name="connsiteX19" fmla="*/ 244439 w 4076124"/>
              <a:gd name="connsiteY19" fmla="*/ 3642973 h 5320680"/>
              <a:gd name="connsiteX20" fmla="*/ 435401 w 4076124"/>
              <a:gd name="connsiteY20" fmla="*/ 2978292 h 5320680"/>
              <a:gd name="connsiteX21" fmla="*/ 663416 w 4076124"/>
              <a:gd name="connsiteY21" fmla="*/ 2094650 h 5320680"/>
              <a:gd name="connsiteX22" fmla="*/ 1151134 w 4076124"/>
              <a:gd name="connsiteY22" fmla="*/ 524112 h 5320680"/>
              <a:gd name="connsiteX23" fmla="*/ 1402226 w 4076124"/>
              <a:gd name="connsiteY23"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526262 w 4076124"/>
              <a:gd name="connsiteY8" fmla="*/ 1622190 h 5320680"/>
              <a:gd name="connsiteX9" fmla="*/ 3716803 w 4076124"/>
              <a:gd name="connsiteY9" fmla="*/ 2408673 h 5320680"/>
              <a:gd name="connsiteX10" fmla="*/ 3646054 w 4076124"/>
              <a:gd name="connsiteY10" fmla="*/ 2891865 h 5320680"/>
              <a:gd name="connsiteX11" fmla="*/ 3623001 w 4076124"/>
              <a:gd name="connsiteY11" fmla="*/ 3228941 h 5320680"/>
              <a:gd name="connsiteX12" fmla="*/ 3636581 w 4076124"/>
              <a:gd name="connsiteY12" fmla="*/ 3317377 h 5320680"/>
              <a:gd name="connsiteX13" fmla="*/ 4076124 w 4076124"/>
              <a:gd name="connsiteY13" fmla="*/ 4701875 h 5320680"/>
              <a:gd name="connsiteX14" fmla="*/ 3369270 w 4076124"/>
              <a:gd name="connsiteY14" fmla="*/ 4691270 h 5320680"/>
              <a:gd name="connsiteX15" fmla="*/ 1963737 w 4076124"/>
              <a:gd name="connsiteY15" fmla="*/ 4574095 h 5320680"/>
              <a:gd name="connsiteX16" fmla="*/ 239922 w 4076124"/>
              <a:gd name="connsiteY16" fmla="*/ 5320680 h 5320680"/>
              <a:gd name="connsiteX17" fmla="*/ 0 w 4076124"/>
              <a:gd name="connsiteY17" fmla="*/ 4475546 h 5320680"/>
              <a:gd name="connsiteX18" fmla="*/ 67056 w 4076124"/>
              <a:gd name="connsiteY18" fmla="*/ 4144271 h 5320680"/>
              <a:gd name="connsiteX19" fmla="*/ 244439 w 4076124"/>
              <a:gd name="connsiteY19" fmla="*/ 3642973 h 5320680"/>
              <a:gd name="connsiteX20" fmla="*/ 435401 w 4076124"/>
              <a:gd name="connsiteY20" fmla="*/ 2978292 h 5320680"/>
              <a:gd name="connsiteX21" fmla="*/ 663416 w 4076124"/>
              <a:gd name="connsiteY21" fmla="*/ 2094650 h 5320680"/>
              <a:gd name="connsiteX22" fmla="*/ 1151134 w 4076124"/>
              <a:gd name="connsiteY22" fmla="*/ 524112 h 5320680"/>
              <a:gd name="connsiteX23" fmla="*/ 1402226 w 4076124"/>
              <a:gd name="connsiteY23"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68614 w 4076124"/>
              <a:gd name="connsiteY8" fmla="*/ 1583107 h 5320680"/>
              <a:gd name="connsiteX9" fmla="*/ 3526262 w 4076124"/>
              <a:gd name="connsiteY9" fmla="*/ 1622190 h 5320680"/>
              <a:gd name="connsiteX10" fmla="*/ 3716803 w 4076124"/>
              <a:gd name="connsiteY10" fmla="*/ 2408673 h 5320680"/>
              <a:gd name="connsiteX11" fmla="*/ 3646054 w 4076124"/>
              <a:gd name="connsiteY11" fmla="*/ 2891865 h 5320680"/>
              <a:gd name="connsiteX12" fmla="*/ 3623001 w 4076124"/>
              <a:gd name="connsiteY12" fmla="*/ 3228941 h 5320680"/>
              <a:gd name="connsiteX13" fmla="*/ 3636581 w 4076124"/>
              <a:gd name="connsiteY13" fmla="*/ 3317377 h 5320680"/>
              <a:gd name="connsiteX14" fmla="*/ 4076124 w 4076124"/>
              <a:gd name="connsiteY14" fmla="*/ 4701875 h 5320680"/>
              <a:gd name="connsiteX15" fmla="*/ 3369270 w 4076124"/>
              <a:gd name="connsiteY15" fmla="*/ 4691270 h 5320680"/>
              <a:gd name="connsiteX16" fmla="*/ 1963737 w 4076124"/>
              <a:gd name="connsiteY16" fmla="*/ 4574095 h 5320680"/>
              <a:gd name="connsiteX17" fmla="*/ 239922 w 4076124"/>
              <a:gd name="connsiteY17" fmla="*/ 5320680 h 5320680"/>
              <a:gd name="connsiteX18" fmla="*/ 0 w 4076124"/>
              <a:gd name="connsiteY18" fmla="*/ 4475546 h 5320680"/>
              <a:gd name="connsiteX19" fmla="*/ 67056 w 4076124"/>
              <a:gd name="connsiteY19" fmla="*/ 4144271 h 5320680"/>
              <a:gd name="connsiteX20" fmla="*/ 244439 w 4076124"/>
              <a:gd name="connsiteY20" fmla="*/ 3642973 h 5320680"/>
              <a:gd name="connsiteX21" fmla="*/ 435401 w 4076124"/>
              <a:gd name="connsiteY21" fmla="*/ 2978292 h 5320680"/>
              <a:gd name="connsiteX22" fmla="*/ 663416 w 4076124"/>
              <a:gd name="connsiteY22" fmla="*/ 2094650 h 5320680"/>
              <a:gd name="connsiteX23" fmla="*/ 1151134 w 4076124"/>
              <a:gd name="connsiteY23" fmla="*/ 524112 h 5320680"/>
              <a:gd name="connsiteX24" fmla="*/ 1402226 w 4076124"/>
              <a:gd name="connsiteY24"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3526262 w 4076124"/>
              <a:gd name="connsiteY9" fmla="*/ 1622190 h 5320680"/>
              <a:gd name="connsiteX10" fmla="*/ 3716803 w 4076124"/>
              <a:gd name="connsiteY10" fmla="*/ 2408673 h 5320680"/>
              <a:gd name="connsiteX11" fmla="*/ 3646054 w 4076124"/>
              <a:gd name="connsiteY11" fmla="*/ 2891865 h 5320680"/>
              <a:gd name="connsiteX12" fmla="*/ 3623001 w 4076124"/>
              <a:gd name="connsiteY12" fmla="*/ 3228941 h 5320680"/>
              <a:gd name="connsiteX13" fmla="*/ 3636581 w 4076124"/>
              <a:gd name="connsiteY13" fmla="*/ 3317377 h 5320680"/>
              <a:gd name="connsiteX14" fmla="*/ 4076124 w 4076124"/>
              <a:gd name="connsiteY14" fmla="*/ 4701875 h 5320680"/>
              <a:gd name="connsiteX15" fmla="*/ 3369270 w 4076124"/>
              <a:gd name="connsiteY15" fmla="*/ 4691270 h 5320680"/>
              <a:gd name="connsiteX16" fmla="*/ 1963737 w 4076124"/>
              <a:gd name="connsiteY16" fmla="*/ 4574095 h 5320680"/>
              <a:gd name="connsiteX17" fmla="*/ 239922 w 4076124"/>
              <a:gd name="connsiteY17" fmla="*/ 5320680 h 5320680"/>
              <a:gd name="connsiteX18" fmla="*/ 0 w 4076124"/>
              <a:gd name="connsiteY18" fmla="*/ 4475546 h 5320680"/>
              <a:gd name="connsiteX19" fmla="*/ 67056 w 4076124"/>
              <a:gd name="connsiteY19" fmla="*/ 4144271 h 5320680"/>
              <a:gd name="connsiteX20" fmla="*/ 244439 w 4076124"/>
              <a:gd name="connsiteY20" fmla="*/ 3642973 h 5320680"/>
              <a:gd name="connsiteX21" fmla="*/ 435401 w 4076124"/>
              <a:gd name="connsiteY21" fmla="*/ 2978292 h 5320680"/>
              <a:gd name="connsiteX22" fmla="*/ 663416 w 4076124"/>
              <a:gd name="connsiteY22" fmla="*/ 2094650 h 5320680"/>
              <a:gd name="connsiteX23" fmla="*/ 1151134 w 4076124"/>
              <a:gd name="connsiteY23" fmla="*/ 524112 h 5320680"/>
              <a:gd name="connsiteX24" fmla="*/ 1402226 w 4076124"/>
              <a:gd name="connsiteY24"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3354861 w 4076124"/>
              <a:gd name="connsiteY9" fmla="*/ 1583107 h 5320680"/>
              <a:gd name="connsiteX10" fmla="*/ 3526262 w 4076124"/>
              <a:gd name="connsiteY10" fmla="*/ 1622190 h 5320680"/>
              <a:gd name="connsiteX11" fmla="*/ 3716803 w 4076124"/>
              <a:gd name="connsiteY11" fmla="*/ 2408673 h 5320680"/>
              <a:gd name="connsiteX12" fmla="*/ 3646054 w 4076124"/>
              <a:gd name="connsiteY12" fmla="*/ 2891865 h 5320680"/>
              <a:gd name="connsiteX13" fmla="*/ 3623001 w 4076124"/>
              <a:gd name="connsiteY13" fmla="*/ 3228941 h 5320680"/>
              <a:gd name="connsiteX14" fmla="*/ 3636581 w 4076124"/>
              <a:gd name="connsiteY14" fmla="*/ 3317377 h 5320680"/>
              <a:gd name="connsiteX15" fmla="*/ 4076124 w 4076124"/>
              <a:gd name="connsiteY15" fmla="*/ 4701875 h 5320680"/>
              <a:gd name="connsiteX16" fmla="*/ 3369270 w 4076124"/>
              <a:gd name="connsiteY16" fmla="*/ 4691270 h 5320680"/>
              <a:gd name="connsiteX17" fmla="*/ 1963737 w 4076124"/>
              <a:gd name="connsiteY17" fmla="*/ 4574095 h 5320680"/>
              <a:gd name="connsiteX18" fmla="*/ 239922 w 4076124"/>
              <a:gd name="connsiteY18" fmla="*/ 5320680 h 5320680"/>
              <a:gd name="connsiteX19" fmla="*/ 0 w 4076124"/>
              <a:gd name="connsiteY19" fmla="*/ 4475546 h 5320680"/>
              <a:gd name="connsiteX20" fmla="*/ 67056 w 4076124"/>
              <a:gd name="connsiteY20" fmla="*/ 4144271 h 5320680"/>
              <a:gd name="connsiteX21" fmla="*/ 244439 w 4076124"/>
              <a:gd name="connsiteY21" fmla="*/ 3642973 h 5320680"/>
              <a:gd name="connsiteX22" fmla="*/ 435401 w 4076124"/>
              <a:gd name="connsiteY22" fmla="*/ 2978292 h 5320680"/>
              <a:gd name="connsiteX23" fmla="*/ 663416 w 4076124"/>
              <a:gd name="connsiteY23" fmla="*/ 2094650 h 5320680"/>
              <a:gd name="connsiteX24" fmla="*/ 1151134 w 4076124"/>
              <a:gd name="connsiteY24" fmla="*/ 524112 h 5320680"/>
              <a:gd name="connsiteX25" fmla="*/ 1402226 w 4076124"/>
              <a:gd name="connsiteY25"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526262 w 4076124"/>
              <a:gd name="connsiteY10" fmla="*/ 1622190 h 5320680"/>
              <a:gd name="connsiteX11" fmla="*/ 3716803 w 4076124"/>
              <a:gd name="connsiteY11" fmla="*/ 2408673 h 5320680"/>
              <a:gd name="connsiteX12" fmla="*/ 3646054 w 4076124"/>
              <a:gd name="connsiteY12" fmla="*/ 2891865 h 5320680"/>
              <a:gd name="connsiteX13" fmla="*/ 3623001 w 4076124"/>
              <a:gd name="connsiteY13" fmla="*/ 3228941 h 5320680"/>
              <a:gd name="connsiteX14" fmla="*/ 3636581 w 4076124"/>
              <a:gd name="connsiteY14" fmla="*/ 3317377 h 5320680"/>
              <a:gd name="connsiteX15" fmla="*/ 4076124 w 4076124"/>
              <a:gd name="connsiteY15" fmla="*/ 4701875 h 5320680"/>
              <a:gd name="connsiteX16" fmla="*/ 3369270 w 4076124"/>
              <a:gd name="connsiteY16" fmla="*/ 4691270 h 5320680"/>
              <a:gd name="connsiteX17" fmla="*/ 1963737 w 4076124"/>
              <a:gd name="connsiteY17" fmla="*/ 4574095 h 5320680"/>
              <a:gd name="connsiteX18" fmla="*/ 239922 w 4076124"/>
              <a:gd name="connsiteY18" fmla="*/ 5320680 h 5320680"/>
              <a:gd name="connsiteX19" fmla="*/ 0 w 4076124"/>
              <a:gd name="connsiteY19" fmla="*/ 4475546 h 5320680"/>
              <a:gd name="connsiteX20" fmla="*/ 67056 w 4076124"/>
              <a:gd name="connsiteY20" fmla="*/ 4144271 h 5320680"/>
              <a:gd name="connsiteX21" fmla="*/ 244439 w 4076124"/>
              <a:gd name="connsiteY21" fmla="*/ 3642973 h 5320680"/>
              <a:gd name="connsiteX22" fmla="*/ 435401 w 4076124"/>
              <a:gd name="connsiteY22" fmla="*/ 2978292 h 5320680"/>
              <a:gd name="connsiteX23" fmla="*/ 663416 w 4076124"/>
              <a:gd name="connsiteY23" fmla="*/ 2094650 h 5320680"/>
              <a:gd name="connsiteX24" fmla="*/ 1151134 w 4076124"/>
              <a:gd name="connsiteY24" fmla="*/ 524112 h 5320680"/>
              <a:gd name="connsiteX25" fmla="*/ 1402226 w 4076124"/>
              <a:gd name="connsiteY25"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273063 w 4076124"/>
              <a:gd name="connsiteY10" fmla="*/ 1516129 h 5320680"/>
              <a:gd name="connsiteX11" fmla="*/ 3526262 w 4076124"/>
              <a:gd name="connsiteY11" fmla="*/ 1622190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020906 w 4076124"/>
              <a:gd name="connsiteY10" fmla="*/ 1074223 h 5320680"/>
              <a:gd name="connsiteX11" fmla="*/ 3526262 w 4076124"/>
              <a:gd name="connsiteY11" fmla="*/ 1622190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020906 w 4076124"/>
              <a:gd name="connsiteY10" fmla="*/ 1074223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2997052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50215 w 4076124"/>
              <a:gd name="connsiteY8" fmla="*/ 144516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081118 w 4076124"/>
              <a:gd name="connsiteY3" fmla="*/ 1783830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106239 w 4076124"/>
              <a:gd name="connsiteY3" fmla="*/ 1718516 h 5320680"/>
              <a:gd name="connsiteX4" fmla="*/ 2249160 w 4076124"/>
              <a:gd name="connsiteY4" fmla="*/ 2294663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106239 w 4076124"/>
              <a:gd name="connsiteY3" fmla="*/ 1718516 h 5320680"/>
              <a:gd name="connsiteX4" fmla="*/ 2264232 w 4076124"/>
              <a:gd name="connsiteY4" fmla="*/ 2269542 h 5320680"/>
              <a:gd name="connsiteX5" fmla="*/ 2329143 w 4076124"/>
              <a:gd name="connsiteY5" fmla="*/ 2322578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089876 w 4076124"/>
              <a:gd name="connsiteY2" fmla="*/ 1632969 h 5320680"/>
              <a:gd name="connsiteX3" fmla="*/ 2106239 w 4076124"/>
              <a:gd name="connsiteY3" fmla="*/ 1718516 h 5320680"/>
              <a:gd name="connsiteX4" fmla="*/ 2264232 w 4076124"/>
              <a:gd name="connsiteY4" fmla="*/ 2269542 h 5320680"/>
              <a:gd name="connsiteX5" fmla="*/ 2364312 w 4076124"/>
              <a:gd name="connsiteY5" fmla="*/ 2307505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46373 h 5320680"/>
              <a:gd name="connsiteX1" fmla="*/ 1822321 w 4076124"/>
              <a:gd name="connsiteY1" fmla="*/ 0 h 5320680"/>
              <a:gd name="connsiteX2" fmla="*/ 2125045 w 4076124"/>
              <a:gd name="connsiteY2" fmla="*/ 1663114 h 5320680"/>
              <a:gd name="connsiteX3" fmla="*/ 2106239 w 4076124"/>
              <a:gd name="connsiteY3" fmla="*/ 1718516 h 5320680"/>
              <a:gd name="connsiteX4" fmla="*/ 2264232 w 4076124"/>
              <a:gd name="connsiteY4" fmla="*/ 2269542 h 5320680"/>
              <a:gd name="connsiteX5" fmla="*/ 2364312 w 4076124"/>
              <a:gd name="connsiteY5" fmla="*/ 2307505 h 5320680"/>
              <a:gd name="connsiteX6" fmla="*/ 2866923 w 4076124"/>
              <a:gd name="connsiteY6" fmla="*/ 2011416 h 5320680"/>
              <a:gd name="connsiteX7" fmla="*/ 2792603 w 4076124"/>
              <a:gd name="connsiteY7" fmla="*/ 1529030 h 5320680"/>
              <a:gd name="connsiteX8" fmla="*/ 3018318 w 4076124"/>
              <a:gd name="connsiteY8" fmla="*/ 1487691 h 5320680"/>
              <a:gd name="connsiteX9" fmla="*/ 2975037 w 4076124"/>
              <a:gd name="connsiteY9" fmla="*/ 1204365 h 5320680"/>
              <a:gd name="connsiteX10" fmla="*/ 3031538 w 4076124"/>
              <a:gd name="connsiteY10" fmla="*/ 1052958 h 5320680"/>
              <a:gd name="connsiteX11" fmla="*/ 3359284 w 4076124"/>
              <a:gd name="connsiteY11" fmla="*/ 994037 h 5320680"/>
              <a:gd name="connsiteX12" fmla="*/ 3716803 w 4076124"/>
              <a:gd name="connsiteY12" fmla="*/ 2408673 h 5320680"/>
              <a:gd name="connsiteX13" fmla="*/ 3646054 w 4076124"/>
              <a:gd name="connsiteY13" fmla="*/ 2891865 h 5320680"/>
              <a:gd name="connsiteX14" fmla="*/ 3623001 w 4076124"/>
              <a:gd name="connsiteY14" fmla="*/ 3228941 h 5320680"/>
              <a:gd name="connsiteX15" fmla="*/ 3636581 w 4076124"/>
              <a:gd name="connsiteY15" fmla="*/ 3317377 h 5320680"/>
              <a:gd name="connsiteX16" fmla="*/ 4076124 w 4076124"/>
              <a:gd name="connsiteY16" fmla="*/ 4701875 h 5320680"/>
              <a:gd name="connsiteX17" fmla="*/ 3369270 w 4076124"/>
              <a:gd name="connsiteY17" fmla="*/ 4691270 h 5320680"/>
              <a:gd name="connsiteX18" fmla="*/ 1963737 w 4076124"/>
              <a:gd name="connsiteY18" fmla="*/ 4574095 h 5320680"/>
              <a:gd name="connsiteX19" fmla="*/ 239922 w 4076124"/>
              <a:gd name="connsiteY19" fmla="*/ 5320680 h 5320680"/>
              <a:gd name="connsiteX20" fmla="*/ 0 w 4076124"/>
              <a:gd name="connsiteY20" fmla="*/ 4475546 h 5320680"/>
              <a:gd name="connsiteX21" fmla="*/ 67056 w 4076124"/>
              <a:gd name="connsiteY21" fmla="*/ 4144271 h 5320680"/>
              <a:gd name="connsiteX22" fmla="*/ 244439 w 4076124"/>
              <a:gd name="connsiteY22" fmla="*/ 3642973 h 5320680"/>
              <a:gd name="connsiteX23" fmla="*/ 435401 w 4076124"/>
              <a:gd name="connsiteY23" fmla="*/ 2978292 h 5320680"/>
              <a:gd name="connsiteX24" fmla="*/ 663416 w 4076124"/>
              <a:gd name="connsiteY24" fmla="*/ 2094650 h 5320680"/>
              <a:gd name="connsiteX25" fmla="*/ 1151134 w 4076124"/>
              <a:gd name="connsiteY25" fmla="*/ 524112 h 5320680"/>
              <a:gd name="connsiteX26" fmla="*/ 1402226 w 4076124"/>
              <a:gd name="connsiteY26" fmla="*/ 46373 h 5320680"/>
              <a:gd name="connsiteX0" fmla="*/ 1402226 w 4076124"/>
              <a:gd name="connsiteY0" fmla="*/ 26277 h 5300584"/>
              <a:gd name="connsiteX1" fmla="*/ 1847442 w 4076124"/>
              <a:gd name="connsiteY1" fmla="*/ 0 h 5300584"/>
              <a:gd name="connsiteX2" fmla="*/ 2125045 w 4076124"/>
              <a:gd name="connsiteY2" fmla="*/ 1643018 h 5300584"/>
              <a:gd name="connsiteX3" fmla="*/ 2106239 w 4076124"/>
              <a:gd name="connsiteY3" fmla="*/ 1698420 h 5300584"/>
              <a:gd name="connsiteX4" fmla="*/ 2264232 w 4076124"/>
              <a:gd name="connsiteY4" fmla="*/ 2249446 h 5300584"/>
              <a:gd name="connsiteX5" fmla="*/ 2364312 w 4076124"/>
              <a:gd name="connsiteY5" fmla="*/ 2287409 h 5300584"/>
              <a:gd name="connsiteX6" fmla="*/ 2866923 w 4076124"/>
              <a:gd name="connsiteY6" fmla="*/ 1991320 h 5300584"/>
              <a:gd name="connsiteX7" fmla="*/ 2792603 w 4076124"/>
              <a:gd name="connsiteY7" fmla="*/ 1508934 h 5300584"/>
              <a:gd name="connsiteX8" fmla="*/ 3018318 w 4076124"/>
              <a:gd name="connsiteY8" fmla="*/ 1467595 h 5300584"/>
              <a:gd name="connsiteX9" fmla="*/ 2975037 w 4076124"/>
              <a:gd name="connsiteY9" fmla="*/ 1184269 h 5300584"/>
              <a:gd name="connsiteX10" fmla="*/ 3031538 w 4076124"/>
              <a:gd name="connsiteY10" fmla="*/ 1032862 h 5300584"/>
              <a:gd name="connsiteX11" fmla="*/ 3359284 w 4076124"/>
              <a:gd name="connsiteY11" fmla="*/ 973941 h 5300584"/>
              <a:gd name="connsiteX12" fmla="*/ 3716803 w 4076124"/>
              <a:gd name="connsiteY12" fmla="*/ 2388577 h 5300584"/>
              <a:gd name="connsiteX13" fmla="*/ 3646054 w 4076124"/>
              <a:gd name="connsiteY13" fmla="*/ 2871769 h 5300584"/>
              <a:gd name="connsiteX14" fmla="*/ 3623001 w 4076124"/>
              <a:gd name="connsiteY14" fmla="*/ 3208845 h 5300584"/>
              <a:gd name="connsiteX15" fmla="*/ 3636581 w 4076124"/>
              <a:gd name="connsiteY15" fmla="*/ 3297281 h 5300584"/>
              <a:gd name="connsiteX16" fmla="*/ 4076124 w 4076124"/>
              <a:gd name="connsiteY16" fmla="*/ 4681779 h 5300584"/>
              <a:gd name="connsiteX17" fmla="*/ 3369270 w 4076124"/>
              <a:gd name="connsiteY17" fmla="*/ 4671174 h 5300584"/>
              <a:gd name="connsiteX18" fmla="*/ 1963737 w 4076124"/>
              <a:gd name="connsiteY18" fmla="*/ 4553999 h 5300584"/>
              <a:gd name="connsiteX19" fmla="*/ 239922 w 4076124"/>
              <a:gd name="connsiteY19" fmla="*/ 5300584 h 5300584"/>
              <a:gd name="connsiteX20" fmla="*/ 0 w 4076124"/>
              <a:gd name="connsiteY20" fmla="*/ 4455450 h 5300584"/>
              <a:gd name="connsiteX21" fmla="*/ 67056 w 4076124"/>
              <a:gd name="connsiteY21" fmla="*/ 4124175 h 5300584"/>
              <a:gd name="connsiteX22" fmla="*/ 244439 w 4076124"/>
              <a:gd name="connsiteY22" fmla="*/ 3622877 h 5300584"/>
              <a:gd name="connsiteX23" fmla="*/ 435401 w 4076124"/>
              <a:gd name="connsiteY23" fmla="*/ 2958196 h 5300584"/>
              <a:gd name="connsiteX24" fmla="*/ 663416 w 4076124"/>
              <a:gd name="connsiteY24" fmla="*/ 2074554 h 5300584"/>
              <a:gd name="connsiteX25" fmla="*/ 1151134 w 4076124"/>
              <a:gd name="connsiteY25" fmla="*/ 504016 h 5300584"/>
              <a:gd name="connsiteX26" fmla="*/ 1402226 w 4076124"/>
              <a:gd name="connsiteY26" fmla="*/ 26277 h 5300584"/>
              <a:gd name="connsiteX0" fmla="*/ 1402226 w 4076124"/>
              <a:gd name="connsiteY0" fmla="*/ 31301 h 5305608"/>
              <a:gd name="connsiteX1" fmla="*/ 1827346 w 4076124"/>
              <a:gd name="connsiteY1" fmla="*/ 0 h 5305608"/>
              <a:gd name="connsiteX2" fmla="*/ 2125045 w 4076124"/>
              <a:gd name="connsiteY2" fmla="*/ 1648042 h 5305608"/>
              <a:gd name="connsiteX3" fmla="*/ 2106239 w 4076124"/>
              <a:gd name="connsiteY3" fmla="*/ 1703444 h 5305608"/>
              <a:gd name="connsiteX4" fmla="*/ 2264232 w 4076124"/>
              <a:gd name="connsiteY4" fmla="*/ 2254470 h 5305608"/>
              <a:gd name="connsiteX5" fmla="*/ 2364312 w 4076124"/>
              <a:gd name="connsiteY5" fmla="*/ 2292433 h 5305608"/>
              <a:gd name="connsiteX6" fmla="*/ 2866923 w 4076124"/>
              <a:gd name="connsiteY6" fmla="*/ 1996344 h 5305608"/>
              <a:gd name="connsiteX7" fmla="*/ 2792603 w 4076124"/>
              <a:gd name="connsiteY7" fmla="*/ 1513958 h 5305608"/>
              <a:gd name="connsiteX8" fmla="*/ 3018318 w 4076124"/>
              <a:gd name="connsiteY8" fmla="*/ 1472619 h 5305608"/>
              <a:gd name="connsiteX9" fmla="*/ 2975037 w 4076124"/>
              <a:gd name="connsiteY9" fmla="*/ 1189293 h 5305608"/>
              <a:gd name="connsiteX10" fmla="*/ 3031538 w 4076124"/>
              <a:gd name="connsiteY10" fmla="*/ 1037886 h 5305608"/>
              <a:gd name="connsiteX11" fmla="*/ 3359284 w 4076124"/>
              <a:gd name="connsiteY11" fmla="*/ 978965 h 5305608"/>
              <a:gd name="connsiteX12" fmla="*/ 3716803 w 4076124"/>
              <a:gd name="connsiteY12" fmla="*/ 2393601 h 5305608"/>
              <a:gd name="connsiteX13" fmla="*/ 3646054 w 4076124"/>
              <a:gd name="connsiteY13" fmla="*/ 2876793 h 5305608"/>
              <a:gd name="connsiteX14" fmla="*/ 3623001 w 4076124"/>
              <a:gd name="connsiteY14" fmla="*/ 3213869 h 5305608"/>
              <a:gd name="connsiteX15" fmla="*/ 3636581 w 4076124"/>
              <a:gd name="connsiteY15" fmla="*/ 3302305 h 5305608"/>
              <a:gd name="connsiteX16" fmla="*/ 4076124 w 4076124"/>
              <a:gd name="connsiteY16" fmla="*/ 4686803 h 5305608"/>
              <a:gd name="connsiteX17" fmla="*/ 3369270 w 4076124"/>
              <a:gd name="connsiteY17" fmla="*/ 4676198 h 5305608"/>
              <a:gd name="connsiteX18" fmla="*/ 1963737 w 4076124"/>
              <a:gd name="connsiteY18" fmla="*/ 4559023 h 5305608"/>
              <a:gd name="connsiteX19" fmla="*/ 239922 w 4076124"/>
              <a:gd name="connsiteY19" fmla="*/ 5305608 h 5305608"/>
              <a:gd name="connsiteX20" fmla="*/ 0 w 4076124"/>
              <a:gd name="connsiteY20" fmla="*/ 4460474 h 5305608"/>
              <a:gd name="connsiteX21" fmla="*/ 67056 w 4076124"/>
              <a:gd name="connsiteY21" fmla="*/ 4129199 h 5305608"/>
              <a:gd name="connsiteX22" fmla="*/ 244439 w 4076124"/>
              <a:gd name="connsiteY22" fmla="*/ 3627901 h 5305608"/>
              <a:gd name="connsiteX23" fmla="*/ 435401 w 4076124"/>
              <a:gd name="connsiteY23" fmla="*/ 2963220 h 5305608"/>
              <a:gd name="connsiteX24" fmla="*/ 663416 w 4076124"/>
              <a:gd name="connsiteY24" fmla="*/ 2079578 h 5305608"/>
              <a:gd name="connsiteX25" fmla="*/ 1151134 w 4076124"/>
              <a:gd name="connsiteY25" fmla="*/ 509040 h 5305608"/>
              <a:gd name="connsiteX26" fmla="*/ 1402226 w 4076124"/>
              <a:gd name="connsiteY26" fmla="*/ 31301 h 5305608"/>
              <a:gd name="connsiteX0" fmla="*/ 1377105 w 4076124"/>
              <a:gd name="connsiteY0" fmla="*/ 61446 h 5305608"/>
              <a:gd name="connsiteX1" fmla="*/ 1827346 w 4076124"/>
              <a:gd name="connsiteY1" fmla="*/ 0 h 5305608"/>
              <a:gd name="connsiteX2" fmla="*/ 2125045 w 4076124"/>
              <a:gd name="connsiteY2" fmla="*/ 1648042 h 5305608"/>
              <a:gd name="connsiteX3" fmla="*/ 2106239 w 4076124"/>
              <a:gd name="connsiteY3" fmla="*/ 1703444 h 5305608"/>
              <a:gd name="connsiteX4" fmla="*/ 2264232 w 4076124"/>
              <a:gd name="connsiteY4" fmla="*/ 2254470 h 5305608"/>
              <a:gd name="connsiteX5" fmla="*/ 2364312 w 4076124"/>
              <a:gd name="connsiteY5" fmla="*/ 2292433 h 5305608"/>
              <a:gd name="connsiteX6" fmla="*/ 2866923 w 4076124"/>
              <a:gd name="connsiteY6" fmla="*/ 1996344 h 5305608"/>
              <a:gd name="connsiteX7" fmla="*/ 2792603 w 4076124"/>
              <a:gd name="connsiteY7" fmla="*/ 1513958 h 5305608"/>
              <a:gd name="connsiteX8" fmla="*/ 3018318 w 4076124"/>
              <a:gd name="connsiteY8" fmla="*/ 1472619 h 5305608"/>
              <a:gd name="connsiteX9" fmla="*/ 2975037 w 4076124"/>
              <a:gd name="connsiteY9" fmla="*/ 1189293 h 5305608"/>
              <a:gd name="connsiteX10" fmla="*/ 3031538 w 4076124"/>
              <a:gd name="connsiteY10" fmla="*/ 1037886 h 5305608"/>
              <a:gd name="connsiteX11" fmla="*/ 3359284 w 4076124"/>
              <a:gd name="connsiteY11" fmla="*/ 978965 h 5305608"/>
              <a:gd name="connsiteX12" fmla="*/ 3716803 w 4076124"/>
              <a:gd name="connsiteY12" fmla="*/ 2393601 h 5305608"/>
              <a:gd name="connsiteX13" fmla="*/ 3646054 w 4076124"/>
              <a:gd name="connsiteY13" fmla="*/ 2876793 h 5305608"/>
              <a:gd name="connsiteX14" fmla="*/ 3623001 w 4076124"/>
              <a:gd name="connsiteY14" fmla="*/ 3213869 h 5305608"/>
              <a:gd name="connsiteX15" fmla="*/ 3636581 w 4076124"/>
              <a:gd name="connsiteY15" fmla="*/ 3302305 h 5305608"/>
              <a:gd name="connsiteX16" fmla="*/ 4076124 w 4076124"/>
              <a:gd name="connsiteY16" fmla="*/ 4686803 h 5305608"/>
              <a:gd name="connsiteX17" fmla="*/ 3369270 w 4076124"/>
              <a:gd name="connsiteY17" fmla="*/ 4676198 h 5305608"/>
              <a:gd name="connsiteX18" fmla="*/ 1963737 w 4076124"/>
              <a:gd name="connsiteY18" fmla="*/ 4559023 h 5305608"/>
              <a:gd name="connsiteX19" fmla="*/ 239922 w 4076124"/>
              <a:gd name="connsiteY19" fmla="*/ 5305608 h 5305608"/>
              <a:gd name="connsiteX20" fmla="*/ 0 w 4076124"/>
              <a:gd name="connsiteY20" fmla="*/ 4460474 h 5305608"/>
              <a:gd name="connsiteX21" fmla="*/ 67056 w 4076124"/>
              <a:gd name="connsiteY21" fmla="*/ 4129199 h 5305608"/>
              <a:gd name="connsiteX22" fmla="*/ 244439 w 4076124"/>
              <a:gd name="connsiteY22" fmla="*/ 3627901 h 5305608"/>
              <a:gd name="connsiteX23" fmla="*/ 435401 w 4076124"/>
              <a:gd name="connsiteY23" fmla="*/ 2963220 h 5305608"/>
              <a:gd name="connsiteX24" fmla="*/ 663416 w 4076124"/>
              <a:gd name="connsiteY24" fmla="*/ 2079578 h 5305608"/>
              <a:gd name="connsiteX25" fmla="*/ 1151134 w 4076124"/>
              <a:gd name="connsiteY25" fmla="*/ 509040 h 5305608"/>
              <a:gd name="connsiteX26" fmla="*/ 1377105 w 4076124"/>
              <a:gd name="connsiteY26" fmla="*/ 61446 h 5305608"/>
              <a:gd name="connsiteX0" fmla="*/ 1377105 w 4076124"/>
              <a:gd name="connsiteY0" fmla="*/ 61446 h 5270439"/>
              <a:gd name="connsiteX1" fmla="*/ 1827346 w 4076124"/>
              <a:gd name="connsiteY1" fmla="*/ 0 h 5270439"/>
              <a:gd name="connsiteX2" fmla="*/ 2125045 w 4076124"/>
              <a:gd name="connsiteY2" fmla="*/ 1648042 h 5270439"/>
              <a:gd name="connsiteX3" fmla="*/ 2106239 w 4076124"/>
              <a:gd name="connsiteY3" fmla="*/ 1703444 h 5270439"/>
              <a:gd name="connsiteX4" fmla="*/ 2264232 w 4076124"/>
              <a:gd name="connsiteY4" fmla="*/ 2254470 h 5270439"/>
              <a:gd name="connsiteX5" fmla="*/ 2364312 w 4076124"/>
              <a:gd name="connsiteY5" fmla="*/ 2292433 h 5270439"/>
              <a:gd name="connsiteX6" fmla="*/ 2866923 w 4076124"/>
              <a:gd name="connsiteY6" fmla="*/ 1996344 h 5270439"/>
              <a:gd name="connsiteX7" fmla="*/ 2792603 w 4076124"/>
              <a:gd name="connsiteY7" fmla="*/ 1513958 h 5270439"/>
              <a:gd name="connsiteX8" fmla="*/ 3018318 w 4076124"/>
              <a:gd name="connsiteY8" fmla="*/ 1472619 h 5270439"/>
              <a:gd name="connsiteX9" fmla="*/ 2975037 w 4076124"/>
              <a:gd name="connsiteY9" fmla="*/ 1189293 h 5270439"/>
              <a:gd name="connsiteX10" fmla="*/ 3031538 w 4076124"/>
              <a:gd name="connsiteY10" fmla="*/ 1037886 h 5270439"/>
              <a:gd name="connsiteX11" fmla="*/ 3359284 w 4076124"/>
              <a:gd name="connsiteY11" fmla="*/ 978965 h 5270439"/>
              <a:gd name="connsiteX12" fmla="*/ 3716803 w 4076124"/>
              <a:gd name="connsiteY12" fmla="*/ 2393601 h 5270439"/>
              <a:gd name="connsiteX13" fmla="*/ 3646054 w 4076124"/>
              <a:gd name="connsiteY13" fmla="*/ 2876793 h 5270439"/>
              <a:gd name="connsiteX14" fmla="*/ 3623001 w 4076124"/>
              <a:gd name="connsiteY14" fmla="*/ 3213869 h 5270439"/>
              <a:gd name="connsiteX15" fmla="*/ 3636581 w 4076124"/>
              <a:gd name="connsiteY15" fmla="*/ 3302305 h 5270439"/>
              <a:gd name="connsiteX16" fmla="*/ 4076124 w 4076124"/>
              <a:gd name="connsiteY16" fmla="*/ 4686803 h 5270439"/>
              <a:gd name="connsiteX17" fmla="*/ 3369270 w 4076124"/>
              <a:gd name="connsiteY17" fmla="*/ 4676198 h 5270439"/>
              <a:gd name="connsiteX18" fmla="*/ 1963737 w 4076124"/>
              <a:gd name="connsiteY18" fmla="*/ 4559023 h 5270439"/>
              <a:gd name="connsiteX19" fmla="*/ 280116 w 4076124"/>
              <a:gd name="connsiteY19" fmla="*/ 5270439 h 5270439"/>
              <a:gd name="connsiteX20" fmla="*/ 0 w 4076124"/>
              <a:gd name="connsiteY20" fmla="*/ 4460474 h 5270439"/>
              <a:gd name="connsiteX21" fmla="*/ 67056 w 4076124"/>
              <a:gd name="connsiteY21" fmla="*/ 4129199 h 5270439"/>
              <a:gd name="connsiteX22" fmla="*/ 244439 w 4076124"/>
              <a:gd name="connsiteY22" fmla="*/ 3627901 h 5270439"/>
              <a:gd name="connsiteX23" fmla="*/ 435401 w 4076124"/>
              <a:gd name="connsiteY23" fmla="*/ 2963220 h 5270439"/>
              <a:gd name="connsiteX24" fmla="*/ 663416 w 4076124"/>
              <a:gd name="connsiteY24" fmla="*/ 2079578 h 5270439"/>
              <a:gd name="connsiteX25" fmla="*/ 1151134 w 4076124"/>
              <a:gd name="connsiteY25" fmla="*/ 509040 h 5270439"/>
              <a:gd name="connsiteX26" fmla="*/ 1377105 w 4076124"/>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24052 w 4030906"/>
              <a:gd name="connsiteY17" fmla="*/ 4676198 h 5270439"/>
              <a:gd name="connsiteX18" fmla="*/ 1918519 w 4030906"/>
              <a:gd name="connsiteY18" fmla="*/ 4559023 h 5270439"/>
              <a:gd name="connsiteX19" fmla="*/ 234898 w 4030906"/>
              <a:gd name="connsiteY19" fmla="*/ 5270439 h 5270439"/>
              <a:gd name="connsiteX20" fmla="*/ 0 w 4030906"/>
              <a:gd name="connsiteY20" fmla="*/ 4450426 h 5270439"/>
              <a:gd name="connsiteX21" fmla="*/ 21838 w 4030906"/>
              <a:gd name="connsiteY21" fmla="*/ 4129199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24052 w 4030906"/>
              <a:gd name="connsiteY17" fmla="*/ 4676198 h 5270439"/>
              <a:gd name="connsiteX18" fmla="*/ 1918519 w 4030906"/>
              <a:gd name="connsiteY18" fmla="*/ 4559023 h 5270439"/>
              <a:gd name="connsiteX19" fmla="*/ 234898 w 4030906"/>
              <a:gd name="connsiteY19" fmla="*/ 5270439 h 5270439"/>
              <a:gd name="connsiteX20" fmla="*/ 0 w 4030906"/>
              <a:gd name="connsiteY20" fmla="*/ 4450426 h 5270439"/>
              <a:gd name="connsiteX21" fmla="*/ 57007 w 4030906"/>
              <a:gd name="connsiteY21" fmla="*/ 4094030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24052 w 4030906"/>
              <a:gd name="connsiteY17" fmla="*/ 4676198 h 5270439"/>
              <a:gd name="connsiteX18" fmla="*/ 1963737 w 4030906"/>
              <a:gd name="connsiteY18" fmla="*/ 4523854 h 5270439"/>
              <a:gd name="connsiteX19" fmla="*/ 234898 w 4030906"/>
              <a:gd name="connsiteY19" fmla="*/ 5270439 h 5270439"/>
              <a:gd name="connsiteX20" fmla="*/ 0 w 4030906"/>
              <a:gd name="connsiteY20" fmla="*/ 4450426 h 5270439"/>
              <a:gd name="connsiteX21" fmla="*/ 57007 w 4030906"/>
              <a:gd name="connsiteY21" fmla="*/ 4094030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4030906"/>
              <a:gd name="connsiteY0" fmla="*/ 61446 h 5270439"/>
              <a:gd name="connsiteX1" fmla="*/ 1782128 w 4030906"/>
              <a:gd name="connsiteY1" fmla="*/ 0 h 5270439"/>
              <a:gd name="connsiteX2" fmla="*/ 2079827 w 4030906"/>
              <a:gd name="connsiteY2" fmla="*/ 1648042 h 5270439"/>
              <a:gd name="connsiteX3" fmla="*/ 2061021 w 4030906"/>
              <a:gd name="connsiteY3" fmla="*/ 1703444 h 5270439"/>
              <a:gd name="connsiteX4" fmla="*/ 2219014 w 4030906"/>
              <a:gd name="connsiteY4" fmla="*/ 2254470 h 5270439"/>
              <a:gd name="connsiteX5" fmla="*/ 2319094 w 4030906"/>
              <a:gd name="connsiteY5" fmla="*/ 2292433 h 5270439"/>
              <a:gd name="connsiteX6" fmla="*/ 2821705 w 4030906"/>
              <a:gd name="connsiteY6" fmla="*/ 1996344 h 5270439"/>
              <a:gd name="connsiteX7" fmla="*/ 2747385 w 4030906"/>
              <a:gd name="connsiteY7" fmla="*/ 1513958 h 5270439"/>
              <a:gd name="connsiteX8" fmla="*/ 2973100 w 4030906"/>
              <a:gd name="connsiteY8" fmla="*/ 1472619 h 5270439"/>
              <a:gd name="connsiteX9" fmla="*/ 2929819 w 4030906"/>
              <a:gd name="connsiteY9" fmla="*/ 1189293 h 5270439"/>
              <a:gd name="connsiteX10" fmla="*/ 2986320 w 4030906"/>
              <a:gd name="connsiteY10" fmla="*/ 1037886 h 5270439"/>
              <a:gd name="connsiteX11" fmla="*/ 3314066 w 4030906"/>
              <a:gd name="connsiteY11" fmla="*/ 978965 h 5270439"/>
              <a:gd name="connsiteX12" fmla="*/ 3671585 w 4030906"/>
              <a:gd name="connsiteY12" fmla="*/ 2393601 h 5270439"/>
              <a:gd name="connsiteX13" fmla="*/ 3600836 w 4030906"/>
              <a:gd name="connsiteY13" fmla="*/ 2876793 h 5270439"/>
              <a:gd name="connsiteX14" fmla="*/ 3577783 w 4030906"/>
              <a:gd name="connsiteY14" fmla="*/ 3213869 h 5270439"/>
              <a:gd name="connsiteX15" fmla="*/ 3591363 w 4030906"/>
              <a:gd name="connsiteY15" fmla="*/ 3302305 h 5270439"/>
              <a:gd name="connsiteX16" fmla="*/ 4030906 w 4030906"/>
              <a:gd name="connsiteY16" fmla="*/ 4686803 h 5270439"/>
              <a:gd name="connsiteX17" fmla="*/ 3369270 w 4030906"/>
              <a:gd name="connsiteY17" fmla="*/ 4600836 h 5270439"/>
              <a:gd name="connsiteX18" fmla="*/ 1963737 w 4030906"/>
              <a:gd name="connsiteY18" fmla="*/ 4523854 h 5270439"/>
              <a:gd name="connsiteX19" fmla="*/ 234898 w 4030906"/>
              <a:gd name="connsiteY19" fmla="*/ 5270439 h 5270439"/>
              <a:gd name="connsiteX20" fmla="*/ 0 w 4030906"/>
              <a:gd name="connsiteY20" fmla="*/ 4450426 h 5270439"/>
              <a:gd name="connsiteX21" fmla="*/ 57007 w 4030906"/>
              <a:gd name="connsiteY21" fmla="*/ 4094030 h 5270439"/>
              <a:gd name="connsiteX22" fmla="*/ 199221 w 4030906"/>
              <a:gd name="connsiteY22" fmla="*/ 3627901 h 5270439"/>
              <a:gd name="connsiteX23" fmla="*/ 390183 w 4030906"/>
              <a:gd name="connsiteY23" fmla="*/ 2963220 h 5270439"/>
              <a:gd name="connsiteX24" fmla="*/ 618198 w 4030906"/>
              <a:gd name="connsiteY24" fmla="*/ 2079578 h 5270439"/>
              <a:gd name="connsiteX25" fmla="*/ 1105916 w 4030906"/>
              <a:gd name="connsiteY25" fmla="*/ 509040 h 5270439"/>
              <a:gd name="connsiteX26" fmla="*/ 1331887 w 4030906"/>
              <a:gd name="connsiteY26" fmla="*/ 61446 h 5270439"/>
              <a:gd name="connsiteX0" fmla="*/ 1331887 w 3995737"/>
              <a:gd name="connsiteY0" fmla="*/ 61446 h 5270439"/>
              <a:gd name="connsiteX1" fmla="*/ 1782128 w 3995737"/>
              <a:gd name="connsiteY1" fmla="*/ 0 h 5270439"/>
              <a:gd name="connsiteX2" fmla="*/ 2079827 w 3995737"/>
              <a:gd name="connsiteY2" fmla="*/ 1648042 h 5270439"/>
              <a:gd name="connsiteX3" fmla="*/ 2061021 w 3995737"/>
              <a:gd name="connsiteY3" fmla="*/ 1703444 h 5270439"/>
              <a:gd name="connsiteX4" fmla="*/ 2219014 w 3995737"/>
              <a:gd name="connsiteY4" fmla="*/ 2254470 h 5270439"/>
              <a:gd name="connsiteX5" fmla="*/ 2319094 w 3995737"/>
              <a:gd name="connsiteY5" fmla="*/ 2292433 h 5270439"/>
              <a:gd name="connsiteX6" fmla="*/ 2821705 w 3995737"/>
              <a:gd name="connsiteY6" fmla="*/ 1996344 h 5270439"/>
              <a:gd name="connsiteX7" fmla="*/ 2747385 w 3995737"/>
              <a:gd name="connsiteY7" fmla="*/ 1513958 h 5270439"/>
              <a:gd name="connsiteX8" fmla="*/ 2973100 w 3995737"/>
              <a:gd name="connsiteY8" fmla="*/ 1472619 h 5270439"/>
              <a:gd name="connsiteX9" fmla="*/ 2929819 w 3995737"/>
              <a:gd name="connsiteY9" fmla="*/ 1189293 h 5270439"/>
              <a:gd name="connsiteX10" fmla="*/ 2986320 w 3995737"/>
              <a:gd name="connsiteY10" fmla="*/ 1037886 h 5270439"/>
              <a:gd name="connsiteX11" fmla="*/ 3314066 w 3995737"/>
              <a:gd name="connsiteY11" fmla="*/ 978965 h 5270439"/>
              <a:gd name="connsiteX12" fmla="*/ 3671585 w 3995737"/>
              <a:gd name="connsiteY12" fmla="*/ 2393601 h 5270439"/>
              <a:gd name="connsiteX13" fmla="*/ 3600836 w 3995737"/>
              <a:gd name="connsiteY13" fmla="*/ 2876793 h 5270439"/>
              <a:gd name="connsiteX14" fmla="*/ 3577783 w 3995737"/>
              <a:gd name="connsiteY14" fmla="*/ 3213869 h 5270439"/>
              <a:gd name="connsiteX15" fmla="*/ 3591363 w 3995737"/>
              <a:gd name="connsiteY15" fmla="*/ 3302305 h 5270439"/>
              <a:gd name="connsiteX16" fmla="*/ 3995737 w 3995737"/>
              <a:gd name="connsiteY16" fmla="*/ 4601392 h 5270439"/>
              <a:gd name="connsiteX17" fmla="*/ 3369270 w 3995737"/>
              <a:gd name="connsiteY17" fmla="*/ 4600836 h 5270439"/>
              <a:gd name="connsiteX18" fmla="*/ 1963737 w 3995737"/>
              <a:gd name="connsiteY18" fmla="*/ 4523854 h 5270439"/>
              <a:gd name="connsiteX19" fmla="*/ 234898 w 3995737"/>
              <a:gd name="connsiteY19" fmla="*/ 5270439 h 5270439"/>
              <a:gd name="connsiteX20" fmla="*/ 0 w 3995737"/>
              <a:gd name="connsiteY20" fmla="*/ 4450426 h 5270439"/>
              <a:gd name="connsiteX21" fmla="*/ 57007 w 3995737"/>
              <a:gd name="connsiteY21" fmla="*/ 4094030 h 5270439"/>
              <a:gd name="connsiteX22" fmla="*/ 199221 w 3995737"/>
              <a:gd name="connsiteY22" fmla="*/ 3627901 h 5270439"/>
              <a:gd name="connsiteX23" fmla="*/ 390183 w 3995737"/>
              <a:gd name="connsiteY23" fmla="*/ 2963220 h 5270439"/>
              <a:gd name="connsiteX24" fmla="*/ 618198 w 3995737"/>
              <a:gd name="connsiteY24" fmla="*/ 2079578 h 5270439"/>
              <a:gd name="connsiteX25" fmla="*/ 1105916 w 3995737"/>
              <a:gd name="connsiteY25" fmla="*/ 509040 h 5270439"/>
              <a:gd name="connsiteX26" fmla="*/ 1331887 w 3995737"/>
              <a:gd name="connsiteY26" fmla="*/ 61446 h 5270439"/>
              <a:gd name="connsiteX0" fmla="*/ 1331887 w 3995737"/>
              <a:gd name="connsiteY0" fmla="*/ 61446 h 5270439"/>
              <a:gd name="connsiteX1" fmla="*/ 1782128 w 3995737"/>
              <a:gd name="connsiteY1" fmla="*/ 0 h 5270439"/>
              <a:gd name="connsiteX2" fmla="*/ 2079827 w 3995737"/>
              <a:gd name="connsiteY2" fmla="*/ 1648042 h 5270439"/>
              <a:gd name="connsiteX3" fmla="*/ 2061021 w 3995737"/>
              <a:gd name="connsiteY3" fmla="*/ 1703444 h 5270439"/>
              <a:gd name="connsiteX4" fmla="*/ 2219014 w 3995737"/>
              <a:gd name="connsiteY4" fmla="*/ 2254470 h 5270439"/>
              <a:gd name="connsiteX5" fmla="*/ 2319094 w 3995737"/>
              <a:gd name="connsiteY5" fmla="*/ 2292433 h 5270439"/>
              <a:gd name="connsiteX6" fmla="*/ 2821705 w 3995737"/>
              <a:gd name="connsiteY6" fmla="*/ 1996344 h 5270439"/>
              <a:gd name="connsiteX7" fmla="*/ 2747385 w 3995737"/>
              <a:gd name="connsiteY7" fmla="*/ 1513958 h 5270439"/>
              <a:gd name="connsiteX8" fmla="*/ 2973100 w 3995737"/>
              <a:gd name="connsiteY8" fmla="*/ 1472619 h 5270439"/>
              <a:gd name="connsiteX9" fmla="*/ 2929819 w 3995737"/>
              <a:gd name="connsiteY9" fmla="*/ 1189293 h 5270439"/>
              <a:gd name="connsiteX10" fmla="*/ 2986320 w 3995737"/>
              <a:gd name="connsiteY10" fmla="*/ 1037886 h 5270439"/>
              <a:gd name="connsiteX11" fmla="*/ 3314066 w 3995737"/>
              <a:gd name="connsiteY11" fmla="*/ 978965 h 5270439"/>
              <a:gd name="connsiteX12" fmla="*/ 3651488 w 3995737"/>
              <a:gd name="connsiteY12" fmla="*/ 2388577 h 5270439"/>
              <a:gd name="connsiteX13" fmla="*/ 3600836 w 3995737"/>
              <a:gd name="connsiteY13" fmla="*/ 2876793 h 5270439"/>
              <a:gd name="connsiteX14" fmla="*/ 3577783 w 3995737"/>
              <a:gd name="connsiteY14" fmla="*/ 3213869 h 5270439"/>
              <a:gd name="connsiteX15" fmla="*/ 3591363 w 3995737"/>
              <a:gd name="connsiteY15" fmla="*/ 3302305 h 5270439"/>
              <a:gd name="connsiteX16" fmla="*/ 3995737 w 3995737"/>
              <a:gd name="connsiteY16" fmla="*/ 4601392 h 5270439"/>
              <a:gd name="connsiteX17" fmla="*/ 3369270 w 3995737"/>
              <a:gd name="connsiteY17" fmla="*/ 4600836 h 5270439"/>
              <a:gd name="connsiteX18" fmla="*/ 1963737 w 3995737"/>
              <a:gd name="connsiteY18" fmla="*/ 4523854 h 5270439"/>
              <a:gd name="connsiteX19" fmla="*/ 234898 w 3995737"/>
              <a:gd name="connsiteY19" fmla="*/ 5270439 h 5270439"/>
              <a:gd name="connsiteX20" fmla="*/ 0 w 3995737"/>
              <a:gd name="connsiteY20" fmla="*/ 4450426 h 5270439"/>
              <a:gd name="connsiteX21" fmla="*/ 57007 w 3995737"/>
              <a:gd name="connsiteY21" fmla="*/ 4094030 h 5270439"/>
              <a:gd name="connsiteX22" fmla="*/ 199221 w 3995737"/>
              <a:gd name="connsiteY22" fmla="*/ 3627901 h 5270439"/>
              <a:gd name="connsiteX23" fmla="*/ 390183 w 3995737"/>
              <a:gd name="connsiteY23" fmla="*/ 2963220 h 5270439"/>
              <a:gd name="connsiteX24" fmla="*/ 618198 w 3995737"/>
              <a:gd name="connsiteY24" fmla="*/ 2079578 h 5270439"/>
              <a:gd name="connsiteX25" fmla="*/ 1105916 w 3995737"/>
              <a:gd name="connsiteY25" fmla="*/ 509040 h 5270439"/>
              <a:gd name="connsiteX26" fmla="*/ 1331887 w 3995737"/>
              <a:gd name="connsiteY26" fmla="*/ 61446 h 5270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3995737" h="5270439">
                <a:moveTo>
                  <a:pt x="1331887" y="61446"/>
                </a:moveTo>
                <a:lnTo>
                  <a:pt x="1782128" y="0"/>
                </a:lnTo>
                <a:lnTo>
                  <a:pt x="2079827" y="1648042"/>
                </a:lnTo>
                <a:lnTo>
                  <a:pt x="2061021" y="1703444"/>
                </a:lnTo>
                <a:lnTo>
                  <a:pt x="2219014" y="2254470"/>
                </a:lnTo>
                <a:lnTo>
                  <a:pt x="2319094" y="2292433"/>
                </a:lnTo>
                <a:lnTo>
                  <a:pt x="2821705" y="1996344"/>
                </a:lnTo>
                <a:lnTo>
                  <a:pt x="2747385" y="1513958"/>
                </a:lnTo>
                <a:lnTo>
                  <a:pt x="2973100" y="1472619"/>
                </a:lnTo>
                <a:lnTo>
                  <a:pt x="2929819" y="1189293"/>
                </a:lnTo>
                <a:lnTo>
                  <a:pt x="2986320" y="1037886"/>
                </a:lnTo>
                <a:lnTo>
                  <a:pt x="3314066" y="978965"/>
                </a:lnTo>
                <a:lnTo>
                  <a:pt x="3651488" y="2388577"/>
                </a:lnTo>
                <a:lnTo>
                  <a:pt x="3600836" y="2876793"/>
                </a:lnTo>
                <a:lnTo>
                  <a:pt x="3577783" y="3213869"/>
                </a:lnTo>
                <a:cubicBezTo>
                  <a:pt x="3576812" y="3245781"/>
                  <a:pt x="3592334" y="3270393"/>
                  <a:pt x="3591363" y="3302305"/>
                </a:cubicBezTo>
                <a:lnTo>
                  <a:pt x="3995737" y="4601392"/>
                </a:lnTo>
                <a:lnTo>
                  <a:pt x="3369270" y="4600836"/>
                </a:lnTo>
                <a:lnTo>
                  <a:pt x="1963737" y="4523854"/>
                </a:lnTo>
                <a:lnTo>
                  <a:pt x="234898" y="5270439"/>
                </a:lnTo>
                <a:lnTo>
                  <a:pt x="0" y="4450426"/>
                </a:lnTo>
                <a:lnTo>
                  <a:pt x="57007" y="4094030"/>
                </a:lnTo>
                <a:cubicBezTo>
                  <a:pt x="96993" y="3942385"/>
                  <a:pt x="143692" y="3816369"/>
                  <a:pt x="199221" y="3627901"/>
                </a:cubicBezTo>
                <a:cubicBezTo>
                  <a:pt x="254750" y="3439433"/>
                  <a:pt x="320354" y="3221274"/>
                  <a:pt x="390183" y="2963220"/>
                </a:cubicBezTo>
                <a:cubicBezTo>
                  <a:pt x="460012" y="2705166"/>
                  <a:pt x="498909" y="2488608"/>
                  <a:pt x="618198" y="2079578"/>
                </a:cubicBezTo>
                <a:lnTo>
                  <a:pt x="1105916" y="509040"/>
                </a:lnTo>
                <a:lnTo>
                  <a:pt x="1331887" y="61446"/>
                </a:lnTo>
                <a:close/>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4" name="正方形/長方形 23"/>
          <p:cNvSpPr/>
          <p:nvPr/>
        </p:nvSpPr>
        <p:spPr>
          <a:xfrm rot="221545">
            <a:off x="6384866" y="5647093"/>
            <a:ext cx="719051" cy="14150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ja-JP" altLang="en-US" sz="1000" dirty="0" smtClean="0">
                <a:solidFill>
                  <a:schemeClr val="tx1"/>
                </a:solidFill>
              </a:rPr>
              <a:t>ＪＲ北新地駅</a:t>
            </a:r>
            <a:endParaRPr kumimoji="1" lang="ja-JP" altLang="en-US" sz="1000" dirty="0">
              <a:solidFill>
                <a:schemeClr val="tx1"/>
              </a:solidFill>
            </a:endParaRPr>
          </a:p>
        </p:txBody>
      </p:sp>
      <p:sp>
        <p:nvSpPr>
          <p:cNvPr id="22" name="正方形/長方形 21"/>
          <p:cNvSpPr/>
          <p:nvPr/>
        </p:nvSpPr>
        <p:spPr>
          <a:xfrm rot="20455671">
            <a:off x="7606398" y="4207234"/>
            <a:ext cx="137680" cy="891791"/>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000" spc="-100" dirty="0" smtClean="0">
                <a:solidFill>
                  <a:schemeClr val="tx1"/>
                </a:solidFill>
              </a:rPr>
              <a:t>谷町線東梅田駅</a:t>
            </a:r>
            <a:endParaRPr kumimoji="1" lang="ja-JP" altLang="en-US" sz="1000" spc="-100" dirty="0">
              <a:solidFill>
                <a:schemeClr val="tx1"/>
              </a:solidFill>
            </a:endParaRPr>
          </a:p>
        </p:txBody>
      </p:sp>
      <p:sp>
        <p:nvSpPr>
          <p:cNvPr id="40" name="正方形/長方形 39"/>
          <p:cNvSpPr/>
          <p:nvPr/>
        </p:nvSpPr>
        <p:spPr>
          <a:xfrm>
            <a:off x="5016205" y="2780929"/>
            <a:ext cx="360040" cy="288032"/>
          </a:xfrm>
          <a:prstGeom prst="rect">
            <a:avLst/>
          </a:prstGeom>
          <a:solidFill>
            <a:schemeClr val="bg1"/>
          </a:solid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kumimoji="1" lang="ja-JP" altLang="en-US" sz="1200" spc="100" dirty="0" smtClean="0">
                <a:solidFill>
                  <a:schemeClr val="tx1"/>
                </a:solidFill>
              </a:rPr>
              <a:t>②</a:t>
            </a:r>
            <a:endParaRPr kumimoji="1" lang="ja-JP" altLang="en-US" sz="1200" spc="100" dirty="0">
              <a:solidFill>
                <a:schemeClr val="tx1"/>
              </a:solidFill>
            </a:endParaRPr>
          </a:p>
        </p:txBody>
      </p:sp>
      <p:sp>
        <p:nvSpPr>
          <p:cNvPr id="42" name="正方形/長方形 41"/>
          <p:cNvSpPr/>
          <p:nvPr/>
        </p:nvSpPr>
        <p:spPr>
          <a:xfrm>
            <a:off x="7176445" y="3849176"/>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⑧</a:t>
            </a:r>
            <a:endParaRPr lang="en-US" altLang="ja-JP" sz="1200" dirty="0" smtClean="0">
              <a:solidFill>
                <a:schemeClr val="tx1"/>
              </a:solidFill>
            </a:endParaRPr>
          </a:p>
        </p:txBody>
      </p:sp>
      <p:sp>
        <p:nvSpPr>
          <p:cNvPr id="6" name="テキスト ボックス 5"/>
          <p:cNvSpPr txBox="1"/>
          <p:nvPr/>
        </p:nvSpPr>
        <p:spPr>
          <a:xfrm>
            <a:off x="3836498" y="536806"/>
            <a:ext cx="5984397" cy="6048670"/>
          </a:xfrm>
          <a:prstGeom prst="rect">
            <a:avLst/>
          </a:prstGeom>
          <a:noFill/>
          <a:ln>
            <a:solidFill>
              <a:schemeClr val="tx1"/>
            </a:solidFill>
            <a:prstDash val="sysDash"/>
          </a:ln>
        </p:spPr>
        <p:txBody>
          <a:bodyPr wrap="square" rtlCol="0">
            <a:noAutofit/>
          </a:bodyPr>
          <a:lstStyle/>
          <a:p>
            <a:endParaRPr lang="en-US" altLang="ja-JP" sz="1400" dirty="0" smtClean="0">
              <a:latin typeface="ＭＳ Ｐゴシック" pitchFamily="50" charset="-128"/>
              <a:ea typeface="ＭＳ Ｐゴシック" pitchFamily="50" charset="-128"/>
            </a:endParaRPr>
          </a:p>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graphicFrame>
        <p:nvGraphicFramePr>
          <p:cNvPr id="44" name="表 43"/>
          <p:cNvGraphicFramePr>
            <a:graphicFrameLocks noGrp="1"/>
          </p:cNvGraphicFramePr>
          <p:nvPr/>
        </p:nvGraphicFramePr>
        <p:xfrm>
          <a:off x="8121354" y="3789040"/>
          <a:ext cx="1656184" cy="2739398"/>
        </p:xfrm>
        <a:graphic>
          <a:graphicData uri="http://schemas.openxmlformats.org/drawingml/2006/table">
            <a:tbl>
              <a:tblPr firstRow="1" bandRow="1">
                <a:tableStyleId>{5C22544A-7EE6-4342-B048-85BDC9FD1C3A}</a:tableStyleId>
              </a:tblPr>
              <a:tblGrid>
                <a:gridCol w="360040"/>
                <a:gridCol w="1296144"/>
              </a:tblGrid>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番号</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権利者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①</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グランフロント大阪</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②</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うめきた</a:t>
                      </a:r>
                      <a:r>
                        <a:rPr kumimoji="1" lang="en-US" altLang="ja-JP" sz="1000" b="0" dirty="0" smtClean="0">
                          <a:solidFill>
                            <a:schemeClr val="tx1"/>
                          </a:solidFill>
                        </a:rPr>
                        <a:t>2</a:t>
                      </a:r>
                      <a:r>
                        <a:rPr kumimoji="1" lang="ja-JP" altLang="en-US" sz="1000" b="0" dirty="0" smtClean="0">
                          <a:solidFill>
                            <a:schemeClr val="tx1"/>
                          </a:solidFill>
                        </a:rPr>
                        <a:t>期区域</a:t>
                      </a:r>
                      <a:endParaRPr kumimoji="1" lang="en-US" altLang="ja-JP" sz="1000" b="0" dirty="0" smtClean="0">
                        <a:solidFill>
                          <a:schemeClr val="tx1"/>
                        </a:solidFill>
                      </a:endParaRPr>
                    </a:p>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梅田貨物駅跡地）</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58786">
                <a:tc>
                  <a:txBody>
                    <a:bodyPr/>
                    <a:lstStyle/>
                    <a:p>
                      <a:pPr algn="ctr"/>
                      <a:r>
                        <a:rPr kumimoji="1" lang="ja-JP" altLang="en-US" sz="1000" b="0" dirty="0" smtClean="0">
                          <a:solidFill>
                            <a:schemeClr val="tx1"/>
                          </a:solidFill>
                        </a:rPr>
                        <a:t>③</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ヨドバシカメラ</a:t>
                      </a:r>
                      <a:endParaRPr kumimoji="1" lang="en-US" altLang="ja-JP" sz="1000" b="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algn="ctr"/>
                      <a:r>
                        <a:rPr kumimoji="1" lang="ja-JP" altLang="en-US" sz="1000" b="0" dirty="0" smtClean="0">
                          <a:solidFill>
                            <a:schemeClr val="tx1"/>
                          </a:solidFill>
                        </a:rPr>
                        <a:t>④</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en-US" altLang="ja-JP" sz="1000" b="0" dirty="0" smtClean="0">
                          <a:solidFill>
                            <a:schemeClr val="tx1"/>
                          </a:solidFill>
                        </a:rPr>
                        <a:t>JR</a:t>
                      </a:r>
                      <a:r>
                        <a:rPr kumimoji="1" lang="ja-JP" altLang="en-US" sz="1000" b="0" dirty="0" smtClean="0">
                          <a:solidFill>
                            <a:schemeClr val="tx1"/>
                          </a:solidFill>
                        </a:rPr>
                        <a:t>大阪三越伊勢丹</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algn="ctr"/>
                      <a:r>
                        <a:rPr kumimoji="1" lang="ja-JP" altLang="en-US" sz="1000" b="0" dirty="0" smtClean="0">
                          <a:solidFill>
                            <a:schemeClr val="tx1"/>
                          </a:solidFill>
                        </a:rPr>
                        <a:t>⑤</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ルクア</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algn="ctr"/>
                      <a:r>
                        <a:rPr kumimoji="1" lang="ja-JP" altLang="en-US" sz="1000" b="0" dirty="0" smtClean="0">
                          <a:solidFill>
                            <a:schemeClr val="tx1"/>
                          </a:solidFill>
                        </a:rPr>
                        <a:t>⑥</a:t>
                      </a:r>
                      <a:endParaRPr kumimoji="1" lang="ja-JP" altLang="en-US" sz="1000" b="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rPr>
                        <a:t>大丸百貨店</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⑦</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a:r>
                        <a:rPr lang="ja-JP" altLang="en-US" sz="1000" dirty="0" smtClean="0"/>
                        <a:t>阪急百貨店</a:t>
                      </a:r>
                      <a:endParaRPr lang="ja-JP" altLang="en-US" sz="1000" dirty="0"/>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⑧</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梅田阪急ビル</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⑨</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中央郵便局跡地</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⑩</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阪神百貨店</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⑪</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新阪急ビル</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⑫</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大阪駅前第１～４ビル</a:t>
                      </a:r>
                      <a:endParaRPr kumimoji="1" lang="en-US" altLang="ja-JP" sz="1000" b="0" dirty="0" smtClean="0">
                        <a:solidFill>
                          <a:schemeClr val="tx1"/>
                        </a:solidFill>
                        <a:latin typeface="+mn-ea"/>
                        <a:ea typeface="+mn-ea"/>
                      </a:endParaRPr>
                    </a:p>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a:t>
                      </a:r>
                      <a:r>
                        <a:rPr kumimoji="1" lang="en-US" altLang="ja-JP" sz="1000" b="0" dirty="0" smtClean="0">
                          <a:solidFill>
                            <a:schemeClr val="tx1"/>
                          </a:solidFill>
                          <a:latin typeface="+mn-ea"/>
                          <a:ea typeface="+mn-ea"/>
                        </a:rPr>
                        <a:t>1970</a:t>
                      </a:r>
                      <a:r>
                        <a:rPr kumimoji="1" lang="ja-JP" altLang="en-US" sz="1000" b="0" dirty="0" smtClean="0">
                          <a:solidFill>
                            <a:schemeClr val="tx1"/>
                          </a:solidFill>
                          <a:latin typeface="+mn-ea"/>
                          <a:ea typeface="+mn-ea"/>
                        </a:rPr>
                        <a:t>～</a:t>
                      </a:r>
                      <a:r>
                        <a:rPr kumimoji="1" lang="en-US" altLang="ja-JP" sz="1000" b="0" dirty="0" smtClean="0">
                          <a:solidFill>
                            <a:schemeClr val="tx1"/>
                          </a:solidFill>
                          <a:latin typeface="+mn-ea"/>
                          <a:ea typeface="+mn-ea"/>
                        </a:rPr>
                        <a:t>81</a:t>
                      </a:r>
                      <a:r>
                        <a:rPr kumimoji="1" lang="ja-JP" altLang="en-US" sz="1000" b="0" dirty="0" smtClean="0">
                          <a:solidFill>
                            <a:schemeClr val="tx1"/>
                          </a:solidFill>
                          <a:latin typeface="+mn-ea"/>
                          <a:ea typeface="+mn-ea"/>
                        </a:rPr>
                        <a:t>年築）</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⑬</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ハービス</a:t>
                      </a:r>
                      <a:r>
                        <a:rPr kumimoji="1" lang="en-US" altLang="ja-JP" sz="1000" b="0" dirty="0" smtClean="0">
                          <a:solidFill>
                            <a:schemeClr val="tx1"/>
                          </a:solidFill>
                          <a:latin typeface="+mn-ea"/>
                          <a:ea typeface="+mn-ea"/>
                        </a:rPr>
                        <a:t>ENT</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164251">
                <a:tc>
                  <a:txBody>
                    <a:bodyPr/>
                    <a:lstStyle/>
                    <a:p>
                      <a:pPr marL="0" marR="0" indent="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⑭</a:t>
                      </a:r>
                      <a:endParaRPr kumimoji="1" lang="en-US" altLang="ja-JP" sz="1000" b="0" dirty="0" smtClean="0">
                        <a:solidFill>
                          <a:schemeClr val="tx1"/>
                        </a:solidFill>
                        <a:latin typeface="+mn-ea"/>
                        <a:ea typeface="+mn-ea"/>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marL="88900" marR="0" indent="-88900" algn="ctr" defTabSz="9577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1"/>
                          </a:solidFill>
                          <a:latin typeface="+mn-ea"/>
                          <a:ea typeface="+mn-ea"/>
                        </a:rPr>
                        <a:t>ハービス</a:t>
                      </a:r>
                      <a:r>
                        <a:rPr kumimoji="1" lang="en-US" altLang="ja-JP" sz="1000" b="0" dirty="0" smtClean="0">
                          <a:solidFill>
                            <a:schemeClr val="tx1"/>
                          </a:solidFill>
                          <a:latin typeface="+mn-ea"/>
                          <a:ea typeface="+mn-ea"/>
                        </a:rPr>
                        <a:t>OSAKA</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
        <p:nvSpPr>
          <p:cNvPr id="46" name="正方形/長方形 45"/>
          <p:cNvSpPr/>
          <p:nvPr/>
        </p:nvSpPr>
        <p:spPr>
          <a:xfrm>
            <a:off x="6249144" y="2852936"/>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kumimoji="1" lang="ja-JP" altLang="en-US" sz="1200" spc="100" dirty="0" smtClean="0">
                <a:solidFill>
                  <a:schemeClr val="tx1"/>
                </a:solidFill>
              </a:rPr>
              <a:t>③</a:t>
            </a:r>
            <a:endParaRPr kumimoji="1" lang="ja-JP" altLang="en-US" sz="1200" spc="100" dirty="0">
              <a:solidFill>
                <a:schemeClr val="tx1"/>
              </a:solidFill>
            </a:endParaRPr>
          </a:p>
        </p:txBody>
      </p:sp>
      <p:sp>
        <p:nvSpPr>
          <p:cNvPr id="47" name="正方形/長方形 46"/>
          <p:cNvSpPr/>
          <p:nvPr/>
        </p:nvSpPr>
        <p:spPr>
          <a:xfrm>
            <a:off x="5745090" y="2924944"/>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smtClean="0">
                <a:solidFill>
                  <a:schemeClr val="tx1"/>
                </a:solidFill>
              </a:rPr>
              <a:t>①</a:t>
            </a:r>
            <a:endParaRPr kumimoji="1" lang="ja-JP" altLang="en-US" sz="1200" spc="100" dirty="0">
              <a:solidFill>
                <a:schemeClr val="tx1"/>
              </a:solidFill>
            </a:endParaRPr>
          </a:p>
        </p:txBody>
      </p:sp>
      <p:sp>
        <p:nvSpPr>
          <p:cNvPr id="49" name="正方形/長方形 48"/>
          <p:cNvSpPr/>
          <p:nvPr/>
        </p:nvSpPr>
        <p:spPr>
          <a:xfrm>
            <a:off x="5601072" y="1988840"/>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smtClean="0">
                <a:solidFill>
                  <a:schemeClr val="tx1"/>
                </a:solidFill>
              </a:rPr>
              <a:t>①</a:t>
            </a:r>
            <a:endParaRPr kumimoji="1" lang="ja-JP" altLang="en-US" sz="1200" spc="100" dirty="0">
              <a:solidFill>
                <a:schemeClr val="tx1"/>
              </a:solidFill>
            </a:endParaRPr>
          </a:p>
        </p:txBody>
      </p:sp>
      <p:sp>
        <p:nvSpPr>
          <p:cNvPr id="51" name="正方形/長方形 50"/>
          <p:cNvSpPr/>
          <p:nvPr/>
        </p:nvSpPr>
        <p:spPr>
          <a:xfrm>
            <a:off x="5673082" y="3645024"/>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smtClean="0">
                <a:solidFill>
                  <a:schemeClr val="tx1"/>
                </a:solidFill>
              </a:rPr>
              <a:t>④</a:t>
            </a:r>
            <a:endParaRPr kumimoji="1" lang="ja-JP" altLang="en-US" sz="1200" spc="100" dirty="0">
              <a:solidFill>
                <a:schemeClr val="tx1"/>
              </a:solidFill>
            </a:endParaRPr>
          </a:p>
        </p:txBody>
      </p:sp>
      <p:sp>
        <p:nvSpPr>
          <p:cNvPr id="52" name="正方形/長方形 51"/>
          <p:cNvSpPr/>
          <p:nvPr/>
        </p:nvSpPr>
        <p:spPr>
          <a:xfrm>
            <a:off x="6177137" y="3356992"/>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smtClean="0">
                <a:solidFill>
                  <a:schemeClr val="tx1"/>
                </a:solidFill>
              </a:rPr>
              <a:t>⑤</a:t>
            </a:r>
            <a:endParaRPr kumimoji="1" lang="ja-JP" altLang="en-US" sz="1200" spc="100" dirty="0">
              <a:solidFill>
                <a:schemeClr val="tx1"/>
              </a:solidFill>
            </a:endParaRPr>
          </a:p>
        </p:txBody>
      </p:sp>
      <p:sp>
        <p:nvSpPr>
          <p:cNvPr id="53" name="正方形/長方形 52"/>
          <p:cNvSpPr/>
          <p:nvPr/>
        </p:nvSpPr>
        <p:spPr>
          <a:xfrm>
            <a:off x="6321152" y="4005064"/>
            <a:ext cx="360040" cy="288032"/>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vert="eaVert" wrap="none" lIns="0" tIns="0" rIns="0" bIns="0" rtlCol="0" anchor="ctr"/>
          <a:lstStyle/>
          <a:p>
            <a:pPr algn="ctr"/>
            <a:r>
              <a:rPr lang="ja-JP" altLang="en-US" sz="1200" spc="100" dirty="0" smtClean="0">
                <a:solidFill>
                  <a:schemeClr val="tx1"/>
                </a:solidFill>
              </a:rPr>
              <a:t>⑥</a:t>
            </a:r>
            <a:endParaRPr kumimoji="1" lang="ja-JP" altLang="en-US" sz="1200" spc="100" dirty="0">
              <a:solidFill>
                <a:schemeClr val="tx1"/>
              </a:solidFill>
            </a:endParaRPr>
          </a:p>
        </p:txBody>
      </p:sp>
      <p:sp>
        <p:nvSpPr>
          <p:cNvPr id="54" name="正方形/長方形 53"/>
          <p:cNvSpPr/>
          <p:nvPr/>
        </p:nvSpPr>
        <p:spPr>
          <a:xfrm>
            <a:off x="5457056" y="4509124"/>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⑨</a:t>
            </a:r>
            <a:endParaRPr lang="en-US" altLang="ja-JP" sz="1200" dirty="0" smtClean="0">
              <a:solidFill>
                <a:schemeClr val="tx1"/>
              </a:solidFill>
            </a:endParaRPr>
          </a:p>
        </p:txBody>
      </p:sp>
      <p:sp>
        <p:nvSpPr>
          <p:cNvPr id="55" name="正方形/長方形 54"/>
          <p:cNvSpPr/>
          <p:nvPr/>
        </p:nvSpPr>
        <p:spPr>
          <a:xfrm>
            <a:off x="6753202" y="4293100"/>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⑩</a:t>
            </a:r>
            <a:endParaRPr lang="en-US" altLang="ja-JP" sz="1200" dirty="0" smtClean="0">
              <a:solidFill>
                <a:schemeClr val="tx1"/>
              </a:solidFill>
            </a:endParaRPr>
          </a:p>
        </p:txBody>
      </p:sp>
      <p:sp>
        <p:nvSpPr>
          <p:cNvPr id="56" name="正方形/長方形 55"/>
          <p:cNvSpPr/>
          <p:nvPr/>
        </p:nvSpPr>
        <p:spPr>
          <a:xfrm>
            <a:off x="7185250" y="4437116"/>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⑪</a:t>
            </a:r>
            <a:endParaRPr lang="en-US" altLang="ja-JP" sz="1200" dirty="0" smtClean="0">
              <a:solidFill>
                <a:schemeClr val="tx1"/>
              </a:solidFill>
            </a:endParaRPr>
          </a:p>
        </p:txBody>
      </p:sp>
      <p:sp>
        <p:nvSpPr>
          <p:cNvPr id="57" name="正方形/長方形 56"/>
          <p:cNvSpPr/>
          <p:nvPr/>
        </p:nvSpPr>
        <p:spPr>
          <a:xfrm>
            <a:off x="7257257" y="4869164"/>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⑫</a:t>
            </a:r>
            <a:endParaRPr lang="en-US" altLang="ja-JP" sz="1200" dirty="0" smtClean="0">
              <a:solidFill>
                <a:schemeClr val="tx1"/>
              </a:solidFill>
            </a:endParaRPr>
          </a:p>
          <a:p>
            <a:pPr algn="ctr">
              <a:lnSpc>
                <a:spcPts val="1000"/>
              </a:lnSpc>
            </a:pPr>
            <a:r>
              <a:rPr lang="ja-JP" altLang="en-US" sz="1200" dirty="0" smtClean="0">
                <a:solidFill>
                  <a:schemeClr val="tx1"/>
                </a:solidFill>
              </a:rPr>
              <a:t>第</a:t>
            </a:r>
            <a:r>
              <a:rPr lang="en-US" altLang="ja-JP" sz="1200" dirty="0" smtClean="0">
                <a:solidFill>
                  <a:schemeClr val="tx1"/>
                </a:solidFill>
              </a:rPr>
              <a:t>4</a:t>
            </a:r>
            <a:r>
              <a:rPr lang="ja-JP" altLang="en-US" sz="1200" dirty="0" smtClean="0">
                <a:solidFill>
                  <a:schemeClr val="tx1"/>
                </a:solidFill>
              </a:rPr>
              <a:t>ビル</a:t>
            </a:r>
            <a:endParaRPr lang="en-US" altLang="ja-JP" sz="1200" dirty="0" smtClean="0">
              <a:solidFill>
                <a:schemeClr val="tx1"/>
              </a:solidFill>
            </a:endParaRPr>
          </a:p>
        </p:txBody>
      </p:sp>
      <p:sp>
        <p:nvSpPr>
          <p:cNvPr id="58" name="正方形/長方形 57"/>
          <p:cNvSpPr/>
          <p:nvPr/>
        </p:nvSpPr>
        <p:spPr>
          <a:xfrm>
            <a:off x="6321153" y="5301212"/>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⑫</a:t>
            </a:r>
            <a:endParaRPr lang="en-US" altLang="ja-JP" sz="1200" dirty="0" smtClean="0">
              <a:solidFill>
                <a:schemeClr val="tx1"/>
              </a:solidFill>
            </a:endParaRPr>
          </a:p>
          <a:p>
            <a:pPr>
              <a:lnSpc>
                <a:spcPts val="1000"/>
              </a:lnSpc>
            </a:pPr>
            <a:r>
              <a:rPr lang="ja-JP" altLang="en-US" sz="1200" dirty="0" smtClean="0">
                <a:solidFill>
                  <a:schemeClr val="tx1"/>
                </a:solidFill>
              </a:rPr>
              <a:t>第</a:t>
            </a:r>
            <a:r>
              <a:rPr lang="en-US" altLang="ja-JP" sz="1200" dirty="0" smtClean="0">
                <a:solidFill>
                  <a:schemeClr val="tx1"/>
                </a:solidFill>
              </a:rPr>
              <a:t>1</a:t>
            </a:r>
            <a:r>
              <a:rPr lang="ja-JP" altLang="en-US" sz="1200" dirty="0" smtClean="0">
                <a:solidFill>
                  <a:schemeClr val="tx1"/>
                </a:solidFill>
              </a:rPr>
              <a:t>ビル</a:t>
            </a:r>
            <a:endParaRPr lang="en-US" altLang="ja-JP" sz="1200" dirty="0" smtClean="0">
              <a:solidFill>
                <a:schemeClr val="tx1"/>
              </a:solidFill>
            </a:endParaRPr>
          </a:p>
        </p:txBody>
      </p:sp>
      <p:sp>
        <p:nvSpPr>
          <p:cNvPr id="59" name="正方形/長方形 58"/>
          <p:cNvSpPr/>
          <p:nvPr/>
        </p:nvSpPr>
        <p:spPr>
          <a:xfrm>
            <a:off x="6825210" y="5301212"/>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⑫</a:t>
            </a:r>
            <a:endParaRPr lang="en-US" altLang="ja-JP" sz="1200" dirty="0" smtClean="0">
              <a:solidFill>
                <a:schemeClr val="tx1"/>
              </a:solidFill>
            </a:endParaRPr>
          </a:p>
          <a:p>
            <a:pPr>
              <a:lnSpc>
                <a:spcPts val="1000"/>
              </a:lnSpc>
            </a:pPr>
            <a:r>
              <a:rPr lang="ja-JP" altLang="en-US" sz="1200" dirty="0" smtClean="0">
                <a:solidFill>
                  <a:schemeClr val="tx1"/>
                </a:solidFill>
              </a:rPr>
              <a:t>第</a:t>
            </a:r>
            <a:r>
              <a:rPr lang="en-US" altLang="ja-JP" sz="1200" dirty="0" smtClean="0">
                <a:solidFill>
                  <a:schemeClr val="tx1"/>
                </a:solidFill>
              </a:rPr>
              <a:t>2</a:t>
            </a:r>
            <a:r>
              <a:rPr lang="ja-JP" altLang="en-US" sz="1200" dirty="0" smtClean="0">
                <a:solidFill>
                  <a:schemeClr val="tx1"/>
                </a:solidFill>
              </a:rPr>
              <a:t>ビル</a:t>
            </a:r>
            <a:endParaRPr lang="en-US" altLang="ja-JP" sz="1200" dirty="0" smtClean="0">
              <a:solidFill>
                <a:schemeClr val="tx1"/>
              </a:solidFill>
            </a:endParaRPr>
          </a:p>
        </p:txBody>
      </p:sp>
      <p:sp>
        <p:nvSpPr>
          <p:cNvPr id="60" name="正方形/長方形 59"/>
          <p:cNvSpPr/>
          <p:nvPr/>
        </p:nvSpPr>
        <p:spPr>
          <a:xfrm>
            <a:off x="7329264" y="5301212"/>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⑫</a:t>
            </a:r>
            <a:endParaRPr lang="en-US" altLang="ja-JP" sz="1200" dirty="0" smtClean="0">
              <a:solidFill>
                <a:schemeClr val="tx1"/>
              </a:solidFill>
            </a:endParaRPr>
          </a:p>
          <a:p>
            <a:pPr>
              <a:lnSpc>
                <a:spcPts val="1000"/>
              </a:lnSpc>
            </a:pPr>
            <a:r>
              <a:rPr lang="ja-JP" altLang="en-US" sz="1200" dirty="0" smtClean="0">
                <a:solidFill>
                  <a:schemeClr val="tx1"/>
                </a:solidFill>
              </a:rPr>
              <a:t>第</a:t>
            </a:r>
            <a:r>
              <a:rPr lang="en-US" altLang="ja-JP" sz="1200" dirty="0" smtClean="0">
                <a:solidFill>
                  <a:schemeClr val="tx1"/>
                </a:solidFill>
              </a:rPr>
              <a:t>3</a:t>
            </a:r>
            <a:r>
              <a:rPr lang="ja-JP" altLang="en-US" sz="1200" dirty="0" smtClean="0">
                <a:solidFill>
                  <a:schemeClr val="tx1"/>
                </a:solidFill>
              </a:rPr>
              <a:t>ビル</a:t>
            </a:r>
            <a:endParaRPr lang="en-US" altLang="ja-JP" sz="1200" dirty="0" smtClean="0">
              <a:solidFill>
                <a:schemeClr val="tx1"/>
              </a:solidFill>
            </a:endParaRPr>
          </a:p>
        </p:txBody>
      </p:sp>
      <p:sp>
        <p:nvSpPr>
          <p:cNvPr id="61" name="正方形/長方形 60"/>
          <p:cNvSpPr/>
          <p:nvPr/>
        </p:nvSpPr>
        <p:spPr>
          <a:xfrm>
            <a:off x="5673080" y="4869164"/>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⑬</a:t>
            </a:r>
            <a:endParaRPr lang="en-US" altLang="ja-JP" sz="1200" dirty="0" smtClean="0">
              <a:solidFill>
                <a:schemeClr val="tx1"/>
              </a:solidFill>
            </a:endParaRPr>
          </a:p>
        </p:txBody>
      </p:sp>
      <p:sp>
        <p:nvSpPr>
          <p:cNvPr id="62" name="正方形/長方形 61"/>
          <p:cNvSpPr/>
          <p:nvPr/>
        </p:nvSpPr>
        <p:spPr>
          <a:xfrm>
            <a:off x="4953002" y="5445228"/>
            <a:ext cx="495392" cy="31309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lnSpc>
                <a:spcPts val="1000"/>
              </a:lnSpc>
            </a:pPr>
            <a:r>
              <a:rPr lang="ja-JP" altLang="en-US" sz="1200" dirty="0" smtClean="0">
                <a:solidFill>
                  <a:schemeClr val="tx1"/>
                </a:solidFill>
              </a:rPr>
              <a:t>⑭</a:t>
            </a:r>
            <a:endParaRPr lang="en-US" altLang="ja-JP" sz="1200" dirty="0" smtClean="0">
              <a:solidFill>
                <a:schemeClr val="tx1"/>
              </a:solidFill>
            </a:endParaRPr>
          </a:p>
        </p:txBody>
      </p:sp>
      <p:sp>
        <p:nvSpPr>
          <p:cNvPr id="41" name="スライド番号プレースホルダ 8"/>
          <p:cNvSpPr>
            <a:spLocks noGrp="1"/>
          </p:cNvSpPr>
          <p:nvPr>
            <p:ph type="sldNum" sz="quarter" idx="12"/>
          </p:nvPr>
        </p:nvSpPr>
        <p:spPr>
          <a:xfrm>
            <a:off x="7594600" y="6633029"/>
            <a:ext cx="2311400" cy="225055"/>
          </a:xfrm>
        </p:spPr>
        <p:txBody>
          <a:bodyPr/>
          <a:lstStyle/>
          <a:p>
            <a:fld id="{37EF5067-3AB7-4642-9103-42CBD40CC6D9}" type="slidenum">
              <a:rPr kumimoji="1" lang="ja-JP" altLang="en-US" smtClean="0"/>
              <a:pPr/>
              <a:t>7</a:t>
            </a:fld>
            <a:endParaRPr kumimoji="1" lang="ja-JP" altLang="en-US" dirty="0"/>
          </a:p>
        </p:txBody>
      </p:sp>
    </p:spTree>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正方形/長方形 46"/>
          <p:cNvSpPr/>
          <p:nvPr/>
        </p:nvSpPr>
        <p:spPr>
          <a:xfrm>
            <a:off x="584515" y="725633"/>
            <a:ext cx="8725504" cy="1125743"/>
          </a:xfrm>
          <a:prstGeom prst="rect">
            <a:avLst/>
          </a:prstGeom>
          <a:solidFill>
            <a:srgbClr val="A3F7FB"/>
          </a:solidFill>
          <a:ln>
            <a:solidFill>
              <a:srgbClr val="1D05CD"/>
            </a:solidFill>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a:t>
            </a:r>
            <a:r>
              <a:rPr lang="ja-JP" altLang="en-US" sz="1600" b="1" u="sng"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保険外</a:t>
            </a:r>
            <a:r>
              <a:rPr lang="ja-JP" altLang="en-US" sz="1600" b="1" u="sng"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併用療養に関する特例 関連</a:t>
            </a:r>
            <a:r>
              <a:rPr lang="ja-JP" altLang="en-US" sz="1600" b="1" u="sng"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事業</a:t>
            </a:r>
            <a:r>
              <a:rPr lang="ja-JP" altLang="en-US" sz="1600"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a:t>
            </a:r>
            <a:r>
              <a:rPr lang="en-US" altLang="ja-JP" sz="1600"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600"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下図①</a:t>
            </a:r>
            <a:r>
              <a:rPr lang="ja-JP" altLang="en-US" sz="1600"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②</a:t>
            </a:r>
            <a:r>
              <a:rPr lang="en-US" altLang="ja-JP" sz="1600"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lang="en-US" altLang="ja-JP" sz="10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marL="285750" indent="-285750">
              <a:buFont typeface="Arial" panose="020B0604020202020204" pitchFamily="34" charset="0"/>
              <a:buChar char="•"/>
              <a:defRPr/>
            </a:pPr>
            <a:r>
              <a:rPr lang="ja-JP" altLang="en-US" sz="16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米国</a:t>
            </a:r>
            <a:r>
              <a:rPr lang="ja-JP" altLang="en-US" sz="16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英国、フランス、ドイツ、カナダ又はオーストラリアにおいて承認を受けている医薬品等で、日本においては未承認又は適応外のすべてを対象として、スピーディーに先端医療を提供できるようにするもの。</a:t>
            </a:r>
          </a:p>
        </p:txBody>
      </p:sp>
      <p:sp>
        <p:nvSpPr>
          <p:cNvPr id="48" name="正方形/長方形 47"/>
          <p:cNvSpPr/>
          <p:nvPr/>
        </p:nvSpPr>
        <p:spPr>
          <a:xfrm>
            <a:off x="584516" y="4776090"/>
            <a:ext cx="6240693" cy="1057768"/>
          </a:xfrm>
          <a:prstGeom prst="rect">
            <a:avLst/>
          </a:prstGeom>
          <a:solidFill>
            <a:schemeClr val="accent5">
              <a:lumMod val="20000"/>
              <a:lumOff val="80000"/>
            </a:schemeClr>
          </a:solidFill>
          <a:ln w="12700">
            <a:solidFill>
              <a:schemeClr val="accent5">
                <a:lumMod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lstStyle/>
          <a:p>
            <a:pPr>
              <a:defRPr/>
            </a:pPr>
            <a:r>
              <a:rPr lang="en-US" altLang="ja-JP" sz="12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参考</a:t>
            </a:r>
            <a:r>
              <a:rPr lang="en-US" altLang="ja-JP" sz="12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大阪府域以外の第１回</a:t>
            </a:r>
            <a:r>
              <a:rPr lang="ja-JP" altLang="en-US" sz="12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区域計画認定</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事業</a:t>
            </a:r>
            <a:r>
              <a:rPr lang="ja-JP" altLang="en-US" sz="12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a:t>
            </a:r>
            <a:endParaRPr lang="en-US" altLang="ja-JP" sz="7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a:p>
            <a:pPr>
              <a:defRPr/>
            </a:pPr>
            <a:endParaRPr lang="en-US" altLang="ja-JP" sz="5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a:p>
            <a:pPr>
              <a:defRPr/>
            </a:pPr>
            <a:r>
              <a:rPr lang="ja-JP" altLang="en-US" sz="12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a:t>
            </a:r>
            <a:r>
              <a:rPr lang="ja-JP" altLang="en-US" sz="12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保険外併用療養に関する特例　関連</a:t>
            </a: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事業</a:t>
            </a:r>
            <a:r>
              <a:rPr lang="ja-JP" altLang="en-US" sz="12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a:t>
            </a:r>
            <a:endParaRPr lang="en-US" altLang="ja-JP" sz="12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a:p>
            <a:pPr>
              <a:defRPr/>
            </a:pP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a:t>
            </a:r>
            <a:r>
              <a:rPr lang="ja-JP" altLang="en-US"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咽</a:t>
            </a:r>
            <a:r>
              <a:rPr lang="ja-JP" altLang="en-US" sz="12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喉頭癌に対する経口的ロボット支援</a:t>
            </a:r>
            <a:r>
              <a:rPr lang="ja-JP" altLang="en-US"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手術法</a:t>
            </a:r>
            <a:r>
              <a:rPr lang="en-US" altLang="ja-JP"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r>
              <a:rPr lang="ja-JP" altLang="en-US" sz="12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京都大学医学部附属病院</a:t>
            </a:r>
            <a:r>
              <a:rPr lang="en-US" altLang="ja-JP"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endParaRPr lang="en-US" altLang="ja-JP" sz="1200" u="sng"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a:p>
            <a:pPr>
              <a:defRPr/>
            </a:pP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国家</a:t>
            </a:r>
            <a:r>
              <a:rPr lang="ja-JP" altLang="en-US" sz="1200" b="1"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戦略特別区域高度医療提供事業（病床規制に係る医療法の特例</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a:t>
            </a:r>
            <a:endParaRPr lang="en-US" altLang="ja-JP" sz="1200" dirty="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endParaRPr>
          </a:p>
          <a:p>
            <a:pPr>
              <a:defRPr/>
            </a:pPr>
            <a:r>
              <a:rPr lang="ja-JP" altLang="en-US" sz="1200" b="1" dirty="0" smtClean="0">
                <a:solidFill>
                  <a:schemeClr val="tx1"/>
                </a:solidFill>
                <a:latin typeface="ＭＳ Ｐゴシック" panose="020B0600070205080204" pitchFamily="50" charset="-128"/>
                <a:ea typeface="ＭＳ Ｐゴシック" panose="020B0600070205080204" pitchFamily="50" charset="-128"/>
                <a:cs typeface="メイリオ" panose="020B0604030504040204" pitchFamily="50" charset="-128"/>
              </a:rPr>
              <a:t>　　　　　</a:t>
            </a:r>
            <a:r>
              <a:rPr lang="en-US" altLang="ja-JP" sz="1200" dirty="0" err="1"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iPS</a:t>
            </a:r>
            <a:r>
              <a:rPr lang="ja-JP" altLang="en-US" sz="12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細胞を用いた網膜再生（滲出型加齢黄斑変性</a:t>
            </a:r>
            <a:r>
              <a:rPr lang="ja-JP" altLang="en-US"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r>
              <a:rPr lang="en-US" altLang="ja-JP"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r>
              <a:rPr lang="ja-JP" altLang="en-US"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先端医療振興財団</a:t>
            </a:r>
            <a:r>
              <a:rPr lang="en-US" altLang="ja-JP" sz="1200" dirty="0" smtClean="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rPr>
              <a:t>】</a:t>
            </a:r>
            <a:endParaRPr lang="ja-JP" altLang="en-US" sz="1200" dirty="0">
              <a:solidFill>
                <a:schemeClr val="tx1"/>
              </a:solidFill>
              <a:latin typeface="ＭＳ Ｐ明朝" panose="02020600040205080304" pitchFamily="18" charset="-128"/>
              <a:ea typeface="ＭＳ Ｐ明朝" panose="02020600040205080304" pitchFamily="18" charset="-128"/>
              <a:cs typeface="メイリオ" panose="020B0604030504040204" pitchFamily="50" charset="-128"/>
            </a:endParaRPr>
          </a:p>
        </p:txBody>
      </p:sp>
      <p:grpSp>
        <p:nvGrpSpPr>
          <p:cNvPr id="3" name="グループ化 9"/>
          <p:cNvGrpSpPr/>
          <p:nvPr/>
        </p:nvGrpSpPr>
        <p:grpSpPr>
          <a:xfrm>
            <a:off x="896550" y="1988839"/>
            <a:ext cx="3459360" cy="2664296"/>
            <a:chOff x="827584" y="1824465"/>
            <a:chExt cx="3364910" cy="2820242"/>
          </a:xfrm>
        </p:grpSpPr>
        <p:sp>
          <p:nvSpPr>
            <p:cNvPr id="46" name="角丸四角形 45"/>
            <p:cNvSpPr/>
            <p:nvPr/>
          </p:nvSpPr>
          <p:spPr>
            <a:xfrm>
              <a:off x="827584" y="4002473"/>
              <a:ext cx="3364910" cy="642234"/>
            </a:xfrm>
            <a:prstGeom prst="round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600" dirty="0">
                  <a:solidFill>
                    <a:schemeClr val="tx1"/>
                  </a:solidFill>
                  <a:latin typeface="ＭＳ Ｐゴシック" panose="020B0600070205080204" pitchFamily="50" charset="-128"/>
                  <a:ea typeface="ＭＳ Ｐゴシック" panose="020B0600070205080204" pitchFamily="50" charset="-128"/>
                </a:rPr>
                <a:t>①卵巣癌治療薬</a:t>
              </a:r>
              <a:endParaRPr lang="en-US" altLang="ja-JP" sz="1600" dirty="0">
                <a:solidFill>
                  <a:schemeClr val="tx1"/>
                </a:solidFill>
                <a:latin typeface="ＭＳ Ｐゴシック" panose="020B0600070205080204" pitchFamily="50" charset="-128"/>
                <a:ea typeface="ＭＳ Ｐゴシック" panose="020B0600070205080204" pitchFamily="50" charset="-128"/>
              </a:endParaRPr>
            </a:p>
            <a:p>
              <a:pPr algn="ctr">
                <a:defRPr/>
              </a:pPr>
              <a:r>
                <a:rPr lang="en-US" altLang="ja-JP" sz="1600" dirty="0">
                  <a:solidFill>
                    <a:schemeClr val="tx1"/>
                  </a:solidFill>
                  <a:latin typeface="ＭＳ Ｐゴシック" panose="020B0600070205080204" pitchFamily="50" charset="-128"/>
                  <a:ea typeface="ＭＳ Ｐゴシック" panose="020B0600070205080204" pitchFamily="50" charset="-128"/>
                </a:rPr>
                <a:t>【</a:t>
              </a:r>
              <a:r>
                <a:rPr lang="ja-JP" altLang="en-US" sz="1600" dirty="0">
                  <a:solidFill>
                    <a:schemeClr val="tx1"/>
                  </a:solidFill>
                  <a:latin typeface="ＭＳ Ｐゴシック" panose="020B0600070205080204" pitchFamily="50" charset="-128"/>
                  <a:ea typeface="ＭＳ Ｐゴシック" panose="020B0600070205080204" pitchFamily="50" charset="-128"/>
                </a:rPr>
                <a:t>大阪大学医学部附属病院</a:t>
              </a:r>
              <a:r>
                <a:rPr lang="en-US" altLang="ja-JP" sz="1600" dirty="0">
                  <a:solidFill>
                    <a:schemeClr val="tx1"/>
                  </a:solidFill>
                  <a:latin typeface="ＭＳ Ｐゴシック" panose="020B0600070205080204" pitchFamily="50" charset="-128"/>
                  <a:ea typeface="ＭＳ Ｐゴシック" panose="020B0600070205080204" pitchFamily="50" charset="-128"/>
                </a:rPr>
                <a:t>】</a:t>
              </a:r>
              <a:endParaRPr lang="ja-JP" altLang="en-US" sz="1600" dirty="0">
                <a:solidFill>
                  <a:schemeClr val="tx1"/>
                </a:solidFill>
                <a:latin typeface="ＭＳ Ｐゴシック" panose="020B0600070205080204" pitchFamily="50" charset="-128"/>
                <a:ea typeface="ＭＳ Ｐゴシック" panose="020B0600070205080204" pitchFamily="50" charset="-128"/>
              </a:endParaRPr>
            </a:p>
          </p:txBody>
        </p:sp>
        <p:pic>
          <p:nvPicPr>
            <p:cNvPr id="5137" name="図 20" descr="スライド2-2.jpg"/>
            <p:cNvPicPr>
              <a:picLocks noChangeAspect="1"/>
            </p:cNvPicPr>
            <p:nvPr/>
          </p:nvPicPr>
          <p:blipFill>
            <a:blip r:embed="rId2" cstate="email">
              <a:extLst>
                <a:ext uri="{28A0092B-C50C-407E-A947-70E740481C1C}">
                  <a14:useLocalDpi xmlns:a14="http://schemas.microsoft.com/office/drawing/2010/main" val="0"/>
                </a:ext>
              </a:extLst>
            </a:blip>
            <a:srcRect/>
            <a:stretch>
              <a:fillRect/>
            </a:stretch>
          </p:blipFill>
          <p:spPr bwMode="auto">
            <a:xfrm>
              <a:off x="941177" y="1824465"/>
              <a:ext cx="3079662" cy="2104424"/>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grpSp>
      <p:grpSp>
        <p:nvGrpSpPr>
          <p:cNvPr id="4" name="グループ化 8"/>
          <p:cNvGrpSpPr/>
          <p:nvPr/>
        </p:nvGrpSpPr>
        <p:grpSpPr>
          <a:xfrm>
            <a:off x="5263823" y="1988839"/>
            <a:ext cx="3433594" cy="2664296"/>
            <a:chOff x="4376769" y="1824464"/>
            <a:chExt cx="3435591" cy="2820241"/>
          </a:xfrm>
        </p:grpSpPr>
        <p:sp>
          <p:nvSpPr>
            <p:cNvPr id="44" name="角丸四角形 43"/>
            <p:cNvSpPr/>
            <p:nvPr/>
          </p:nvSpPr>
          <p:spPr>
            <a:xfrm>
              <a:off x="4376769" y="4002473"/>
              <a:ext cx="3435591" cy="642232"/>
            </a:xfrm>
            <a:prstGeom prst="round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600" dirty="0">
                  <a:solidFill>
                    <a:schemeClr val="tx1"/>
                  </a:solidFill>
                  <a:latin typeface="ＭＳ Ｐゴシック" panose="020B0600070205080204" pitchFamily="50" charset="-128"/>
                  <a:ea typeface="ＭＳ Ｐゴシック" panose="020B0600070205080204" pitchFamily="50" charset="-128"/>
                </a:rPr>
                <a:t>②皮下埋込み型除細動器</a:t>
              </a:r>
              <a:endParaRPr lang="en-US" altLang="ja-JP" sz="1600" dirty="0">
                <a:solidFill>
                  <a:schemeClr val="tx1"/>
                </a:solidFill>
                <a:latin typeface="ＭＳ Ｐゴシック" panose="020B0600070205080204" pitchFamily="50" charset="-128"/>
                <a:ea typeface="ＭＳ Ｐゴシック" panose="020B0600070205080204" pitchFamily="50" charset="-128"/>
              </a:endParaRPr>
            </a:p>
            <a:p>
              <a:pPr algn="ctr">
                <a:defRPr/>
              </a:pPr>
              <a:r>
                <a:rPr lang="en-US" altLang="ja-JP" sz="1600" dirty="0">
                  <a:solidFill>
                    <a:schemeClr val="tx1"/>
                  </a:solidFill>
                  <a:latin typeface="ＭＳ Ｐゴシック" panose="020B0600070205080204" pitchFamily="50" charset="-128"/>
                  <a:ea typeface="ＭＳ Ｐゴシック" panose="020B0600070205080204" pitchFamily="50" charset="-128"/>
                </a:rPr>
                <a:t>【</a:t>
              </a:r>
              <a:r>
                <a:rPr lang="ja-JP" altLang="en-US" sz="1600" dirty="0">
                  <a:solidFill>
                    <a:schemeClr val="tx1"/>
                  </a:solidFill>
                  <a:latin typeface="ＭＳ Ｐゴシック" panose="020B0600070205080204" pitchFamily="50" charset="-128"/>
                  <a:ea typeface="ＭＳ Ｐゴシック" panose="020B0600070205080204" pitchFamily="50" charset="-128"/>
                </a:rPr>
                <a:t>国立循環器病研究センター</a:t>
              </a:r>
              <a:r>
                <a:rPr lang="en-US" altLang="ja-JP" sz="1600" dirty="0">
                  <a:solidFill>
                    <a:schemeClr val="tx1"/>
                  </a:solidFill>
                  <a:latin typeface="ＭＳ Ｐゴシック" panose="020B0600070205080204" pitchFamily="50" charset="-128"/>
                  <a:ea typeface="ＭＳ Ｐゴシック" panose="020B0600070205080204" pitchFamily="50" charset="-128"/>
                </a:rPr>
                <a:t>】</a:t>
              </a:r>
              <a:endParaRPr lang="ja-JP" altLang="en-US" sz="1600" dirty="0">
                <a:solidFill>
                  <a:schemeClr val="tx1"/>
                </a:solidFill>
                <a:latin typeface="ＭＳ Ｐゴシック" panose="020B0600070205080204" pitchFamily="50" charset="-128"/>
                <a:ea typeface="ＭＳ Ｐゴシック" panose="020B0600070205080204" pitchFamily="50" charset="-128"/>
              </a:endParaRPr>
            </a:p>
          </p:txBody>
        </p:sp>
        <p:pic>
          <p:nvPicPr>
            <p:cNvPr id="5143" name="Picture 7" descr="The S-ICD System"/>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4858913" y="1824464"/>
              <a:ext cx="2471304" cy="20560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2" name="正方形/長方形 1"/>
          <p:cNvSpPr/>
          <p:nvPr/>
        </p:nvSpPr>
        <p:spPr>
          <a:xfrm>
            <a:off x="121332" y="401301"/>
            <a:ext cx="9188686" cy="286232"/>
          </a:xfrm>
          <a:prstGeom prst="rect">
            <a:avLst/>
          </a:prstGeom>
        </p:spPr>
        <p:txBody>
          <a:bodyPr wrap="square">
            <a:spAutoFit/>
          </a:bodyPr>
          <a:lstStyle/>
          <a:p>
            <a:pPr lvl="0">
              <a:lnSpc>
                <a:spcPct val="90000"/>
              </a:lnSpc>
              <a:spcBef>
                <a:spcPct val="0"/>
              </a:spcBef>
              <a:defRPr/>
            </a:pPr>
            <a:r>
              <a:rPr lang="ja-JP" altLang="en-US" sz="1400" b="1" dirty="0">
                <a:latin typeface="ＭＳ Ｐゴシック" panose="020B0600070205080204" pitchFamily="50" charset="-128"/>
                <a:ea typeface="ＭＳ Ｐゴシック" panose="020B0600070205080204" pitchFamily="50" charset="-128"/>
                <a:cs typeface="メイリオ" panose="020B0604030504040204" pitchFamily="50" charset="-128"/>
              </a:rPr>
              <a:t>関西圏国家戦略特別区域　第１回区域計画</a:t>
            </a:r>
            <a:r>
              <a:rPr lang="ja-JP" altLang="en-US" sz="1400" b="1" dirty="0" smtClean="0">
                <a:latin typeface="ＭＳ Ｐゴシック" panose="020B0600070205080204" pitchFamily="50" charset="-128"/>
                <a:ea typeface="ＭＳ Ｐゴシック" panose="020B0600070205080204" pitchFamily="50" charset="-128"/>
                <a:cs typeface="メイリオ" panose="020B0604030504040204" pitchFamily="50" charset="-128"/>
              </a:rPr>
              <a:t>認定事業（</a:t>
            </a:r>
            <a:r>
              <a:rPr lang="en-US" altLang="ja-JP" sz="1400" b="1" dirty="0">
                <a:latin typeface="ＭＳ Ｐゴシック" panose="020B0600070205080204" pitchFamily="50" charset="-128"/>
                <a:ea typeface="ＭＳ Ｐゴシック" panose="020B0600070205080204" pitchFamily="50" charset="-128"/>
                <a:cs typeface="メイリオ" panose="020B0604030504040204" pitchFamily="50" charset="-128"/>
              </a:rPr>
              <a:t>H26.9.30</a:t>
            </a:r>
            <a:r>
              <a:rPr lang="en-US" altLang="ja-JP" sz="1400" b="1" dirty="0" smtClean="0">
                <a:latin typeface="ＭＳ Ｐゴシック" panose="020B0600070205080204" pitchFamily="50" charset="-128"/>
                <a:ea typeface="ＭＳ Ｐゴシック" panose="020B0600070205080204" pitchFamily="50" charset="-128"/>
                <a:cs typeface="メイリオ" panose="020B0604030504040204" pitchFamily="50" charset="-128"/>
              </a:rPr>
              <a:t>)</a:t>
            </a:r>
            <a:r>
              <a:rPr lang="ja-JP" altLang="en-US" sz="1400" b="1" dirty="0">
                <a:latin typeface="ＭＳ Ｐゴシック" panose="020B0600070205080204" pitchFamily="50" charset="-128"/>
                <a:ea typeface="ＭＳ Ｐゴシック" panose="020B0600070205080204" pitchFamily="50" charset="-128"/>
                <a:cs typeface="メイリオ" panose="020B0604030504040204" pitchFamily="50" charset="-128"/>
              </a:rPr>
              <a:t>　</a:t>
            </a:r>
            <a:r>
              <a:rPr lang="ja-JP" altLang="en-US" sz="1400" b="1" dirty="0" smtClean="0">
                <a:latin typeface="ＭＳ Ｐゴシック" panose="020B0600070205080204" pitchFamily="50" charset="-128"/>
                <a:ea typeface="ＭＳ Ｐゴシック" panose="020B0600070205080204" pitchFamily="50" charset="-128"/>
                <a:cs typeface="メイリオ" panose="020B0604030504040204" pitchFamily="50" charset="-128"/>
              </a:rPr>
              <a:t>＜大阪府域に関するもの＞</a:t>
            </a:r>
            <a:endParaRPr lang="en-US" altLang="ja-JP" sz="1400" b="1" dirty="0" smtClean="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
        <p:nvSpPr>
          <p:cNvPr id="19" name="正方形/長方形 18"/>
          <p:cNvSpPr/>
          <p:nvPr/>
        </p:nvSpPr>
        <p:spPr>
          <a:xfrm>
            <a:off x="-82552" y="-12700"/>
            <a:ext cx="10092356" cy="432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solidFill>
                  <a:schemeClr val="tx1"/>
                </a:solidFill>
              </a:rPr>
              <a:t>（２）特区（健康・医療分野）　</a:t>
            </a:r>
            <a:r>
              <a:rPr lang="ja-JP" altLang="en-US" sz="1600" dirty="0" smtClean="0">
                <a:solidFill>
                  <a:schemeClr val="tx1"/>
                </a:solidFill>
              </a:rPr>
              <a:t>②</a:t>
            </a:r>
            <a:r>
              <a:rPr kumimoji="1" lang="ja-JP" altLang="en-US" sz="1600" dirty="0" smtClean="0">
                <a:solidFill>
                  <a:schemeClr val="tx1"/>
                </a:solidFill>
              </a:rPr>
              <a:t>国家戦略特区 </a:t>
            </a:r>
            <a:r>
              <a:rPr lang="ja-JP" altLang="en-US" sz="1400" dirty="0" smtClean="0">
                <a:solidFill>
                  <a:schemeClr val="tx1"/>
                </a:solidFill>
              </a:rPr>
              <a:t>～</a:t>
            </a:r>
            <a:r>
              <a:rPr lang="ja-JP" altLang="en-US" sz="1400" dirty="0">
                <a:solidFill>
                  <a:schemeClr val="tx1"/>
                </a:solidFill>
              </a:rPr>
              <a:t>高度医療の開発及び実用化の促進等成長産業の</a:t>
            </a:r>
            <a:r>
              <a:rPr lang="ja-JP" altLang="en-US" sz="1400" dirty="0" smtClean="0">
                <a:solidFill>
                  <a:schemeClr val="tx1"/>
                </a:solidFill>
              </a:rPr>
              <a:t>イノベーション～</a:t>
            </a:r>
            <a:endParaRPr kumimoji="1" lang="ja-JP" altLang="en-US" sz="1600" dirty="0">
              <a:solidFill>
                <a:schemeClr val="tx1"/>
              </a:solidFill>
            </a:endParaRPr>
          </a:p>
        </p:txBody>
      </p:sp>
      <p:grpSp>
        <p:nvGrpSpPr>
          <p:cNvPr id="5" name="グループ化 20"/>
          <p:cNvGrpSpPr/>
          <p:nvPr/>
        </p:nvGrpSpPr>
        <p:grpSpPr>
          <a:xfrm>
            <a:off x="178767" y="6025616"/>
            <a:ext cx="9220727" cy="777521"/>
            <a:chOff x="76116" y="5987515"/>
            <a:chExt cx="8511440" cy="777521"/>
          </a:xfrm>
        </p:grpSpPr>
        <p:sp>
          <p:nvSpPr>
            <p:cNvPr id="22" name="角丸四角形 21"/>
            <p:cNvSpPr/>
            <p:nvPr/>
          </p:nvSpPr>
          <p:spPr>
            <a:xfrm>
              <a:off x="162619" y="6289548"/>
              <a:ext cx="8424937" cy="475488"/>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0" tIns="0" rIns="360000" bIns="0" rtlCol="0" anchor="ctr"/>
            <a:lstStyle/>
            <a:p>
              <a:r>
                <a:rPr lang="ja-JP" altLang="en-US" sz="1400" dirty="0">
                  <a:solidFill>
                    <a:schemeClr val="tx1"/>
                  </a:solidFill>
                  <a:latin typeface="ＭＳ Ｐ明朝" panose="02020600040205080304" pitchFamily="18" charset="-128"/>
                  <a:ea typeface="ＭＳ Ｐ明朝" panose="02020600040205080304" pitchFamily="18" charset="-128"/>
                </a:rPr>
                <a:t>・大阪府：政策企画部、健康医療部、商工労働部</a:t>
              </a:r>
            </a:p>
            <a:p>
              <a:r>
                <a:rPr lang="ja-JP" altLang="en-US" sz="1400" dirty="0" smtClean="0">
                  <a:solidFill>
                    <a:schemeClr val="tx1"/>
                  </a:solidFill>
                  <a:latin typeface="ＭＳ Ｐ明朝" panose="02020600040205080304" pitchFamily="18" charset="-128"/>
                  <a:ea typeface="ＭＳ Ｐ明朝" panose="02020600040205080304" pitchFamily="18" charset="-128"/>
                </a:rPr>
                <a:t>・</a:t>
              </a:r>
              <a:r>
                <a:rPr lang="ja-JP" altLang="en-US" sz="1400" dirty="0">
                  <a:solidFill>
                    <a:schemeClr val="tx1"/>
                  </a:solidFill>
                  <a:latin typeface="ＭＳ Ｐ明朝" panose="02020600040205080304" pitchFamily="18" charset="-128"/>
                  <a:ea typeface="ＭＳ Ｐ明朝" panose="02020600040205080304" pitchFamily="18" charset="-128"/>
                </a:rPr>
                <a:t>大阪市：政策企画室、経済</a:t>
              </a:r>
              <a:r>
                <a:rPr lang="ja-JP" altLang="en-US" sz="1400" dirty="0" smtClean="0">
                  <a:solidFill>
                    <a:schemeClr val="tx1"/>
                  </a:solidFill>
                  <a:latin typeface="ＭＳ Ｐ明朝" panose="02020600040205080304" pitchFamily="18" charset="-128"/>
                  <a:ea typeface="ＭＳ Ｐ明朝" panose="02020600040205080304" pitchFamily="18" charset="-128"/>
                </a:rPr>
                <a:t>戦略局</a:t>
              </a:r>
              <a:endParaRPr lang="en-US" altLang="ja-JP" sz="1400" dirty="0">
                <a:solidFill>
                  <a:schemeClr val="tx1"/>
                </a:solidFill>
                <a:latin typeface="ＭＳ Ｐ明朝" panose="02020600040205080304" pitchFamily="18" charset="-128"/>
                <a:ea typeface="ＭＳ Ｐ明朝" panose="02020600040205080304" pitchFamily="18" charset="-128"/>
              </a:endParaRPr>
            </a:p>
          </p:txBody>
        </p:sp>
        <p:sp>
          <p:nvSpPr>
            <p:cNvPr id="23" name="テキスト ボックス 22"/>
            <p:cNvSpPr txBox="1"/>
            <p:nvPr/>
          </p:nvSpPr>
          <p:spPr>
            <a:xfrm>
              <a:off x="76116" y="5987515"/>
              <a:ext cx="6351200" cy="338554"/>
            </a:xfrm>
            <a:prstGeom prst="rect">
              <a:avLst/>
            </a:prstGeom>
            <a:noFill/>
          </p:spPr>
          <p:txBody>
            <a:bodyPr wrap="square" rtlCol="0">
              <a:spAutoFit/>
            </a:bodyPr>
            <a:lstStyle/>
            <a:p>
              <a:r>
                <a:rPr lang="ja-JP" altLang="en-US" sz="1600" dirty="0" smtClean="0"/>
                <a:t>○</a:t>
              </a:r>
              <a:r>
                <a:rPr lang="en-US" altLang="ja-JP" sz="1600" dirty="0"/>
                <a:t>『</a:t>
              </a:r>
              <a:r>
                <a:rPr lang="ja-JP" altLang="en-US" sz="1600" dirty="0"/>
                <a:t>健康・医療に関する戦略</a:t>
              </a:r>
              <a:r>
                <a:rPr lang="en-US" altLang="ja-JP" sz="1600" dirty="0" smtClean="0"/>
                <a:t>』</a:t>
              </a:r>
              <a:r>
                <a:rPr lang="ja-JP" altLang="en-US" sz="1600" dirty="0" smtClean="0">
                  <a:latin typeface="ＭＳ Ｐゴシック" panose="020B0600070205080204" pitchFamily="50" charset="-128"/>
                  <a:ea typeface="ＭＳ Ｐゴシック" panose="020B0600070205080204" pitchFamily="50" charset="-128"/>
                </a:rPr>
                <a:t>テーマ</a:t>
              </a:r>
              <a:r>
                <a:rPr lang="ja-JP" altLang="en-US" sz="1600" dirty="0">
                  <a:latin typeface="ＭＳ Ｐゴシック" panose="020B0600070205080204" pitchFamily="50" charset="-128"/>
                  <a:ea typeface="ＭＳ Ｐゴシック" panose="020B0600070205080204" pitchFamily="50" charset="-128"/>
                </a:rPr>
                <a:t>の担当</a:t>
              </a:r>
              <a:r>
                <a:rPr lang="ja-JP" altLang="en-US" sz="1600" dirty="0" smtClean="0">
                  <a:latin typeface="ＭＳ Ｐゴシック" panose="020B0600070205080204" pitchFamily="50" charset="-128"/>
                  <a:ea typeface="ＭＳ Ｐゴシック" panose="020B0600070205080204" pitchFamily="50" charset="-128"/>
                </a:rPr>
                <a:t>部局</a:t>
              </a:r>
              <a:r>
                <a:rPr lang="ja-JP" altLang="en-US" sz="1600" dirty="0" smtClean="0"/>
                <a:t>一覧</a:t>
              </a:r>
              <a:endParaRPr lang="en-US" altLang="ja-JP" sz="1600" dirty="0" smtClean="0"/>
            </a:p>
          </p:txBody>
        </p:sp>
      </p:grpSp>
      <p:sp>
        <p:nvSpPr>
          <p:cNvPr id="17" name="スライド番号プレースホルダ 16"/>
          <p:cNvSpPr>
            <a:spLocks noGrp="1"/>
          </p:cNvSpPr>
          <p:nvPr>
            <p:ph type="sldNum" sz="quarter" idx="12"/>
          </p:nvPr>
        </p:nvSpPr>
        <p:spPr/>
        <p:txBody>
          <a:bodyPr/>
          <a:lstStyle/>
          <a:p>
            <a:fld id="{0E11F6A3-377A-49CC-B8AD-407C227BB939}" type="slidenum">
              <a:rPr kumimoji="1" lang="ja-JP" altLang="en-US" smtClean="0"/>
              <a:pPr/>
              <a:t>70</a:t>
            </a:fld>
            <a:endParaRPr kumimoji="1" lang="ja-JP" altLang="en-US"/>
          </a:p>
        </p:txBody>
      </p:sp>
    </p:spTree>
    <p:extLst>
      <p:ext uri="{BB962C8B-B14F-4D97-AF65-F5344CB8AC3E}">
        <p14:creationId xmlns:p14="http://schemas.microsoft.com/office/powerpoint/2010/main" val="22659241"/>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01600" y="558800"/>
            <a:ext cx="9652000" cy="6057900"/>
          </a:xfrm>
          <a:prstGeom prst="roundRect">
            <a:avLst>
              <a:gd name="adj" fmla="val 3669"/>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4" name="Rectangle 2"/>
          <p:cNvSpPr txBox="1">
            <a:spLocks noChangeArrowheads="1"/>
          </p:cNvSpPr>
          <p:nvPr/>
        </p:nvSpPr>
        <p:spPr bwMode="auto">
          <a:xfrm>
            <a:off x="0" y="20"/>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prstClr val="white"/>
                </a:solidFill>
                <a:latin typeface="ＭＳ ゴシック" pitchFamily="49" charset="-128"/>
                <a:ea typeface="ＭＳ ゴシック" pitchFamily="49" charset="-128"/>
              </a:rPr>
              <a:t>７．大阪都市圏の交通インフラ</a:t>
            </a:r>
            <a:r>
              <a:rPr lang="en-US" altLang="ja-JP" sz="2000" b="1" dirty="0" smtClean="0">
                <a:solidFill>
                  <a:schemeClr val="bg1"/>
                </a:solidFill>
                <a:latin typeface="ＭＳ ゴシック" pitchFamily="49" charset="-128"/>
                <a:ea typeface="ＭＳ ゴシック" pitchFamily="49" charset="-128"/>
              </a:rPr>
              <a:t>【</a:t>
            </a:r>
            <a:r>
              <a:rPr lang="ja-JP" altLang="en-US" sz="2000" b="1" dirty="0" smtClean="0">
                <a:solidFill>
                  <a:schemeClr val="bg1"/>
                </a:solidFill>
                <a:latin typeface="ＭＳ ゴシック" pitchFamily="49" charset="-128"/>
                <a:ea typeface="ＭＳ ゴシック" pitchFamily="49" charset="-128"/>
              </a:rPr>
              <a:t>総論</a:t>
            </a:r>
            <a:r>
              <a:rPr lang="en-US" altLang="ja-JP" sz="2000" b="1" dirty="0" smtClean="0">
                <a:solidFill>
                  <a:schemeClr val="bg1"/>
                </a:solidFill>
                <a:latin typeface="ＭＳ ゴシック" pitchFamily="49" charset="-128"/>
                <a:ea typeface="ＭＳ ゴシック" pitchFamily="49" charset="-128"/>
              </a:rPr>
              <a:t>】</a:t>
            </a:r>
          </a:p>
        </p:txBody>
      </p:sp>
      <p:sp>
        <p:nvSpPr>
          <p:cNvPr id="8" name="テキスト ボックス 7"/>
          <p:cNvSpPr txBox="1"/>
          <p:nvPr/>
        </p:nvSpPr>
        <p:spPr>
          <a:xfrm>
            <a:off x="128464" y="431321"/>
            <a:ext cx="9649072" cy="6370975"/>
          </a:xfrm>
          <a:prstGeom prst="rect">
            <a:avLst/>
          </a:prstGeom>
          <a:noFill/>
          <a:ln>
            <a:noFill/>
            <a:prstDash val="sysDash"/>
          </a:ln>
        </p:spPr>
        <p:txBody>
          <a:bodyPr wrap="square" rtlCol="0">
            <a:spAutoFit/>
          </a:bodyPr>
          <a:lstStyle/>
          <a:p>
            <a:endParaRPr lang="en-US" altLang="ja-JP" sz="1200" dirty="0" smtClean="0">
              <a:solidFill>
                <a:prstClr val="black"/>
              </a:solidFill>
            </a:endParaRPr>
          </a:p>
          <a:p>
            <a:endParaRPr lang="en-US" altLang="ja-JP" sz="1200" dirty="0" smtClean="0">
              <a:solidFill>
                <a:prstClr val="black"/>
              </a:solidFill>
            </a:endParaRPr>
          </a:p>
          <a:p>
            <a:r>
              <a:rPr lang="ja-JP" altLang="en-US" sz="1200" dirty="0" smtClean="0">
                <a:solidFill>
                  <a:prstClr val="black"/>
                </a:solidFill>
              </a:rPr>
              <a:t>　</a:t>
            </a:r>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endParaRPr lang="en-US" altLang="ja-JP" sz="1200" dirty="0" smtClean="0">
              <a:solidFill>
                <a:prstClr val="black"/>
              </a:solidFill>
            </a:endParaRPr>
          </a:p>
          <a:p>
            <a:r>
              <a:rPr lang="ja-JP" altLang="en-US" sz="1200" dirty="0" smtClean="0">
                <a:solidFill>
                  <a:prstClr val="black"/>
                </a:solidFill>
              </a:rPr>
              <a:t>　　</a:t>
            </a:r>
            <a:endParaRPr lang="en-US" altLang="ja-JP" sz="1200" dirty="0" smtClean="0">
              <a:solidFill>
                <a:prstClr val="black"/>
              </a:solidFill>
            </a:endParaRPr>
          </a:p>
        </p:txBody>
      </p:sp>
      <p:sp>
        <p:nvSpPr>
          <p:cNvPr id="2050" name="Rectangle 2"/>
          <p:cNvSpPr>
            <a:spLocks noChangeArrowheads="1"/>
          </p:cNvSpPr>
          <p:nvPr/>
        </p:nvSpPr>
        <p:spPr bwMode="auto">
          <a:xfrm>
            <a:off x="114300" y="620564"/>
            <a:ext cx="9588500" cy="5600572"/>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spAutoFit/>
          </a:bodyPr>
          <a:lstStyle/>
          <a:p>
            <a:pPr>
              <a:lnSpc>
                <a:spcPts val="1800"/>
              </a:lnSpc>
            </a:pPr>
            <a:r>
              <a:rPr lang="ja-JP" altLang="ja-JP" sz="1400" b="1" dirty="0" smtClean="0">
                <a:solidFill>
                  <a:prstClr val="black"/>
                </a:solidFill>
              </a:rPr>
              <a:t>１．</a:t>
            </a:r>
            <a:r>
              <a:rPr lang="ja-JP" altLang="en-US" sz="1400" b="1" dirty="0" smtClean="0">
                <a:solidFill>
                  <a:prstClr val="black"/>
                </a:solidFill>
              </a:rPr>
              <a:t>現状</a:t>
            </a:r>
            <a:endParaRPr lang="ja-JP" altLang="ja-JP" sz="1400" dirty="0" smtClean="0">
              <a:solidFill>
                <a:prstClr val="black"/>
              </a:solidFill>
            </a:endParaRPr>
          </a:p>
          <a:p>
            <a:pPr marL="180975" indent="-180975">
              <a:lnSpc>
                <a:spcPts val="1800"/>
              </a:lnSpc>
            </a:pPr>
            <a:r>
              <a:rPr lang="ja-JP" altLang="en-US" sz="1300" dirty="0" smtClean="0">
                <a:solidFill>
                  <a:prstClr val="black"/>
                </a:solidFill>
                <a:latin typeface="ＭＳ Ｐ明朝" pitchFamily="18" charset="-128"/>
                <a:ea typeface="ＭＳ Ｐ明朝" pitchFamily="18" charset="-128"/>
              </a:rPr>
              <a:t>　・主に高度経済成長期に、郊外から都心部に効率よく人や物を運ぶことを目的として建設された鉄道や都市高速道路などの豊富なインフラストックを有している。</a:t>
            </a:r>
            <a:endParaRPr lang="en-US" altLang="ja-JP" sz="1300" dirty="0" smtClean="0">
              <a:solidFill>
                <a:prstClr val="black"/>
              </a:solidFill>
              <a:latin typeface="ＭＳ Ｐ明朝" pitchFamily="18" charset="-128"/>
              <a:ea typeface="ＭＳ Ｐ明朝" pitchFamily="18" charset="-128"/>
            </a:endParaRPr>
          </a:p>
          <a:p>
            <a:pPr marL="180975" indent="-180975">
              <a:lnSpc>
                <a:spcPts val="1800"/>
              </a:lnSpc>
            </a:pPr>
            <a:r>
              <a:rPr lang="ja-JP" altLang="en-US" sz="1300" dirty="0" smtClean="0">
                <a:solidFill>
                  <a:prstClr val="black"/>
                </a:solidFill>
                <a:latin typeface="ＭＳ Ｐ明朝" pitchFamily="18" charset="-128"/>
                <a:ea typeface="ＭＳ Ｐ明朝" pitchFamily="18" charset="-128"/>
              </a:rPr>
              <a:t>　・一方で、</a:t>
            </a:r>
            <a:r>
              <a:rPr lang="en-US" altLang="ja-JP" sz="1300" dirty="0" smtClean="0">
                <a:solidFill>
                  <a:prstClr val="black"/>
                </a:solidFill>
                <a:latin typeface="ＭＳ Ｐ明朝" pitchFamily="18" charset="-128"/>
                <a:ea typeface="ＭＳ Ｐ明朝" pitchFamily="18" charset="-128"/>
              </a:rPr>
              <a:t>1994</a:t>
            </a:r>
            <a:r>
              <a:rPr lang="ja-JP" altLang="en-US" sz="1300" dirty="0" smtClean="0">
                <a:solidFill>
                  <a:prstClr val="black"/>
                </a:solidFill>
                <a:latin typeface="ＭＳ Ｐ明朝" pitchFamily="18" charset="-128"/>
                <a:ea typeface="ＭＳ Ｐ明朝" pitchFamily="18" charset="-128"/>
              </a:rPr>
              <a:t>年に開港した関西国際空港へのアクセス機能が弱いなど、社会経済活動が広域化・国際化し、国策として国土軸強化や空港・港湾の国際競争力強化が図られる近年の環境の変化には、必ずしも対応できていない。</a:t>
            </a:r>
            <a:endParaRPr lang="en-US" altLang="ja-JP" sz="1300" dirty="0" smtClean="0">
              <a:solidFill>
                <a:prstClr val="black"/>
              </a:solidFill>
              <a:latin typeface="ＭＳ Ｐ明朝" pitchFamily="18" charset="-128"/>
              <a:ea typeface="ＭＳ Ｐ明朝" pitchFamily="18" charset="-128"/>
            </a:endParaRPr>
          </a:p>
          <a:p>
            <a:pPr>
              <a:lnSpc>
                <a:spcPts val="1800"/>
              </a:lnSpc>
            </a:pPr>
            <a:r>
              <a:rPr lang="en-US" altLang="ja-JP" sz="1200" dirty="0" smtClean="0">
                <a:solidFill>
                  <a:prstClr val="black"/>
                </a:solidFill>
              </a:rPr>
              <a:t> </a:t>
            </a:r>
            <a:endParaRPr lang="ja-JP" altLang="ja-JP" sz="1200" dirty="0" smtClean="0">
              <a:solidFill>
                <a:prstClr val="black"/>
              </a:solidFill>
            </a:endParaRPr>
          </a:p>
          <a:p>
            <a:pPr>
              <a:lnSpc>
                <a:spcPts val="1800"/>
              </a:lnSpc>
            </a:pPr>
            <a:r>
              <a:rPr lang="ja-JP" altLang="ja-JP" sz="1400" b="1" dirty="0" smtClean="0">
                <a:solidFill>
                  <a:prstClr val="black"/>
                </a:solidFill>
              </a:rPr>
              <a:t>２．課題</a:t>
            </a:r>
            <a:endParaRPr lang="ja-JP" altLang="ja-JP" sz="1400" dirty="0" smtClean="0">
              <a:solidFill>
                <a:prstClr val="black"/>
              </a:solidFill>
            </a:endParaRPr>
          </a:p>
          <a:p>
            <a:pPr marL="180975" indent="-180975">
              <a:lnSpc>
                <a:spcPts val="1800"/>
              </a:lnSpc>
            </a:pPr>
            <a:r>
              <a:rPr lang="ja-JP" altLang="en-US" sz="1300" dirty="0" smtClean="0">
                <a:solidFill>
                  <a:prstClr val="black"/>
                </a:solidFill>
                <a:latin typeface="ＭＳ Ｐ明朝" pitchFamily="18" charset="-128"/>
                <a:ea typeface="ＭＳ Ｐ明朝" pitchFamily="18" charset="-128"/>
              </a:rPr>
              <a:t>　・社会経済活動の広域化・国際化が進む中、都心部と空港・港湾を含めた国土軸との鉄道結節機能が十分でない</a:t>
            </a:r>
            <a:r>
              <a:rPr lang="ja-JP" altLang="ja-JP" sz="1300" dirty="0" smtClean="0">
                <a:solidFill>
                  <a:prstClr val="black"/>
                </a:solidFill>
                <a:latin typeface="ＭＳ Ｐ明朝" pitchFamily="18" charset="-128"/>
                <a:ea typeface="ＭＳ Ｐ明朝" pitchFamily="18" charset="-128"/>
              </a:rPr>
              <a:t>。</a:t>
            </a:r>
          </a:p>
          <a:p>
            <a:pPr>
              <a:lnSpc>
                <a:spcPts val="1800"/>
              </a:lnSpc>
            </a:pPr>
            <a:r>
              <a:rPr lang="ja-JP" altLang="en-US" sz="1300" dirty="0" smtClean="0">
                <a:solidFill>
                  <a:prstClr val="black"/>
                </a:solidFill>
                <a:latin typeface="ＭＳ Ｐ明朝" pitchFamily="18" charset="-128"/>
                <a:ea typeface="ＭＳ Ｐ明朝" pitchFamily="18" charset="-128"/>
              </a:rPr>
              <a:t>　・都市高速道路の環状ネットワークが十分でなく、都心部への不要な交通の流入の原因となっている。</a:t>
            </a:r>
            <a:endParaRPr lang="en-US" altLang="ja-JP" sz="1300" dirty="0" smtClean="0">
              <a:solidFill>
                <a:prstClr val="black"/>
              </a:solidFill>
              <a:latin typeface="ＭＳ Ｐ明朝" pitchFamily="18" charset="-128"/>
              <a:ea typeface="ＭＳ Ｐ明朝" pitchFamily="18" charset="-128"/>
            </a:endParaRPr>
          </a:p>
          <a:p>
            <a:pPr>
              <a:lnSpc>
                <a:spcPts val="1800"/>
              </a:lnSpc>
            </a:pPr>
            <a:r>
              <a:rPr lang="ja-JP" altLang="en-US" sz="1300" dirty="0" smtClean="0">
                <a:solidFill>
                  <a:prstClr val="black"/>
                </a:solidFill>
                <a:latin typeface="ＭＳ Ｐ明朝" pitchFamily="18" charset="-128"/>
                <a:ea typeface="ＭＳ Ｐ明朝" pitchFamily="18" charset="-128"/>
              </a:rPr>
              <a:t>　・都市内には豊富なインフラストックを有するが、特にソフト面において、利用者目線からのサービスが十分でない。</a:t>
            </a:r>
            <a:endParaRPr lang="en-US" altLang="ja-JP" sz="1300" dirty="0" smtClean="0">
              <a:solidFill>
                <a:prstClr val="black"/>
              </a:solidFill>
              <a:latin typeface="ＭＳ Ｐ明朝" pitchFamily="18" charset="-128"/>
              <a:ea typeface="ＭＳ Ｐ明朝" pitchFamily="18" charset="-128"/>
            </a:endParaRPr>
          </a:p>
          <a:p>
            <a:pPr>
              <a:lnSpc>
                <a:spcPts val="1800"/>
              </a:lnSpc>
            </a:pPr>
            <a:r>
              <a:rPr lang="en-US" altLang="ja-JP" sz="1200" dirty="0" smtClean="0">
                <a:solidFill>
                  <a:prstClr val="black"/>
                </a:solidFill>
              </a:rPr>
              <a:t> </a:t>
            </a:r>
            <a:endParaRPr lang="ja-JP" altLang="ja-JP" sz="1200" dirty="0" smtClean="0">
              <a:solidFill>
                <a:prstClr val="black"/>
              </a:solidFill>
            </a:endParaRPr>
          </a:p>
          <a:p>
            <a:pPr>
              <a:lnSpc>
                <a:spcPts val="1800"/>
              </a:lnSpc>
            </a:pPr>
            <a:r>
              <a:rPr lang="ja-JP" altLang="ja-JP" sz="1400" b="1" dirty="0" smtClean="0">
                <a:solidFill>
                  <a:prstClr val="black"/>
                </a:solidFill>
              </a:rPr>
              <a:t>３．近年の動向</a:t>
            </a:r>
            <a:endParaRPr lang="ja-JP" altLang="ja-JP" sz="1400" dirty="0" smtClean="0">
              <a:solidFill>
                <a:prstClr val="black"/>
              </a:solidFill>
            </a:endParaRPr>
          </a:p>
          <a:p>
            <a:pPr marL="177800" indent="-177800">
              <a:lnSpc>
                <a:spcPts val="1800"/>
              </a:lnSpc>
            </a:pPr>
            <a:r>
              <a:rPr lang="ja-JP" altLang="en-US" sz="1300" dirty="0" smtClean="0">
                <a:solidFill>
                  <a:prstClr val="black"/>
                </a:solidFill>
                <a:latin typeface="ＭＳ Ｐ明朝" pitchFamily="18" charset="-128"/>
                <a:ea typeface="ＭＳ Ｐ明朝" pitchFamily="18" charset="-128"/>
              </a:rPr>
              <a:t>　・</a:t>
            </a:r>
            <a:r>
              <a:rPr lang="ja-JP" altLang="ja-JP" sz="1300" dirty="0" smtClean="0">
                <a:solidFill>
                  <a:prstClr val="black"/>
                </a:solidFill>
                <a:latin typeface="ＭＳ Ｐ明朝" pitchFamily="18" charset="-128"/>
                <a:ea typeface="ＭＳ Ｐ明朝" pitchFamily="18" charset="-128"/>
              </a:rPr>
              <a:t>鉄道ネットワークでは、うめきた開発に合わせた</a:t>
            </a:r>
            <a:r>
              <a:rPr lang="ja-JP" altLang="en-US" sz="1300" dirty="0" smtClean="0">
                <a:solidFill>
                  <a:prstClr val="black"/>
                </a:solidFill>
                <a:latin typeface="ＭＳ Ｐ明朝" pitchFamily="18" charset="-128"/>
                <a:ea typeface="ＭＳ Ｐ明朝" pitchFamily="18" charset="-128"/>
              </a:rPr>
              <a:t>ＪＲ東海道線支線（</a:t>
            </a:r>
            <a:r>
              <a:rPr lang="ja-JP" altLang="ja-JP" sz="1300" dirty="0" smtClean="0">
                <a:solidFill>
                  <a:prstClr val="black"/>
                </a:solidFill>
                <a:latin typeface="ＭＳ Ｐ明朝" pitchFamily="18" charset="-128"/>
                <a:ea typeface="ＭＳ Ｐ明朝" pitchFamily="18" charset="-128"/>
              </a:rPr>
              <a:t>貨物線</a:t>
            </a:r>
            <a:r>
              <a:rPr lang="ja-JP" altLang="en-US" sz="1300" dirty="0" smtClean="0">
                <a:solidFill>
                  <a:prstClr val="black"/>
                </a:solidFill>
                <a:latin typeface="ＭＳ Ｐ明朝" pitchFamily="18" charset="-128"/>
                <a:ea typeface="ＭＳ Ｐ明朝" pitchFamily="18" charset="-128"/>
              </a:rPr>
              <a:t>）</a:t>
            </a:r>
            <a:r>
              <a:rPr lang="ja-JP" altLang="ja-JP" sz="1300" dirty="0" smtClean="0">
                <a:solidFill>
                  <a:prstClr val="black"/>
                </a:solidFill>
                <a:latin typeface="ＭＳ Ｐ明朝" pitchFamily="18" charset="-128"/>
                <a:ea typeface="ＭＳ Ｐ明朝" pitchFamily="18" charset="-128"/>
              </a:rPr>
              <a:t>の地下化</a:t>
            </a:r>
            <a:r>
              <a:rPr lang="ja-JP" altLang="en-US" sz="1300" dirty="0" smtClean="0">
                <a:solidFill>
                  <a:prstClr val="black"/>
                </a:solidFill>
                <a:latin typeface="ＭＳ Ｐ明朝" pitchFamily="18" charset="-128"/>
                <a:ea typeface="ＭＳ Ｐ明朝" pitchFamily="18" charset="-128"/>
              </a:rPr>
              <a:t>や</a:t>
            </a:r>
            <a:r>
              <a:rPr lang="ja-JP" altLang="ja-JP" sz="1300" dirty="0" smtClean="0">
                <a:solidFill>
                  <a:prstClr val="black"/>
                </a:solidFill>
                <a:latin typeface="ＭＳ Ｐ明朝" pitchFamily="18" charset="-128"/>
                <a:ea typeface="ＭＳ Ｐ明朝" pitchFamily="18" charset="-128"/>
              </a:rPr>
              <a:t>新駅の設置</a:t>
            </a:r>
            <a:r>
              <a:rPr lang="ja-JP" altLang="en-US" sz="1300" dirty="0" smtClean="0">
                <a:solidFill>
                  <a:prstClr val="black"/>
                </a:solidFill>
                <a:latin typeface="ＭＳ Ｐ明朝" pitchFamily="18" charset="-128"/>
                <a:ea typeface="ＭＳ Ｐ明朝" pitchFamily="18" charset="-128"/>
              </a:rPr>
              <a:t>など大阪駅の広域拠点機能強化が計画され、また関空アクセス改善に資する</a:t>
            </a:r>
            <a:r>
              <a:rPr lang="ja-JP" altLang="ja-JP" sz="1300" dirty="0" smtClean="0">
                <a:solidFill>
                  <a:prstClr val="black"/>
                </a:solidFill>
                <a:latin typeface="ＭＳ Ｐ明朝" pitchFamily="18" charset="-128"/>
                <a:ea typeface="ＭＳ Ｐ明朝" pitchFamily="18" charset="-128"/>
              </a:rPr>
              <a:t>なにわ筋線の具体的な検討</a:t>
            </a:r>
            <a:r>
              <a:rPr lang="ja-JP" altLang="en-US" sz="1300" dirty="0" smtClean="0">
                <a:solidFill>
                  <a:prstClr val="black"/>
                </a:solidFill>
                <a:latin typeface="ＭＳ Ｐ明朝" pitchFamily="18" charset="-128"/>
                <a:ea typeface="ＭＳ Ｐ明朝" pitchFamily="18" charset="-128"/>
              </a:rPr>
              <a:t>が開始されている。</a:t>
            </a:r>
            <a:endParaRPr lang="ja-JP" altLang="ja-JP" sz="1300" dirty="0" smtClean="0">
              <a:solidFill>
                <a:prstClr val="black"/>
              </a:solidFill>
              <a:latin typeface="ＭＳ Ｐ明朝" pitchFamily="18" charset="-128"/>
              <a:ea typeface="ＭＳ Ｐ明朝" pitchFamily="18" charset="-128"/>
            </a:endParaRPr>
          </a:p>
          <a:p>
            <a:pPr marL="177800" indent="-177800">
              <a:lnSpc>
                <a:spcPts val="1800"/>
              </a:lnSpc>
            </a:pPr>
            <a:r>
              <a:rPr lang="ja-JP" altLang="en-US" sz="1300" dirty="0" smtClean="0">
                <a:solidFill>
                  <a:prstClr val="black"/>
                </a:solidFill>
                <a:latin typeface="ＭＳ Ｐ明朝" pitchFamily="18" charset="-128"/>
                <a:ea typeface="ＭＳ Ｐ明朝" pitchFamily="18" charset="-128"/>
              </a:rPr>
              <a:t>　・</a:t>
            </a:r>
            <a:r>
              <a:rPr lang="ja-JP" altLang="ja-JP" sz="1300" dirty="0" smtClean="0">
                <a:solidFill>
                  <a:prstClr val="black"/>
                </a:solidFill>
                <a:latin typeface="ＭＳ Ｐ明朝" pitchFamily="18" charset="-128"/>
                <a:ea typeface="ＭＳ Ｐ明朝" pitchFamily="18" charset="-128"/>
              </a:rPr>
              <a:t>道路ネットワークでは、</a:t>
            </a:r>
            <a:r>
              <a:rPr lang="ja-JP" altLang="en-US" sz="1300" dirty="0" smtClean="0">
                <a:solidFill>
                  <a:prstClr val="black"/>
                </a:solidFill>
                <a:latin typeface="ＭＳ Ｐ明朝" pitchFamily="18" charset="-128"/>
                <a:ea typeface="ＭＳ Ｐ明朝" pitchFamily="18" charset="-128"/>
              </a:rPr>
              <a:t>事業未着手の</a:t>
            </a:r>
            <a:r>
              <a:rPr lang="ja-JP" altLang="ja-JP" sz="1300" dirty="0" smtClean="0">
                <a:solidFill>
                  <a:prstClr val="black"/>
                </a:solidFill>
                <a:latin typeface="ＭＳ Ｐ明朝" pitchFamily="18" charset="-128"/>
                <a:ea typeface="ＭＳ Ｐ明朝" pitchFamily="18" charset="-128"/>
              </a:rPr>
              <a:t>淀川左岸線</a:t>
            </a:r>
            <a:r>
              <a:rPr lang="ja-JP" altLang="en-US" sz="1300" dirty="0" smtClean="0">
                <a:solidFill>
                  <a:prstClr val="black"/>
                </a:solidFill>
                <a:latin typeface="ＭＳ Ｐ明朝" pitchFamily="18" charset="-128"/>
                <a:ea typeface="ＭＳ Ｐ明朝" pitchFamily="18" charset="-128"/>
              </a:rPr>
              <a:t>延伸部</a:t>
            </a:r>
            <a:r>
              <a:rPr lang="ja-JP" altLang="ja-JP" sz="1300" dirty="0" smtClean="0">
                <a:solidFill>
                  <a:prstClr val="black"/>
                </a:solidFill>
                <a:latin typeface="ＭＳ Ｐ明朝" pitchFamily="18" charset="-128"/>
                <a:ea typeface="ＭＳ Ｐ明朝" pitchFamily="18" charset="-128"/>
              </a:rPr>
              <a:t>の整備推進</a:t>
            </a:r>
            <a:r>
              <a:rPr lang="ja-JP" altLang="en-US" sz="1300" dirty="0" smtClean="0">
                <a:solidFill>
                  <a:prstClr val="black"/>
                </a:solidFill>
                <a:latin typeface="ＭＳ Ｐ明朝" pitchFamily="18" charset="-128"/>
                <a:ea typeface="ＭＳ Ｐ明朝" pitchFamily="18" charset="-128"/>
              </a:rPr>
              <a:t>に向けて法定手続きを開始する</a:t>
            </a:r>
            <a:r>
              <a:rPr lang="ja-JP" altLang="ja-JP" sz="1300" dirty="0" smtClean="0">
                <a:solidFill>
                  <a:prstClr val="black"/>
                </a:solidFill>
                <a:latin typeface="ＭＳ Ｐ明朝" pitchFamily="18" charset="-128"/>
                <a:ea typeface="ＭＳ Ｐ明朝" pitchFamily="18" charset="-128"/>
              </a:rPr>
              <a:t>など</a:t>
            </a:r>
            <a:r>
              <a:rPr lang="ja-JP" altLang="en-US" sz="1300" dirty="0" smtClean="0">
                <a:solidFill>
                  <a:prstClr val="black"/>
                </a:solidFill>
                <a:latin typeface="ＭＳ Ｐ明朝" pitchFamily="18" charset="-128"/>
                <a:ea typeface="ＭＳ Ｐ明朝" pitchFamily="18" charset="-128"/>
              </a:rPr>
              <a:t>、都市再生環状道路の整備実現（高速道路</a:t>
            </a:r>
            <a:r>
              <a:rPr lang="ja-JP" altLang="ja-JP" sz="1300" dirty="0" smtClean="0">
                <a:solidFill>
                  <a:prstClr val="black"/>
                </a:solidFill>
                <a:latin typeface="ＭＳ Ｐ明朝" pitchFamily="18" charset="-128"/>
                <a:ea typeface="ＭＳ Ｐ明朝" pitchFamily="18" charset="-128"/>
              </a:rPr>
              <a:t>ミッシングリンクの解消</a:t>
            </a:r>
            <a:r>
              <a:rPr lang="ja-JP" altLang="en-US" sz="1300" dirty="0" smtClean="0">
                <a:solidFill>
                  <a:prstClr val="black"/>
                </a:solidFill>
                <a:latin typeface="ＭＳ Ｐ明朝" pitchFamily="18" charset="-128"/>
                <a:ea typeface="ＭＳ Ｐ明朝" pitchFamily="18" charset="-128"/>
              </a:rPr>
              <a:t>）</a:t>
            </a:r>
            <a:r>
              <a:rPr lang="ja-JP" altLang="ja-JP" sz="1300" dirty="0" smtClean="0">
                <a:solidFill>
                  <a:prstClr val="black"/>
                </a:solidFill>
                <a:latin typeface="ＭＳ Ｐ明朝" pitchFamily="18" charset="-128"/>
                <a:ea typeface="ＭＳ Ｐ明朝" pitchFamily="18" charset="-128"/>
              </a:rPr>
              <a:t>が見込まれ</a:t>
            </a:r>
            <a:r>
              <a:rPr lang="ja-JP" altLang="en-US" sz="1300" dirty="0" smtClean="0">
                <a:solidFill>
                  <a:prstClr val="black"/>
                </a:solidFill>
                <a:latin typeface="ＭＳ Ｐ明朝" pitchFamily="18" charset="-128"/>
                <a:ea typeface="ＭＳ Ｐ明朝" pitchFamily="18" charset="-128"/>
              </a:rPr>
              <a:t>ている。</a:t>
            </a:r>
            <a:endParaRPr lang="ja-JP" altLang="ja-JP" sz="1300" dirty="0" smtClean="0">
              <a:solidFill>
                <a:prstClr val="black"/>
              </a:solidFill>
              <a:latin typeface="ＭＳ Ｐ明朝" pitchFamily="18" charset="-128"/>
              <a:ea typeface="ＭＳ Ｐ明朝" pitchFamily="18" charset="-128"/>
            </a:endParaRPr>
          </a:p>
          <a:p>
            <a:pPr marL="177800" indent="-177800">
              <a:lnSpc>
                <a:spcPts val="1800"/>
              </a:lnSpc>
            </a:pPr>
            <a:r>
              <a:rPr lang="ja-JP" altLang="en-US" sz="1300" dirty="0" smtClean="0">
                <a:solidFill>
                  <a:prstClr val="black"/>
                </a:solidFill>
                <a:latin typeface="ＭＳ Ｐ明朝" pitchFamily="18" charset="-128"/>
                <a:ea typeface="ＭＳ Ｐ明朝" pitchFamily="18" charset="-128"/>
              </a:rPr>
              <a:t>　・</a:t>
            </a:r>
            <a:r>
              <a:rPr lang="ja-JP" altLang="ja-JP" sz="1300" dirty="0" smtClean="0">
                <a:solidFill>
                  <a:prstClr val="black"/>
                </a:solidFill>
                <a:latin typeface="ＭＳ Ｐ明朝" pitchFamily="18" charset="-128"/>
                <a:ea typeface="ＭＳ Ｐ明朝" pitchFamily="18" charset="-128"/>
              </a:rPr>
              <a:t>地下鉄</a:t>
            </a:r>
            <a:r>
              <a:rPr lang="ja-JP" altLang="en-US" sz="1300" dirty="0" smtClean="0">
                <a:solidFill>
                  <a:prstClr val="black"/>
                </a:solidFill>
                <a:latin typeface="ＭＳ Ｐ明朝" pitchFamily="18" charset="-128"/>
                <a:ea typeface="ＭＳ Ｐ明朝" pitchFamily="18" charset="-128"/>
              </a:rPr>
              <a:t>について</a:t>
            </a:r>
            <a:r>
              <a:rPr lang="ja-JP" altLang="ja-JP" sz="1300" dirty="0" smtClean="0">
                <a:solidFill>
                  <a:prstClr val="black"/>
                </a:solidFill>
                <a:latin typeface="ＭＳ Ｐ明朝" pitchFamily="18" charset="-128"/>
                <a:ea typeface="ＭＳ Ｐ明朝" pitchFamily="18" charset="-128"/>
              </a:rPr>
              <a:t>初乗り運賃値下げや終電時間延長</a:t>
            </a:r>
            <a:r>
              <a:rPr lang="ja-JP" altLang="en-US" sz="1300" dirty="0" smtClean="0">
                <a:solidFill>
                  <a:prstClr val="black"/>
                </a:solidFill>
                <a:latin typeface="ＭＳ Ｐ明朝" pitchFamily="18" charset="-128"/>
                <a:ea typeface="ＭＳ Ｐ明朝" pitchFamily="18" charset="-128"/>
              </a:rPr>
              <a:t>、トイレなど駅施設改善</a:t>
            </a:r>
            <a:r>
              <a:rPr lang="ja-JP" altLang="ja-JP" sz="1300" dirty="0" smtClean="0">
                <a:solidFill>
                  <a:prstClr val="black"/>
                </a:solidFill>
                <a:latin typeface="ＭＳ Ｐ明朝" pitchFamily="18" charset="-128"/>
                <a:ea typeface="ＭＳ Ｐ明朝" pitchFamily="18" charset="-128"/>
              </a:rPr>
              <a:t>の実施、</a:t>
            </a:r>
            <a:r>
              <a:rPr lang="ja-JP" altLang="en-US" sz="1300" dirty="0" smtClean="0">
                <a:solidFill>
                  <a:prstClr val="black"/>
                </a:solidFill>
                <a:latin typeface="ＭＳ Ｐ明朝" pitchFamily="18" charset="-128"/>
                <a:ea typeface="ＭＳ Ｐ明朝" pitchFamily="18" charset="-128"/>
              </a:rPr>
              <a:t>また都市圏内の高速道路については</a:t>
            </a:r>
            <a:r>
              <a:rPr lang="en-US" altLang="ja-JP" sz="1300" dirty="0" smtClean="0">
                <a:solidFill>
                  <a:prstClr val="black"/>
                </a:solidFill>
                <a:latin typeface="ＭＳ Ｐ明朝" pitchFamily="18" charset="-128"/>
                <a:ea typeface="ＭＳ Ｐ明朝" pitchFamily="18" charset="-128"/>
              </a:rPr>
              <a:t>2017</a:t>
            </a:r>
            <a:r>
              <a:rPr lang="ja-JP" altLang="ja-JP" sz="1300" dirty="0" smtClean="0">
                <a:solidFill>
                  <a:prstClr val="black"/>
                </a:solidFill>
                <a:latin typeface="ＭＳ Ｐ明朝" pitchFamily="18" charset="-128"/>
                <a:ea typeface="ＭＳ Ｐ明朝" pitchFamily="18" charset="-128"/>
              </a:rPr>
              <a:t>年度の</a:t>
            </a:r>
            <a:r>
              <a:rPr lang="ja-JP" altLang="en-US" sz="1300" dirty="0" smtClean="0">
                <a:solidFill>
                  <a:prstClr val="black"/>
                </a:solidFill>
                <a:latin typeface="ＭＳ Ｐ明朝" pitchFamily="18" charset="-128"/>
                <a:ea typeface="ＭＳ Ｐ明朝" pitchFamily="18" charset="-128"/>
              </a:rPr>
              <a:t>からの</a:t>
            </a:r>
            <a:r>
              <a:rPr lang="ja-JP" altLang="ja-JP" sz="1300" dirty="0" smtClean="0">
                <a:solidFill>
                  <a:prstClr val="black"/>
                </a:solidFill>
                <a:latin typeface="ＭＳ Ｐ明朝" pitchFamily="18" charset="-128"/>
                <a:ea typeface="ＭＳ Ｐ明朝" pitchFamily="18" charset="-128"/>
              </a:rPr>
              <a:t>料金一元化など、利用者サービスの向上が進んで</a:t>
            </a:r>
            <a:r>
              <a:rPr lang="ja-JP" altLang="en-US" sz="1300" dirty="0" smtClean="0">
                <a:solidFill>
                  <a:prstClr val="black"/>
                </a:solidFill>
                <a:latin typeface="ＭＳ Ｐ明朝" pitchFamily="18" charset="-128"/>
                <a:ea typeface="ＭＳ Ｐ明朝" pitchFamily="18" charset="-128"/>
              </a:rPr>
              <a:t>きて</a:t>
            </a:r>
            <a:r>
              <a:rPr lang="ja-JP" altLang="ja-JP" sz="1300" dirty="0" smtClean="0">
                <a:solidFill>
                  <a:prstClr val="black"/>
                </a:solidFill>
                <a:latin typeface="ＭＳ Ｐ明朝" pitchFamily="18" charset="-128"/>
                <a:ea typeface="ＭＳ Ｐ明朝" pitchFamily="18" charset="-128"/>
              </a:rPr>
              <a:t>いる。</a:t>
            </a:r>
          </a:p>
          <a:p>
            <a:pPr>
              <a:lnSpc>
                <a:spcPts val="1800"/>
              </a:lnSpc>
            </a:pPr>
            <a:r>
              <a:rPr lang="en-US" altLang="ja-JP" sz="1200" dirty="0" smtClean="0">
                <a:solidFill>
                  <a:prstClr val="black"/>
                </a:solidFill>
              </a:rPr>
              <a:t> </a:t>
            </a:r>
            <a:endParaRPr lang="ja-JP" altLang="ja-JP" sz="1200" dirty="0" smtClean="0">
              <a:solidFill>
                <a:prstClr val="black"/>
              </a:solidFill>
            </a:endParaRPr>
          </a:p>
          <a:p>
            <a:pPr>
              <a:lnSpc>
                <a:spcPts val="1800"/>
              </a:lnSpc>
            </a:pPr>
            <a:r>
              <a:rPr lang="ja-JP" altLang="ja-JP" sz="1400" b="1" dirty="0" smtClean="0">
                <a:solidFill>
                  <a:prstClr val="black"/>
                </a:solidFill>
              </a:rPr>
              <a:t>４．将来像</a:t>
            </a:r>
            <a:endParaRPr lang="ja-JP" altLang="ja-JP" sz="1400" dirty="0" smtClean="0">
              <a:solidFill>
                <a:prstClr val="black"/>
              </a:solidFill>
            </a:endParaRPr>
          </a:p>
          <a:p>
            <a:pPr marL="180975" indent="-180975">
              <a:lnSpc>
                <a:spcPts val="1800"/>
              </a:lnSpc>
            </a:pPr>
            <a:r>
              <a:rPr lang="ja-JP" altLang="en-US" sz="1300" dirty="0" smtClean="0">
                <a:solidFill>
                  <a:prstClr val="black"/>
                </a:solidFill>
                <a:latin typeface="ＭＳ Ｐ明朝" pitchFamily="18" charset="-128"/>
                <a:ea typeface="ＭＳ Ｐ明朝" pitchFamily="18" charset="-128"/>
              </a:rPr>
              <a:t>　・</a:t>
            </a:r>
            <a:r>
              <a:rPr lang="en-US" altLang="ja-JP" sz="1300" dirty="0" smtClean="0">
                <a:solidFill>
                  <a:prstClr val="black"/>
                </a:solidFill>
                <a:latin typeface="ＭＳ Ｐ明朝" pitchFamily="18" charset="-128"/>
                <a:ea typeface="ＭＳ Ｐ明朝" pitchFamily="18" charset="-128"/>
              </a:rPr>
              <a:t>｢</a:t>
            </a:r>
            <a:r>
              <a:rPr lang="ja-JP" altLang="ja-JP" sz="1300" dirty="0" smtClean="0">
                <a:solidFill>
                  <a:prstClr val="black"/>
                </a:solidFill>
                <a:latin typeface="ＭＳ Ｐ明朝" pitchFamily="18" charset="-128"/>
                <a:ea typeface="ＭＳ Ｐ明朝" pitchFamily="18" charset="-128"/>
              </a:rPr>
              <a:t>なにわ筋線</a:t>
            </a:r>
            <a:r>
              <a:rPr lang="en-US" altLang="ja-JP" sz="1300" dirty="0" smtClean="0">
                <a:solidFill>
                  <a:prstClr val="black"/>
                </a:solidFill>
                <a:latin typeface="ＭＳ Ｐ明朝" pitchFamily="18" charset="-128"/>
                <a:ea typeface="ＭＳ Ｐ明朝" pitchFamily="18" charset="-128"/>
              </a:rPr>
              <a:t>｣</a:t>
            </a:r>
            <a:r>
              <a:rPr lang="ja-JP" altLang="en-US" sz="1300" dirty="0" smtClean="0">
                <a:solidFill>
                  <a:prstClr val="black"/>
                </a:solidFill>
                <a:latin typeface="ＭＳ Ｐ明朝" pitchFamily="18" charset="-128"/>
                <a:ea typeface="ＭＳ Ｐ明朝" pitchFamily="18" charset="-128"/>
              </a:rPr>
              <a:t>や</a:t>
            </a:r>
            <a:r>
              <a:rPr lang="en-US" altLang="ja-JP" sz="1300" dirty="0" smtClean="0">
                <a:solidFill>
                  <a:prstClr val="black"/>
                </a:solidFill>
                <a:latin typeface="ＭＳ Ｐ明朝" pitchFamily="18" charset="-128"/>
                <a:ea typeface="ＭＳ Ｐ明朝" pitchFamily="18" charset="-128"/>
              </a:rPr>
              <a:t>｢</a:t>
            </a:r>
            <a:r>
              <a:rPr lang="ja-JP" altLang="ja-JP" sz="1300" dirty="0" smtClean="0">
                <a:solidFill>
                  <a:prstClr val="black"/>
                </a:solidFill>
                <a:latin typeface="ＭＳ Ｐ明朝" pitchFamily="18" charset="-128"/>
                <a:ea typeface="ＭＳ Ｐ明朝" pitchFamily="18" charset="-128"/>
              </a:rPr>
              <a:t>北大阪急行延伸</a:t>
            </a:r>
            <a:r>
              <a:rPr lang="en-US" altLang="ja-JP" sz="1300" dirty="0" smtClean="0">
                <a:solidFill>
                  <a:prstClr val="black"/>
                </a:solidFill>
                <a:latin typeface="ＭＳ Ｐ明朝" pitchFamily="18" charset="-128"/>
                <a:ea typeface="ＭＳ Ｐ明朝" pitchFamily="18" charset="-128"/>
              </a:rPr>
              <a:t>｣</a:t>
            </a:r>
            <a:r>
              <a:rPr lang="ja-JP" altLang="en-US" sz="1300" dirty="0" smtClean="0">
                <a:solidFill>
                  <a:prstClr val="black"/>
                </a:solidFill>
                <a:latin typeface="ＭＳ Ｐ明朝" pitchFamily="18" charset="-128"/>
                <a:ea typeface="ＭＳ Ｐ明朝" pitchFamily="18" charset="-128"/>
              </a:rPr>
              <a:t>など鉄道の</a:t>
            </a:r>
            <a:r>
              <a:rPr lang="ja-JP" altLang="ja-JP" sz="1300" dirty="0" smtClean="0">
                <a:solidFill>
                  <a:prstClr val="black"/>
                </a:solidFill>
                <a:latin typeface="ＭＳ Ｐ明朝" pitchFamily="18" charset="-128"/>
                <a:ea typeface="ＭＳ Ｐ明朝" pitchFamily="18" charset="-128"/>
              </a:rPr>
              <a:t>『戦略４路線』</a:t>
            </a:r>
            <a:r>
              <a:rPr lang="ja-JP" altLang="en-US" sz="1300" dirty="0" smtClean="0">
                <a:solidFill>
                  <a:prstClr val="black"/>
                </a:solidFill>
                <a:latin typeface="ＭＳ Ｐ明朝" pitchFamily="18" charset="-128"/>
                <a:ea typeface="ＭＳ Ｐ明朝" pitchFamily="18" charset="-128"/>
              </a:rPr>
              <a:t>などの整備推進に取り組み、</a:t>
            </a:r>
            <a:r>
              <a:rPr lang="ja-JP" altLang="en-US" sz="1300" dirty="0" smtClean="0">
                <a:solidFill>
                  <a:srgbClr val="000000"/>
                </a:solidFill>
                <a:latin typeface="ＭＳ Ｐ明朝" pitchFamily="18" charset="-128"/>
                <a:ea typeface="ＭＳ Ｐ明朝" pitchFamily="18" charset="-128"/>
              </a:rPr>
              <a:t>成長に資する人材や物資等を呼び込む「国土軸」等と成長エンジンである「都心部」との結節強化に向けた戦略的投資を進める。</a:t>
            </a:r>
            <a:endParaRPr lang="en-US" altLang="ja-JP" sz="1300" dirty="0" smtClean="0">
              <a:solidFill>
                <a:prstClr val="black"/>
              </a:solidFill>
              <a:latin typeface="ＭＳ Ｐ明朝" pitchFamily="18" charset="-128"/>
              <a:ea typeface="ＭＳ Ｐ明朝" pitchFamily="18" charset="-128"/>
            </a:endParaRPr>
          </a:p>
          <a:p>
            <a:pPr marL="180975" indent="-180975">
              <a:lnSpc>
                <a:spcPts val="1800"/>
              </a:lnSpc>
            </a:pPr>
            <a:r>
              <a:rPr lang="ja-JP" altLang="en-US" sz="1300" dirty="0" smtClean="0">
                <a:solidFill>
                  <a:prstClr val="black"/>
                </a:solidFill>
                <a:latin typeface="ＭＳ Ｐ明朝" pitchFamily="18" charset="-128"/>
                <a:ea typeface="ＭＳ Ｐ明朝" pitchFamily="18" charset="-128"/>
              </a:rPr>
              <a:t>　・高速道路については、ネットワーク強化とともに都心部への自動車流入抑制にも資する都市再生環状道路の実現を図り、都心部のゆとりある道路空間の実現をめざす。</a:t>
            </a:r>
            <a:endParaRPr lang="en-US" altLang="ja-JP" sz="1300" dirty="0" smtClean="0">
              <a:solidFill>
                <a:srgbClr val="000000"/>
              </a:solidFill>
              <a:latin typeface="ＭＳ Ｐ明朝" pitchFamily="18" charset="-128"/>
              <a:ea typeface="ＭＳ Ｐ明朝" pitchFamily="18" charset="-128"/>
            </a:endParaRPr>
          </a:p>
        </p:txBody>
      </p:sp>
      <p:sp>
        <p:nvSpPr>
          <p:cNvPr id="9" name="スライド番号プレースホルダ 8"/>
          <p:cNvSpPr>
            <a:spLocks noGrp="1"/>
          </p:cNvSpPr>
          <p:nvPr>
            <p:ph type="sldNum" sz="quarter" idx="12"/>
          </p:nvPr>
        </p:nvSpPr>
        <p:spPr/>
        <p:txBody>
          <a:bodyPr/>
          <a:lstStyle/>
          <a:p>
            <a:fld id="{37EF5067-3AB7-4642-9103-42CBD40CC6D9}" type="slidenum">
              <a:rPr kumimoji="1" lang="ja-JP" altLang="en-US" smtClean="0"/>
              <a:pPr/>
              <a:t>71</a:t>
            </a:fld>
            <a:endParaRPr kumimoji="1" lang="ja-JP" altLang="en-US" dirty="0"/>
          </a:p>
        </p:txBody>
      </p:sp>
    </p:spTree>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p:cNvSpPr txBox="1">
            <a:spLocks noChangeArrowheads="1"/>
          </p:cNvSpPr>
          <p:nvPr/>
        </p:nvSpPr>
        <p:spPr bwMode="auto">
          <a:xfrm>
            <a:off x="0" y="6"/>
            <a:ext cx="9945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prstClr val="white"/>
                </a:solidFill>
                <a:latin typeface="ＭＳ ゴシック" pitchFamily="49" charset="-128"/>
                <a:ea typeface="ＭＳ ゴシック" pitchFamily="49" charset="-128"/>
              </a:rPr>
              <a:t>７．大阪都市圏の交通インフラ（都市圏の抱える交通問題）</a:t>
            </a:r>
            <a:endParaRPr lang="en-US" altLang="ja-JP" sz="2000" b="1" dirty="0" smtClean="0">
              <a:solidFill>
                <a:prstClr val="white"/>
              </a:solidFill>
              <a:latin typeface="ＭＳ ゴシック" pitchFamily="49" charset="-128"/>
              <a:ea typeface="ＭＳ ゴシック" pitchFamily="49" charset="-128"/>
            </a:endParaRPr>
          </a:p>
        </p:txBody>
      </p:sp>
      <p:sp>
        <p:nvSpPr>
          <p:cNvPr id="6" name="テキスト ボックス 5"/>
          <p:cNvSpPr txBox="1"/>
          <p:nvPr/>
        </p:nvSpPr>
        <p:spPr>
          <a:xfrm>
            <a:off x="101678" y="745242"/>
            <a:ext cx="9506345" cy="3529171"/>
          </a:xfrm>
          <a:prstGeom prst="rect">
            <a:avLst/>
          </a:prstGeom>
          <a:noFill/>
        </p:spPr>
        <p:txBody>
          <a:bodyPr wrap="square" lIns="36000" rIns="36000" rtlCol="0">
            <a:spAutoFit/>
          </a:bodyPr>
          <a:lstStyle/>
          <a:p>
            <a:pPr>
              <a:lnSpc>
                <a:spcPts val="2400"/>
              </a:lnSpc>
            </a:pPr>
            <a:r>
              <a:rPr lang="ja-JP" altLang="en-US" sz="1400" dirty="0" smtClean="0">
                <a:solidFill>
                  <a:prstClr val="black"/>
                </a:solidFill>
                <a:latin typeface="ＭＳ Ｐゴシック" pitchFamily="50" charset="-128"/>
              </a:rPr>
              <a:t>■経緯と現状</a:t>
            </a:r>
            <a:endParaRPr lang="en-US" altLang="ja-JP" sz="1400" dirty="0" smtClean="0">
              <a:solidFill>
                <a:prstClr val="black"/>
              </a:solidFill>
              <a:latin typeface="ＭＳ Ｐゴシック" pitchFamily="50" charset="-128"/>
            </a:endParaRPr>
          </a:p>
          <a:p>
            <a:pPr marL="177800" indent="-177800">
              <a:lnSpc>
                <a:spcPts val="2400"/>
              </a:lnSpc>
            </a:pPr>
            <a:r>
              <a:rPr lang="ja-JP" altLang="en-US" sz="1400" dirty="0" smtClean="0">
                <a:solidFill>
                  <a:prstClr val="black"/>
                </a:solidFill>
                <a:latin typeface="ＭＳ Ｐ明朝" pitchFamily="18" charset="-128"/>
                <a:ea typeface="ＭＳ Ｐ明朝" pitchFamily="18" charset="-128"/>
              </a:rPr>
              <a:t>　・高度経済成長期の社会背景のもと、都心ターミナルと郊外との効率的な人流、物流ネットワークを構築することを主眼に鉄道や高速道路が整備されてきた。</a:t>
            </a:r>
            <a:endParaRPr lang="en-US" altLang="ja-JP" sz="1400" dirty="0" smtClean="0">
              <a:solidFill>
                <a:prstClr val="black"/>
              </a:solidFill>
              <a:latin typeface="ＭＳ Ｐ明朝" pitchFamily="18" charset="-128"/>
              <a:ea typeface="ＭＳ Ｐ明朝" pitchFamily="18" charset="-128"/>
            </a:endParaRPr>
          </a:p>
          <a:p>
            <a:pPr>
              <a:lnSpc>
                <a:spcPts val="2400"/>
              </a:lnSpc>
            </a:pPr>
            <a:endParaRPr lang="en-US" altLang="ja-JP" sz="1400" dirty="0" smtClean="0">
              <a:solidFill>
                <a:prstClr val="black"/>
              </a:solidFill>
              <a:latin typeface="ＭＳ Ｐゴシック" pitchFamily="50" charset="-128"/>
            </a:endParaRPr>
          </a:p>
          <a:p>
            <a:pPr marL="180975" indent="-180975">
              <a:lnSpc>
                <a:spcPts val="2400"/>
              </a:lnSpc>
            </a:pPr>
            <a:r>
              <a:rPr lang="ja-JP" altLang="en-US" sz="1400" dirty="0" smtClean="0">
                <a:solidFill>
                  <a:prstClr val="black"/>
                </a:solidFill>
                <a:latin typeface="ＭＳ Ｐゴシック" pitchFamily="50" charset="-128"/>
              </a:rPr>
              <a:t>■社会経済状況の変化</a:t>
            </a:r>
            <a:endParaRPr lang="en-US" altLang="ja-JP" sz="1400" dirty="0" smtClean="0">
              <a:solidFill>
                <a:prstClr val="black"/>
              </a:solidFill>
              <a:latin typeface="ＭＳ Ｐゴシック" pitchFamily="50" charset="-128"/>
            </a:endParaRPr>
          </a:p>
          <a:p>
            <a:pPr marL="273050" indent="-273050">
              <a:lnSpc>
                <a:spcPts val="2400"/>
              </a:lnSpc>
            </a:pPr>
            <a:r>
              <a:rPr lang="ja-JP" altLang="en-US" sz="1400" dirty="0" smtClean="0">
                <a:solidFill>
                  <a:prstClr val="black"/>
                </a:solidFill>
                <a:latin typeface="ＭＳ Ｐゴシック" pitchFamily="50" charset="-128"/>
              </a:rPr>
              <a:t>　</a:t>
            </a:r>
            <a:r>
              <a:rPr lang="ja-JP" altLang="en-US" sz="1400" dirty="0" smtClean="0">
                <a:solidFill>
                  <a:prstClr val="black"/>
                </a:solidFill>
                <a:latin typeface="ＭＳ Ｐ明朝" pitchFamily="18" charset="-128"/>
                <a:ea typeface="ＭＳ Ｐ明朝" pitchFamily="18" charset="-128"/>
              </a:rPr>
              <a:t>○北陸新幹線（長野～敦賀開業）やリニア中央新幹線、新名神高速道路の全線開通など、国土軸強化に向けた国家プロジェクトが強力に進められている。</a:t>
            </a:r>
            <a:endParaRPr lang="en-US" altLang="ja-JP" sz="1400" dirty="0" smtClean="0">
              <a:solidFill>
                <a:prstClr val="black"/>
              </a:solidFill>
              <a:latin typeface="ＭＳ Ｐ明朝" pitchFamily="18" charset="-128"/>
              <a:ea typeface="ＭＳ Ｐ明朝" pitchFamily="18" charset="-128"/>
            </a:endParaRPr>
          </a:p>
          <a:p>
            <a:pPr marL="273050" indent="-273050">
              <a:lnSpc>
                <a:spcPts val="2400"/>
              </a:lnSpc>
            </a:pPr>
            <a:r>
              <a:rPr lang="ja-JP" altLang="en-US" sz="1400" dirty="0" smtClean="0">
                <a:solidFill>
                  <a:prstClr val="black"/>
                </a:solidFill>
                <a:latin typeface="ＭＳ Ｐ明朝" pitchFamily="18" charset="-128"/>
                <a:ea typeface="ＭＳ Ｐ明朝" pitchFamily="18" charset="-128"/>
              </a:rPr>
              <a:t>　○関西国際空港の経営基盤強化（関空・伊丹二空港の経営統合の実現や運営権売却による完全民営化方針の決定）、大阪港の効率的運営（神戸・大阪埠頭公社の経営統合実現）など、国際拠点の機能強化が図られている。</a:t>
            </a:r>
            <a:endParaRPr lang="en-US" altLang="ja-JP" sz="1400" dirty="0" smtClean="0">
              <a:solidFill>
                <a:prstClr val="black"/>
              </a:solidFill>
              <a:latin typeface="ＭＳ Ｐ明朝" pitchFamily="18" charset="-128"/>
              <a:ea typeface="ＭＳ Ｐ明朝" pitchFamily="18" charset="-128"/>
            </a:endParaRPr>
          </a:p>
          <a:p>
            <a:pPr marL="180975" indent="-180975">
              <a:lnSpc>
                <a:spcPts val="2600"/>
              </a:lnSpc>
            </a:pPr>
            <a:endParaRPr lang="en-US" altLang="ja-JP" sz="1400" dirty="0" smtClean="0">
              <a:solidFill>
                <a:prstClr val="black"/>
              </a:solidFill>
              <a:latin typeface="ＭＳ Ｐゴシック" pitchFamily="50" charset="-128"/>
            </a:endParaRPr>
          </a:p>
          <a:p>
            <a:pPr marL="180975" indent="-180975">
              <a:lnSpc>
                <a:spcPts val="2600"/>
              </a:lnSpc>
            </a:pPr>
            <a:r>
              <a:rPr lang="ja-JP" altLang="en-US" sz="1400" dirty="0" smtClean="0">
                <a:solidFill>
                  <a:prstClr val="black"/>
                </a:solidFill>
                <a:latin typeface="ＭＳ Ｐゴシック" pitchFamily="50" charset="-128"/>
              </a:rPr>
              <a:t>■課題と取組み</a:t>
            </a:r>
            <a:endParaRPr lang="en-US" altLang="ja-JP" sz="1400" dirty="0" smtClean="0">
              <a:solidFill>
                <a:prstClr val="black"/>
              </a:solidFill>
              <a:latin typeface="ＭＳ Ｐゴシック" pitchFamily="50" charset="-128"/>
            </a:endParaRPr>
          </a:p>
        </p:txBody>
      </p:sp>
      <p:sp>
        <p:nvSpPr>
          <p:cNvPr id="38" name="スライド番号プレースホルダ 37"/>
          <p:cNvSpPr>
            <a:spLocks noGrp="1"/>
          </p:cNvSpPr>
          <p:nvPr>
            <p:ph type="sldNum" sz="quarter" idx="12"/>
          </p:nvPr>
        </p:nvSpPr>
        <p:spPr/>
        <p:txBody>
          <a:bodyPr/>
          <a:lstStyle/>
          <a:p>
            <a:fld id="{37EF5067-3AB7-4642-9103-42CBD40CC6D9}" type="slidenum">
              <a:rPr kumimoji="1" lang="ja-JP" altLang="en-US" smtClean="0"/>
              <a:pPr/>
              <a:t>72</a:t>
            </a:fld>
            <a:endParaRPr kumimoji="1" lang="ja-JP" altLang="en-US" dirty="0"/>
          </a:p>
        </p:txBody>
      </p:sp>
      <p:graphicFrame>
        <p:nvGraphicFramePr>
          <p:cNvPr id="34" name="表 33"/>
          <p:cNvGraphicFramePr>
            <a:graphicFrameLocks noGrp="1"/>
          </p:cNvGraphicFramePr>
          <p:nvPr/>
        </p:nvGraphicFramePr>
        <p:xfrm>
          <a:off x="387767" y="4302058"/>
          <a:ext cx="9449993" cy="2201861"/>
        </p:xfrm>
        <a:graphic>
          <a:graphicData uri="http://schemas.openxmlformats.org/drawingml/2006/table">
            <a:tbl>
              <a:tblPr firstRow="1" bandRow="1">
                <a:tableStyleId>{5C22544A-7EE6-4342-B048-85BDC9FD1C3A}</a:tableStyleId>
              </a:tblPr>
              <a:tblGrid>
                <a:gridCol w="5167965"/>
                <a:gridCol w="4282028"/>
              </a:tblGrid>
              <a:tr h="269920">
                <a:tc>
                  <a:txBody>
                    <a:bodyPr/>
                    <a:lstStyle/>
                    <a:p>
                      <a:pPr algn="l"/>
                      <a:r>
                        <a:rPr kumimoji="1" lang="ja-JP" altLang="en-US" sz="1400" b="0" dirty="0" smtClean="0">
                          <a:solidFill>
                            <a:schemeClr val="tx1"/>
                          </a:solidFill>
                          <a:latin typeface="+mn-ea"/>
                          <a:ea typeface="+mn-ea"/>
                        </a:rPr>
                        <a:t>課題</a:t>
                      </a:r>
                      <a:endParaRPr kumimoji="1" lang="ja-JP" altLang="en-US" sz="1400" b="0"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400" b="0" dirty="0" smtClean="0">
                          <a:solidFill>
                            <a:schemeClr val="tx1"/>
                          </a:solidFill>
                          <a:latin typeface="+mn-ea"/>
                          <a:ea typeface="+mn-ea"/>
                        </a:rPr>
                        <a:t>取組み</a:t>
                      </a:r>
                      <a:endParaRPr kumimoji="1" lang="ja-JP" altLang="en-US" sz="1400" b="0"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718462">
                <a:tc>
                  <a:txBody>
                    <a:bodyPr/>
                    <a:lstStyle/>
                    <a:p>
                      <a:pPr>
                        <a:lnSpc>
                          <a:spcPts val="1700"/>
                        </a:lnSpc>
                      </a:pPr>
                      <a:r>
                        <a:rPr lang="ja-JP" altLang="en-US" sz="1400" u="none" dirty="0" smtClean="0">
                          <a:latin typeface="ＭＳ Ｐ明朝" pitchFamily="18" charset="-128"/>
                          <a:ea typeface="ＭＳ Ｐ明朝" pitchFamily="18" charset="-128"/>
                        </a:rPr>
                        <a:t>　Ａ．都心部と空港・港湾を含めた国土軸との鉄道結節が不十分</a:t>
                      </a:r>
                      <a:endParaRPr lang="en-US" altLang="ja-JP" sz="1400" u="none" dirty="0" smtClean="0">
                        <a:latin typeface="ＭＳ Ｐ明朝" pitchFamily="18" charset="-128"/>
                        <a:ea typeface="ＭＳ Ｐ明朝" pitchFamily="18" charset="-128"/>
                      </a:endParaRPr>
                    </a:p>
                    <a:p>
                      <a:pPr>
                        <a:lnSpc>
                          <a:spcPts val="1900"/>
                        </a:lnSpc>
                      </a:pPr>
                      <a:r>
                        <a:rPr lang="ja-JP" altLang="en-US" sz="1400" u="none" dirty="0" smtClean="0">
                          <a:latin typeface="ＭＳ Ｐ明朝" pitchFamily="18" charset="-128"/>
                          <a:ea typeface="ＭＳ Ｐ明朝" pitchFamily="18" charset="-128"/>
                        </a:rPr>
                        <a:t>　　（社会経済状況の変化への対応が十分でない）</a:t>
                      </a:r>
                      <a:endParaRPr lang="en-US" altLang="ja-JP" sz="1400" u="none" dirty="0" smtClean="0">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buFont typeface="Arial" pitchFamily="34" charset="0"/>
                        <a:buNone/>
                      </a:pPr>
                      <a:r>
                        <a:rPr kumimoji="1" lang="ja-JP" altLang="en-US" sz="1400" b="0" dirty="0" smtClean="0">
                          <a:solidFill>
                            <a:schemeClr val="tx1"/>
                          </a:solidFill>
                          <a:latin typeface="ＭＳ Ｐ明朝" pitchFamily="18" charset="-128"/>
                          <a:ea typeface="ＭＳ Ｐ明朝" pitchFamily="18" charset="-128"/>
                        </a:rPr>
                        <a:t>　①鉄道ネットワークの強化</a:t>
                      </a:r>
                      <a:endParaRPr kumimoji="1" lang="en-US" altLang="ja-JP" sz="1400" b="0"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439577">
                <a:tc>
                  <a:txBody>
                    <a:bodyPr/>
                    <a:lstStyle/>
                    <a:p>
                      <a:pPr marL="177800" marR="0" indent="-177800" algn="l" defTabSz="957700" rtl="0" eaLnBrk="1" fontAlgn="auto" latinLnBrk="0" hangingPunct="1">
                        <a:lnSpc>
                          <a:spcPts val="1900"/>
                        </a:lnSpc>
                        <a:spcBef>
                          <a:spcPts val="0"/>
                        </a:spcBef>
                        <a:spcAft>
                          <a:spcPts val="0"/>
                        </a:spcAft>
                        <a:buClrTx/>
                        <a:buSzTx/>
                        <a:buFont typeface="Arial" pitchFamily="34" charset="0"/>
                        <a:buNone/>
                        <a:tabLst/>
                        <a:defRPr/>
                      </a:pPr>
                      <a:r>
                        <a:rPr lang="ja-JP" altLang="en-US" sz="1400" u="none" dirty="0" smtClean="0">
                          <a:latin typeface="ＭＳ Ｐ明朝" pitchFamily="18" charset="-128"/>
                          <a:ea typeface="ＭＳ Ｐ明朝" pitchFamily="18" charset="-128"/>
                        </a:rPr>
                        <a:t>　Ｂ．高速道路の路線間の接続が十分でない</a:t>
                      </a:r>
                      <a:endParaRPr kumimoji="1" lang="ja-JP" altLang="en-US" sz="1400" b="0" u="none"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77800" indent="-177800">
                        <a:buFont typeface="Arial" pitchFamily="34" charset="0"/>
                        <a:buNone/>
                      </a:pPr>
                      <a:r>
                        <a:rPr kumimoji="1" lang="ja-JP" altLang="en-US" sz="1400" b="0" dirty="0" smtClean="0">
                          <a:solidFill>
                            <a:schemeClr val="tx1"/>
                          </a:solidFill>
                          <a:latin typeface="ＭＳ Ｐ明朝" pitchFamily="18" charset="-128"/>
                          <a:ea typeface="ＭＳ Ｐ明朝" pitchFamily="18" charset="-128"/>
                        </a:rPr>
                        <a:t>　②高速道路ミッシングリンクの解消</a:t>
                      </a:r>
                      <a:endParaRPr kumimoji="1" lang="en-US" altLang="ja-JP" sz="1400" b="0"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739022">
                <a:tc>
                  <a:txBody>
                    <a:bodyPr/>
                    <a:lstStyle/>
                    <a:p>
                      <a:pPr marL="180975" indent="-180975">
                        <a:lnSpc>
                          <a:spcPts val="1900"/>
                        </a:lnSpc>
                      </a:pPr>
                      <a:r>
                        <a:rPr lang="ja-JP" altLang="en-US" sz="1400" u="none" dirty="0" smtClean="0">
                          <a:latin typeface="ＭＳ Ｐ明朝" pitchFamily="18" charset="-128"/>
                          <a:ea typeface="ＭＳ Ｐ明朝" pitchFamily="18" charset="-128"/>
                        </a:rPr>
                        <a:t>　Ｃ．利用者目線からのサービスが十分でない</a:t>
                      </a:r>
                      <a:endParaRPr lang="en-US" altLang="ja-JP" sz="1400" u="none" dirty="0" smtClean="0">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buFont typeface="Arial" pitchFamily="34" charset="0"/>
                        <a:buNone/>
                      </a:pPr>
                      <a:r>
                        <a:rPr kumimoji="1" lang="ja-JP" altLang="en-US" sz="1400" b="0" dirty="0" smtClean="0">
                          <a:solidFill>
                            <a:schemeClr val="tx1"/>
                          </a:solidFill>
                          <a:latin typeface="ＭＳ Ｐ明朝" pitchFamily="18" charset="-128"/>
                          <a:ea typeface="ＭＳ Ｐ明朝" pitchFamily="18" charset="-128"/>
                        </a:rPr>
                        <a:t>　③高速道路料金の一元化</a:t>
                      </a:r>
                      <a:endParaRPr kumimoji="1" lang="en-US" altLang="ja-JP" sz="1400" b="0" dirty="0" smtClean="0">
                        <a:solidFill>
                          <a:schemeClr val="tx1"/>
                        </a:solidFill>
                        <a:latin typeface="ＭＳ Ｐ明朝" pitchFamily="18" charset="-128"/>
                        <a:ea typeface="ＭＳ Ｐ明朝" pitchFamily="18" charset="-128"/>
                      </a:endParaRPr>
                    </a:p>
                    <a:p>
                      <a:pPr>
                        <a:buFont typeface="Arial" pitchFamily="34" charset="0"/>
                        <a:buNone/>
                      </a:pPr>
                      <a:r>
                        <a:rPr kumimoji="1" lang="ja-JP" altLang="en-US" sz="1400" b="0" dirty="0" smtClean="0">
                          <a:solidFill>
                            <a:schemeClr val="tx1"/>
                          </a:solidFill>
                          <a:latin typeface="ＭＳ Ｐ明朝" pitchFamily="18" charset="-128"/>
                          <a:ea typeface="ＭＳ Ｐ明朝" pitchFamily="18" charset="-128"/>
                        </a:rPr>
                        <a:t>　④市営地下鉄のサービス 向上</a:t>
                      </a:r>
                      <a:endParaRPr kumimoji="1" lang="en-US" altLang="ja-JP" sz="1400" b="0"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Tree>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p:cNvSpPr txBox="1">
            <a:spLocks noChangeArrowheads="1"/>
          </p:cNvSpPr>
          <p:nvPr/>
        </p:nvSpPr>
        <p:spPr bwMode="auto">
          <a:xfrm>
            <a:off x="0" y="6"/>
            <a:ext cx="9945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prstClr val="white"/>
                </a:solidFill>
                <a:latin typeface="ＭＳ ゴシック" pitchFamily="49" charset="-128"/>
                <a:ea typeface="ＭＳ ゴシック" pitchFamily="49" charset="-128"/>
              </a:rPr>
              <a:t>７．大阪都市圏の交通インフラ（都市圏の抱える交通問題）</a:t>
            </a:r>
            <a:endParaRPr lang="en-US" altLang="ja-JP" sz="2000" b="1" dirty="0" smtClean="0">
              <a:solidFill>
                <a:prstClr val="white"/>
              </a:solidFill>
              <a:latin typeface="ＭＳ ゴシック" pitchFamily="49" charset="-128"/>
              <a:ea typeface="ＭＳ ゴシック" pitchFamily="49" charset="-128"/>
            </a:endParaRPr>
          </a:p>
        </p:txBody>
      </p:sp>
      <p:sp>
        <p:nvSpPr>
          <p:cNvPr id="31" name="テキスト ボックス 30"/>
          <p:cNvSpPr txBox="1"/>
          <p:nvPr/>
        </p:nvSpPr>
        <p:spPr>
          <a:xfrm>
            <a:off x="4997713" y="5043029"/>
            <a:ext cx="4343716" cy="387286"/>
          </a:xfrm>
          <a:prstGeom prst="rect">
            <a:avLst/>
          </a:prstGeom>
          <a:noFill/>
        </p:spPr>
        <p:txBody>
          <a:bodyPr wrap="square" lIns="36000" rIns="36000" rtlCol="0">
            <a:spAutoFit/>
          </a:bodyPr>
          <a:lstStyle/>
          <a:p>
            <a:pPr>
              <a:lnSpc>
                <a:spcPts val="2300"/>
              </a:lnSpc>
            </a:pPr>
            <a:r>
              <a:rPr lang="ja-JP" altLang="en-US" sz="1400" dirty="0" smtClean="0">
                <a:solidFill>
                  <a:prstClr val="black"/>
                </a:solidFill>
                <a:latin typeface="ＭＳ Ｐゴシック"/>
              </a:rPr>
              <a:t>＜</a:t>
            </a:r>
            <a:r>
              <a:rPr lang="ja-JP" altLang="en-US" sz="1400" u="sng" dirty="0" smtClean="0">
                <a:solidFill>
                  <a:prstClr val="black"/>
                </a:solidFill>
                <a:latin typeface="ＭＳ Ｐゴシック"/>
              </a:rPr>
              <a:t>課題Ｃ　利用者目線からのサービスが十分でない</a:t>
            </a:r>
            <a:r>
              <a:rPr lang="ja-JP" altLang="en-US" sz="1400" dirty="0" smtClean="0">
                <a:solidFill>
                  <a:prstClr val="black"/>
                </a:solidFill>
                <a:latin typeface="ＭＳ Ｐゴシック"/>
              </a:rPr>
              <a:t>＞</a:t>
            </a:r>
            <a:endParaRPr lang="en-US" altLang="ja-JP" sz="1400" dirty="0" smtClean="0">
              <a:solidFill>
                <a:prstClr val="black"/>
              </a:solidFill>
              <a:latin typeface="ＭＳ Ｐゴシック"/>
            </a:endParaRPr>
          </a:p>
        </p:txBody>
      </p:sp>
      <p:pic>
        <p:nvPicPr>
          <p:cNvPr id="26626" name="Picture 2" descr="http://www.kkr.mlit.go.jp/road/kansen/kanjo/04/image/a/3_01.gif"/>
          <p:cNvPicPr>
            <a:picLocks noChangeAspect="1" noChangeArrowheads="1"/>
          </p:cNvPicPr>
          <p:nvPr/>
        </p:nvPicPr>
        <p:blipFill>
          <a:blip r:embed="rId2" cstate="email"/>
          <a:srcRect l="1527" t="1527" r="729" b="9892"/>
          <a:stretch>
            <a:fillRect/>
          </a:stretch>
        </p:blipFill>
        <p:spPr bwMode="auto">
          <a:xfrm>
            <a:off x="5568286" y="728752"/>
            <a:ext cx="3694601" cy="3348251"/>
          </a:xfrm>
          <a:prstGeom prst="rect">
            <a:avLst/>
          </a:prstGeom>
          <a:noFill/>
        </p:spPr>
      </p:pic>
      <p:sp>
        <p:nvSpPr>
          <p:cNvPr id="57" name="テキスト ボックス 56"/>
          <p:cNvSpPr txBox="1"/>
          <p:nvPr/>
        </p:nvSpPr>
        <p:spPr>
          <a:xfrm>
            <a:off x="5082892" y="361812"/>
            <a:ext cx="4343716" cy="387286"/>
          </a:xfrm>
          <a:prstGeom prst="rect">
            <a:avLst/>
          </a:prstGeom>
          <a:noFill/>
        </p:spPr>
        <p:txBody>
          <a:bodyPr wrap="square" lIns="36000" rIns="36000" rtlCol="0">
            <a:spAutoFit/>
          </a:bodyPr>
          <a:lstStyle/>
          <a:p>
            <a:pPr>
              <a:lnSpc>
                <a:spcPts val="2300"/>
              </a:lnSpc>
            </a:pPr>
            <a:r>
              <a:rPr lang="ja-JP" altLang="en-US" sz="1400" dirty="0" smtClean="0">
                <a:solidFill>
                  <a:prstClr val="black"/>
                </a:solidFill>
                <a:latin typeface="ＭＳ Ｐゴシック"/>
              </a:rPr>
              <a:t>＜</a:t>
            </a:r>
            <a:r>
              <a:rPr lang="ja-JP" altLang="en-US" sz="1400" u="sng" dirty="0" smtClean="0">
                <a:solidFill>
                  <a:prstClr val="black"/>
                </a:solidFill>
                <a:latin typeface="ＭＳ Ｐゴシック"/>
              </a:rPr>
              <a:t>課題Ｂ　高速道路の路線間の接続が十分でない</a:t>
            </a:r>
            <a:r>
              <a:rPr lang="ja-JP" altLang="en-US" sz="1400" dirty="0" smtClean="0">
                <a:solidFill>
                  <a:prstClr val="black"/>
                </a:solidFill>
                <a:latin typeface="ＭＳ Ｐゴシック"/>
              </a:rPr>
              <a:t>＞</a:t>
            </a:r>
            <a:endParaRPr lang="en-US" altLang="ja-JP" sz="1400" dirty="0" smtClean="0">
              <a:solidFill>
                <a:prstClr val="black"/>
              </a:solidFill>
              <a:latin typeface="ＭＳ Ｐゴシック"/>
            </a:endParaRPr>
          </a:p>
        </p:txBody>
      </p:sp>
      <p:sp>
        <p:nvSpPr>
          <p:cNvPr id="58" name="テキスト ボックス 57"/>
          <p:cNvSpPr txBox="1"/>
          <p:nvPr/>
        </p:nvSpPr>
        <p:spPr>
          <a:xfrm>
            <a:off x="5233864" y="4155428"/>
            <a:ext cx="4672136" cy="1015663"/>
          </a:xfrm>
          <a:prstGeom prst="rect">
            <a:avLst/>
          </a:prstGeom>
          <a:noFill/>
        </p:spPr>
        <p:txBody>
          <a:bodyPr wrap="square" lIns="36000" rIns="36000" rtlCol="0">
            <a:spAutoFit/>
          </a:bodyPr>
          <a:lstStyle/>
          <a:p>
            <a:pPr marL="82550" indent="-82550">
              <a:lnSpc>
                <a:spcPts val="1200"/>
              </a:lnSpc>
            </a:pPr>
            <a:r>
              <a:rPr lang="ja-JP" altLang="en-US" sz="1200" dirty="0" smtClean="0">
                <a:solidFill>
                  <a:prstClr val="black"/>
                </a:solidFill>
                <a:latin typeface="ＭＳ Ｐ明朝" pitchFamily="18" charset="-128"/>
                <a:ea typeface="ＭＳ Ｐ明朝" pitchFamily="18" charset="-128"/>
              </a:rPr>
              <a:t>・放射路線が発達している一方で環状路線が弱く、都心に用のない自動車も、都心に流入せざるを得ないネットワークになっている</a:t>
            </a:r>
            <a:endParaRPr lang="en-US" altLang="ja-JP" sz="1200" dirty="0" smtClean="0">
              <a:solidFill>
                <a:prstClr val="black"/>
              </a:solidFill>
              <a:latin typeface="ＭＳ Ｐ明朝" pitchFamily="18" charset="-128"/>
              <a:ea typeface="ＭＳ Ｐ明朝" pitchFamily="18" charset="-128"/>
            </a:endParaRPr>
          </a:p>
          <a:p>
            <a:pPr>
              <a:lnSpc>
                <a:spcPts val="1200"/>
              </a:lnSpc>
            </a:pPr>
            <a:r>
              <a:rPr lang="ja-JP" altLang="en-US" sz="1200" dirty="0" smtClean="0">
                <a:solidFill>
                  <a:prstClr val="black"/>
                </a:solidFill>
                <a:latin typeface="ＭＳ Ｐ明朝" pitchFamily="18" charset="-128"/>
                <a:ea typeface="ＭＳ Ｐ明朝" pitchFamily="18" charset="-128"/>
              </a:rPr>
              <a:t>　　　　　　　　　　　　　　　　　　↓</a:t>
            </a:r>
            <a:endParaRPr lang="en-US" altLang="ja-JP" sz="1200" dirty="0" smtClean="0">
              <a:solidFill>
                <a:prstClr val="black"/>
              </a:solidFill>
              <a:latin typeface="ＭＳ Ｐ明朝" pitchFamily="18" charset="-128"/>
              <a:ea typeface="ＭＳ Ｐ明朝" pitchFamily="18" charset="-128"/>
            </a:endParaRPr>
          </a:p>
          <a:p>
            <a:pPr marL="82550" indent="-82550">
              <a:lnSpc>
                <a:spcPts val="1200"/>
              </a:lnSpc>
            </a:pPr>
            <a:r>
              <a:rPr lang="ja-JP" altLang="en-US" sz="1200" dirty="0" smtClean="0">
                <a:solidFill>
                  <a:prstClr val="black"/>
                </a:solidFill>
                <a:latin typeface="ＭＳ Ｐ明朝" pitchFamily="18" charset="-128"/>
                <a:ea typeface="ＭＳ Ｐ明朝" pitchFamily="18" charset="-128"/>
              </a:rPr>
              <a:t>・都心外縁部への「大阪都市再生環状道路」の整備を進めているが、環状道路の一部を形成する淀川左岸線延伸部が事業未着手であり、「ミッシングリンク」となっている</a:t>
            </a:r>
            <a:endParaRPr lang="en-US" altLang="ja-JP" sz="1200" dirty="0" smtClean="0">
              <a:solidFill>
                <a:prstClr val="black"/>
              </a:solidFill>
              <a:latin typeface="ＭＳ Ｐ明朝" pitchFamily="18" charset="-128"/>
              <a:ea typeface="ＭＳ Ｐ明朝" pitchFamily="18" charset="-128"/>
            </a:endParaRPr>
          </a:p>
        </p:txBody>
      </p:sp>
      <p:sp>
        <p:nvSpPr>
          <p:cNvPr id="59" name="テキスト ボックス 58"/>
          <p:cNvSpPr txBox="1"/>
          <p:nvPr/>
        </p:nvSpPr>
        <p:spPr>
          <a:xfrm rot="19620000">
            <a:off x="6198219" y="2276392"/>
            <a:ext cx="769441" cy="307777"/>
          </a:xfrm>
          <a:prstGeom prst="rect">
            <a:avLst/>
          </a:prstGeom>
          <a:solidFill>
            <a:schemeClr val="bg1"/>
          </a:solidFill>
        </p:spPr>
        <p:txBody>
          <a:bodyPr wrap="none" lIns="0" tIns="0" rIns="0" bIns="0" rtlCol="0">
            <a:spAutoFit/>
          </a:bodyPr>
          <a:lstStyle/>
          <a:p>
            <a:r>
              <a:rPr lang="ja-JP" altLang="en-US" sz="1000" dirty="0" smtClean="0">
                <a:solidFill>
                  <a:prstClr val="black"/>
                </a:solidFill>
              </a:rPr>
              <a:t>淀川左岸線</a:t>
            </a:r>
            <a:endParaRPr lang="en-US" altLang="ja-JP" sz="1000" dirty="0" smtClean="0">
              <a:solidFill>
                <a:prstClr val="black"/>
              </a:solidFill>
            </a:endParaRPr>
          </a:p>
          <a:p>
            <a:r>
              <a:rPr lang="ja-JP" altLang="en-US" sz="1000" dirty="0" smtClean="0">
                <a:solidFill>
                  <a:prstClr val="black"/>
                </a:solidFill>
              </a:rPr>
              <a:t>（一部事業中）</a:t>
            </a:r>
            <a:endParaRPr lang="ja-JP" altLang="en-US" sz="1000" dirty="0">
              <a:solidFill>
                <a:prstClr val="black"/>
              </a:solidFill>
            </a:endParaRPr>
          </a:p>
        </p:txBody>
      </p:sp>
      <p:sp>
        <p:nvSpPr>
          <p:cNvPr id="60" name="テキスト ボックス 59"/>
          <p:cNvSpPr txBox="1"/>
          <p:nvPr/>
        </p:nvSpPr>
        <p:spPr>
          <a:xfrm rot="21600000">
            <a:off x="7204242" y="3758497"/>
            <a:ext cx="512961" cy="307777"/>
          </a:xfrm>
          <a:prstGeom prst="rect">
            <a:avLst/>
          </a:prstGeom>
          <a:solidFill>
            <a:schemeClr val="bg1"/>
          </a:solidFill>
        </p:spPr>
        <p:txBody>
          <a:bodyPr wrap="none" lIns="0" tIns="0" rIns="0" bIns="0" rtlCol="0">
            <a:spAutoFit/>
          </a:bodyPr>
          <a:lstStyle/>
          <a:p>
            <a:r>
              <a:rPr lang="ja-JP" altLang="en-US" sz="1000" dirty="0" smtClean="0">
                <a:solidFill>
                  <a:prstClr val="black"/>
                </a:solidFill>
              </a:rPr>
              <a:t>大和川線</a:t>
            </a:r>
            <a:endParaRPr lang="en-US" altLang="ja-JP" sz="1000" dirty="0" smtClean="0">
              <a:solidFill>
                <a:prstClr val="black"/>
              </a:solidFill>
            </a:endParaRPr>
          </a:p>
          <a:p>
            <a:r>
              <a:rPr lang="ja-JP" altLang="en-US" sz="1000" dirty="0" smtClean="0">
                <a:solidFill>
                  <a:prstClr val="black"/>
                </a:solidFill>
              </a:rPr>
              <a:t>（事業中）</a:t>
            </a:r>
            <a:endParaRPr lang="ja-JP" altLang="en-US" sz="1000" dirty="0">
              <a:solidFill>
                <a:prstClr val="black"/>
              </a:solidFill>
            </a:endParaRPr>
          </a:p>
        </p:txBody>
      </p:sp>
      <p:sp>
        <p:nvSpPr>
          <p:cNvPr id="72" name="テキスト ボックス 71"/>
          <p:cNvSpPr txBox="1"/>
          <p:nvPr/>
        </p:nvSpPr>
        <p:spPr>
          <a:xfrm>
            <a:off x="5206201" y="5343771"/>
            <a:ext cx="4680520" cy="861774"/>
          </a:xfrm>
          <a:prstGeom prst="rect">
            <a:avLst/>
          </a:prstGeom>
          <a:noFill/>
        </p:spPr>
        <p:txBody>
          <a:bodyPr wrap="square" lIns="36000" rIns="36000" rtlCol="0">
            <a:spAutoFit/>
          </a:bodyPr>
          <a:lstStyle/>
          <a:p>
            <a:pPr>
              <a:lnSpc>
                <a:spcPts val="1200"/>
              </a:lnSpc>
            </a:pPr>
            <a:r>
              <a:rPr lang="ja-JP" altLang="en-US" sz="1300" dirty="0" smtClean="0">
                <a:solidFill>
                  <a:prstClr val="black"/>
                </a:solidFill>
                <a:latin typeface="ＭＳ Ｐ明朝" pitchFamily="18" charset="-128"/>
                <a:ea typeface="ＭＳ Ｐ明朝" pitchFamily="18" charset="-128"/>
              </a:rPr>
              <a:t>・</a:t>
            </a:r>
            <a:r>
              <a:rPr lang="ja-JP" altLang="en-US" sz="1200" dirty="0" smtClean="0">
                <a:solidFill>
                  <a:prstClr val="black"/>
                </a:solidFill>
                <a:latin typeface="ＭＳ Ｐ明朝" pitchFamily="18" charset="-128"/>
                <a:ea typeface="ＭＳ Ｐ明朝" pitchFamily="18" charset="-128"/>
              </a:rPr>
              <a:t>高速道路、鉄道とも都心部を中心に高密度に整備されているが</a:t>
            </a:r>
            <a:r>
              <a:rPr lang="en-US" altLang="ja-JP" sz="1200" dirty="0" smtClean="0">
                <a:solidFill>
                  <a:prstClr val="black"/>
                </a:solidFill>
                <a:latin typeface="ＭＳ Ｐ明朝" pitchFamily="18" charset="-128"/>
                <a:ea typeface="ＭＳ Ｐ明朝" pitchFamily="18" charset="-128"/>
              </a:rPr>
              <a:t>…</a:t>
            </a:r>
            <a:r>
              <a:rPr lang="ja-JP" altLang="en-US" sz="1200" dirty="0" smtClean="0">
                <a:solidFill>
                  <a:prstClr val="black"/>
                </a:solidFill>
                <a:latin typeface="ＭＳ Ｐ明朝" pitchFamily="18" charset="-128"/>
                <a:ea typeface="ＭＳ Ｐ明朝" pitchFamily="18" charset="-128"/>
              </a:rPr>
              <a:t>　　　　　　　　　　　　　　　　　　</a:t>
            </a:r>
            <a:endParaRPr lang="en-US" altLang="ja-JP" sz="1200" dirty="0" smtClean="0">
              <a:solidFill>
                <a:prstClr val="black"/>
              </a:solidFill>
              <a:latin typeface="ＭＳ Ｐ明朝" pitchFamily="18" charset="-128"/>
              <a:ea typeface="ＭＳ Ｐ明朝" pitchFamily="18" charset="-128"/>
            </a:endParaRPr>
          </a:p>
          <a:p>
            <a:pPr>
              <a:lnSpc>
                <a:spcPts val="1200"/>
              </a:lnSpc>
            </a:pPr>
            <a:endParaRPr lang="en-US" altLang="ja-JP" sz="1200" dirty="0" smtClean="0">
              <a:solidFill>
                <a:prstClr val="black"/>
              </a:solidFill>
              <a:latin typeface="ＭＳ Ｐ明朝" pitchFamily="18" charset="-128"/>
              <a:ea typeface="ＭＳ Ｐ明朝" pitchFamily="18" charset="-128"/>
            </a:endParaRPr>
          </a:p>
          <a:p>
            <a:pPr marL="355600" indent="-355600">
              <a:lnSpc>
                <a:spcPts val="1200"/>
              </a:lnSpc>
            </a:pPr>
            <a:r>
              <a:rPr lang="ja-JP" altLang="en-US" sz="1200" dirty="0" smtClean="0">
                <a:solidFill>
                  <a:prstClr val="black"/>
                </a:solidFill>
                <a:latin typeface="ＭＳ Ｐ明朝" pitchFamily="18" charset="-128"/>
                <a:ea typeface="ＭＳ Ｐ明朝" pitchFamily="18" charset="-128"/>
              </a:rPr>
              <a:t>    －高速道路の料金体系が運営主体によってバラバラで、わかりにくく、利用しにくい</a:t>
            </a:r>
            <a:endParaRPr lang="en-US" altLang="ja-JP" sz="1200" dirty="0" smtClean="0">
              <a:solidFill>
                <a:prstClr val="black"/>
              </a:solidFill>
              <a:latin typeface="ＭＳ Ｐ明朝" pitchFamily="18" charset="-128"/>
              <a:ea typeface="ＭＳ Ｐ明朝" pitchFamily="18" charset="-128"/>
            </a:endParaRPr>
          </a:p>
          <a:p>
            <a:pPr>
              <a:lnSpc>
                <a:spcPts val="1200"/>
              </a:lnSpc>
            </a:pPr>
            <a:r>
              <a:rPr lang="ja-JP" altLang="en-US" sz="1200" dirty="0" smtClean="0">
                <a:solidFill>
                  <a:prstClr val="black"/>
                </a:solidFill>
                <a:latin typeface="ＭＳ Ｐ明朝" pitchFamily="18" charset="-128"/>
                <a:ea typeface="ＭＳ Ｐ明朝" pitchFamily="18" charset="-128"/>
              </a:rPr>
              <a:t>    －市営地下鉄はさらにサービス向上の余地がある（←改善中）</a:t>
            </a:r>
            <a:endParaRPr lang="en-US" altLang="ja-JP" sz="1200" dirty="0" smtClean="0">
              <a:solidFill>
                <a:prstClr val="black"/>
              </a:solidFill>
              <a:latin typeface="ＭＳ Ｐ明朝" pitchFamily="18" charset="-128"/>
              <a:ea typeface="ＭＳ Ｐ明朝" pitchFamily="18" charset="-128"/>
            </a:endParaRPr>
          </a:p>
        </p:txBody>
      </p:sp>
      <p:cxnSp>
        <p:nvCxnSpPr>
          <p:cNvPr id="16" name="直線矢印コネクタ 15"/>
          <p:cNvCxnSpPr/>
          <p:nvPr/>
        </p:nvCxnSpPr>
        <p:spPr>
          <a:xfrm flipH="1">
            <a:off x="6751006" y="3122640"/>
            <a:ext cx="216024" cy="216024"/>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15" name="スライド番号プレースホルダ 14"/>
          <p:cNvSpPr>
            <a:spLocks noGrp="1"/>
          </p:cNvSpPr>
          <p:nvPr>
            <p:ph type="sldNum" sz="quarter" idx="12"/>
          </p:nvPr>
        </p:nvSpPr>
        <p:spPr/>
        <p:txBody>
          <a:bodyPr/>
          <a:lstStyle/>
          <a:p>
            <a:fld id="{37EF5067-3AB7-4642-9103-42CBD40CC6D9}" type="slidenum">
              <a:rPr kumimoji="1" lang="ja-JP" altLang="en-US" smtClean="0"/>
              <a:pPr/>
              <a:t>73</a:t>
            </a:fld>
            <a:endParaRPr kumimoji="1" lang="ja-JP" altLang="en-US" dirty="0"/>
          </a:p>
        </p:txBody>
      </p:sp>
      <p:pic>
        <p:nvPicPr>
          <p:cNvPr id="14" name="Picture 2"/>
          <p:cNvPicPr>
            <a:picLocks noChangeAspect="1" noChangeArrowheads="1"/>
          </p:cNvPicPr>
          <p:nvPr/>
        </p:nvPicPr>
        <p:blipFill>
          <a:blip r:embed="rId3" cstate="email"/>
          <a:srcRect/>
          <a:stretch>
            <a:fillRect/>
          </a:stretch>
        </p:blipFill>
        <p:spPr bwMode="auto">
          <a:xfrm>
            <a:off x="354569" y="664491"/>
            <a:ext cx="4207876" cy="5284966"/>
          </a:xfrm>
          <a:prstGeom prst="rect">
            <a:avLst/>
          </a:prstGeom>
          <a:noFill/>
          <a:ln w="3175">
            <a:solidFill>
              <a:schemeClr val="tx1"/>
            </a:solidFill>
            <a:miter lim="800000"/>
            <a:headEnd/>
            <a:tailEnd/>
          </a:ln>
        </p:spPr>
      </p:pic>
      <p:sp>
        <p:nvSpPr>
          <p:cNvPr id="17" name="テキスト ボックス 16"/>
          <p:cNvSpPr txBox="1"/>
          <p:nvPr/>
        </p:nvSpPr>
        <p:spPr>
          <a:xfrm>
            <a:off x="204716" y="328629"/>
            <a:ext cx="4343716" cy="387286"/>
          </a:xfrm>
          <a:prstGeom prst="rect">
            <a:avLst/>
          </a:prstGeom>
          <a:noFill/>
        </p:spPr>
        <p:txBody>
          <a:bodyPr wrap="square" lIns="36000" rIns="36000" rtlCol="0">
            <a:spAutoFit/>
          </a:bodyPr>
          <a:lstStyle/>
          <a:p>
            <a:pPr>
              <a:lnSpc>
                <a:spcPts val="2300"/>
              </a:lnSpc>
            </a:pPr>
            <a:r>
              <a:rPr lang="ja-JP" altLang="en-US" sz="1400" dirty="0" smtClean="0">
                <a:solidFill>
                  <a:prstClr val="black"/>
                </a:solidFill>
                <a:latin typeface="ＭＳ ゴシック" pitchFamily="49" charset="-128"/>
                <a:ea typeface="ＭＳ ゴシック" pitchFamily="49" charset="-128"/>
              </a:rPr>
              <a:t>＜</a:t>
            </a:r>
            <a:r>
              <a:rPr lang="ja-JP" altLang="en-US" sz="1400" u="sng" dirty="0" smtClean="0">
                <a:solidFill>
                  <a:prstClr val="black"/>
                </a:solidFill>
                <a:latin typeface="ＭＳ ゴシック" pitchFamily="49" charset="-128"/>
                <a:ea typeface="ＭＳ ゴシック" pitchFamily="49" charset="-128"/>
              </a:rPr>
              <a:t>課題Ａ　</a:t>
            </a:r>
            <a:r>
              <a:rPr lang="ja-JP" altLang="en-US" sz="1400" u="sng" dirty="0" smtClean="0">
                <a:solidFill>
                  <a:prstClr val="black"/>
                </a:solidFill>
                <a:latin typeface="ＭＳ Ｐゴシック" pitchFamily="50" charset="-128"/>
              </a:rPr>
              <a:t>都心部と国土軸等との鉄道結節が不十分</a:t>
            </a:r>
            <a:r>
              <a:rPr lang="ja-JP" altLang="en-US" sz="1400" dirty="0" smtClean="0">
                <a:solidFill>
                  <a:prstClr val="black"/>
                </a:solidFill>
                <a:latin typeface="ＭＳ ゴシック" pitchFamily="49" charset="-128"/>
                <a:ea typeface="ＭＳ ゴシック" pitchFamily="49" charset="-128"/>
              </a:rPr>
              <a:t>＞</a:t>
            </a:r>
            <a:endParaRPr lang="en-US" altLang="ja-JP" sz="1400" dirty="0" smtClean="0">
              <a:solidFill>
                <a:prstClr val="black"/>
              </a:solidFill>
              <a:latin typeface="ＭＳ ゴシック" pitchFamily="49" charset="-128"/>
              <a:ea typeface="ＭＳ ゴシック" pitchFamily="49" charset="-128"/>
            </a:endParaRPr>
          </a:p>
        </p:txBody>
      </p:sp>
      <p:sp>
        <p:nvSpPr>
          <p:cNvPr id="18" name="正方形/長方形 17"/>
          <p:cNvSpPr/>
          <p:nvPr/>
        </p:nvSpPr>
        <p:spPr>
          <a:xfrm rot="19860000">
            <a:off x="2636452" y="2772940"/>
            <a:ext cx="296924" cy="432000"/>
          </a:xfrm>
          <a:prstGeom prst="rect">
            <a:avLst/>
          </a:prstGeom>
          <a:solidFill>
            <a:srgbClr val="FFFF00">
              <a:alpha val="70000"/>
            </a:srgbClr>
          </a:solidFill>
          <a:ln w="254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9" name="正方形/長方形 18"/>
          <p:cNvSpPr/>
          <p:nvPr/>
        </p:nvSpPr>
        <p:spPr>
          <a:xfrm rot="19620000">
            <a:off x="3014614" y="2563629"/>
            <a:ext cx="296924" cy="432000"/>
          </a:xfrm>
          <a:prstGeom prst="rect">
            <a:avLst/>
          </a:prstGeom>
          <a:solidFill>
            <a:srgbClr val="FFFF00">
              <a:alpha val="70000"/>
            </a:srgbClr>
          </a:solidFill>
          <a:ln w="254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rot="19140000">
            <a:off x="3379148" y="2325104"/>
            <a:ext cx="296924" cy="432000"/>
          </a:xfrm>
          <a:prstGeom prst="rect">
            <a:avLst/>
          </a:prstGeom>
          <a:solidFill>
            <a:srgbClr val="FFFF00">
              <a:alpha val="70000"/>
            </a:srgbClr>
          </a:solidFill>
          <a:ln w="254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rot="18660000">
            <a:off x="3692231" y="2011808"/>
            <a:ext cx="274084" cy="468000"/>
          </a:xfrm>
          <a:prstGeom prst="rect">
            <a:avLst/>
          </a:prstGeom>
          <a:solidFill>
            <a:srgbClr val="FFFF00">
              <a:alpha val="70000"/>
            </a:srgbClr>
          </a:solidFill>
          <a:ln w="254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4" name="上矢印 23"/>
          <p:cNvSpPr/>
          <p:nvPr/>
        </p:nvSpPr>
        <p:spPr>
          <a:xfrm rot="1860000">
            <a:off x="3768878" y="1673891"/>
            <a:ext cx="702000" cy="396000"/>
          </a:xfrm>
          <a:prstGeom prst="upArrow">
            <a:avLst>
              <a:gd name="adj1" fmla="val 63355"/>
              <a:gd name="adj2" fmla="val 50000"/>
            </a:avLst>
          </a:prstGeom>
          <a:solidFill>
            <a:srgbClr val="FFFF00">
              <a:alpha val="7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正方形/長方形 24"/>
          <p:cNvSpPr/>
          <p:nvPr/>
        </p:nvSpPr>
        <p:spPr>
          <a:xfrm rot="20460000">
            <a:off x="2230911" y="2925340"/>
            <a:ext cx="296924" cy="432000"/>
          </a:xfrm>
          <a:prstGeom prst="rect">
            <a:avLst/>
          </a:prstGeom>
          <a:solidFill>
            <a:srgbClr val="FFFF00">
              <a:alpha val="70000"/>
            </a:srgbClr>
          </a:solidFill>
          <a:ln w="254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6" name="正方形/長方形 25"/>
          <p:cNvSpPr/>
          <p:nvPr/>
        </p:nvSpPr>
        <p:spPr>
          <a:xfrm rot="20940000">
            <a:off x="1797734" y="3019773"/>
            <a:ext cx="296924" cy="432000"/>
          </a:xfrm>
          <a:prstGeom prst="rect">
            <a:avLst/>
          </a:prstGeom>
          <a:solidFill>
            <a:srgbClr val="FFFF00">
              <a:alpha val="70000"/>
            </a:srgbClr>
          </a:solidFill>
          <a:ln w="254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7" name="正方形/長方形 26"/>
          <p:cNvSpPr/>
          <p:nvPr/>
        </p:nvSpPr>
        <p:spPr>
          <a:xfrm rot="21600000">
            <a:off x="1328001" y="3058374"/>
            <a:ext cx="296924" cy="432000"/>
          </a:xfrm>
          <a:prstGeom prst="rect">
            <a:avLst/>
          </a:prstGeom>
          <a:solidFill>
            <a:srgbClr val="FFFF00">
              <a:alpha val="70000"/>
            </a:srgbClr>
          </a:solidFill>
          <a:ln w="254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8" name="上矢印 27"/>
          <p:cNvSpPr/>
          <p:nvPr/>
        </p:nvSpPr>
        <p:spPr>
          <a:xfrm rot="16200000">
            <a:off x="612614" y="3039362"/>
            <a:ext cx="648000" cy="429000"/>
          </a:xfrm>
          <a:prstGeom prst="upArrow">
            <a:avLst>
              <a:gd name="adj1" fmla="val 63355"/>
              <a:gd name="adj2" fmla="val 50000"/>
            </a:avLst>
          </a:prstGeom>
          <a:solidFill>
            <a:srgbClr val="FFFF00">
              <a:alpha val="7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 name="円/楕円 28"/>
          <p:cNvSpPr>
            <a:spLocks noChangeAspect="1"/>
          </p:cNvSpPr>
          <p:nvPr/>
        </p:nvSpPr>
        <p:spPr>
          <a:xfrm>
            <a:off x="2828027" y="3429596"/>
            <a:ext cx="421247" cy="388843"/>
          </a:xfrm>
          <a:prstGeom prst="ellipse">
            <a:avLst/>
          </a:prstGeom>
          <a:solidFill>
            <a:srgbClr val="FF0000">
              <a:alpha val="39000"/>
            </a:srgb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角丸四角形 29"/>
          <p:cNvSpPr/>
          <p:nvPr/>
        </p:nvSpPr>
        <p:spPr>
          <a:xfrm>
            <a:off x="2222183" y="3590432"/>
            <a:ext cx="234026" cy="426438"/>
          </a:xfrm>
          <a:prstGeom prst="roundRect">
            <a:avLst/>
          </a:prstGeom>
          <a:solidFill>
            <a:srgbClr val="FFFF00">
              <a:alpha val="7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2" name="角丸四角形 31"/>
          <p:cNvSpPr/>
          <p:nvPr/>
        </p:nvSpPr>
        <p:spPr>
          <a:xfrm rot="3001958">
            <a:off x="1226623" y="5107275"/>
            <a:ext cx="216024" cy="461975"/>
          </a:xfrm>
          <a:prstGeom prst="roundRect">
            <a:avLst/>
          </a:prstGeom>
          <a:solidFill>
            <a:srgbClr val="FFFF00">
              <a:alpha val="7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3" name="フリーフォーム 32"/>
          <p:cNvSpPr/>
          <p:nvPr/>
        </p:nvSpPr>
        <p:spPr>
          <a:xfrm>
            <a:off x="1567331" y="3827401"/>
            <a:ext cx="1429179" cy="1494080"/>
          </a:xfrm>
          <a:custGeom>
            <a:avLst/>
            <a:gdLst>
              <a:gd name="connsiteX0" fmla="*/ 1312697 w 1319242"/>
              <a:gd name="connsiteY0" fmla="*/ 0 h 1494080"/>
              <a:gd name="connsiteX1" fmla="*/ 1301478 w 1319242"/>
              <a:gd name="connsiteY1" fmla="*/ 263661 h 1494080"/>
              <a:gd name="connsiteX2" fmla="*/ 1262209 w 1319242"/>
              <a:gd name="connsiteY2" fmla="*/ 516103 h 1494080"/>
              <a:gd name="connsiteX3" fmla="*/ 959279 w 1319242"/>
              <a:gd name="connsiteY3" fmla="*/ 970498 h 1494080"/>
              <a:gd name="connsiteX4" fmla="*/ 678788 w 1319242"/>
              <a:gd name="connsiteY4" fmla="*/ 1346355 h 1494080"/>
              <a:gd name="connsiteX5" fmla="*/ 460005 w 1319242"/>
              <a:gd name="connsiteY5" fmla="*/ 1469771 h 1494080"/>
              <a:gd name="connsiteX6" fmla="*/ 0 w 1319242"/>
              <a:gd name="connsiteY6" fmla="*/ 1492211 h 149408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19242" h="1494080">
                <a:moveTo>
                  <a:pt x="1312697" y="0"/>
                </a:moveTo>
                <a:cubicBezTo>
                  <a:pt x="1311295" y="88822"/>
                  <a:pt x="1309893" y="177644"/>
                  <a:pt x="1301478" y="263661"/>
                </a:cubicBezTo>
                <a:cubicBezTo>
                  <a:pt x="1293063" y="349678"/>
                  <a:pt x="1319242" y="398297"/>
                  <a:pt x="1262209" y="516103"/>
                </a:cubicBezTo>
                <a:cubicBezTo>
                  <a:pt x="1205176" y="633909"/>
                  <a:pt x="1056516" y="832123"/>
                  <a:pt x="959279" y="970498"/>
                </a:cubicBezTo>
                <a:cubicBezTo>
                  <a:pt x="862042" y="1108873"/>
                  <a:pt x="762000" y="1263143"/>
                  <a:pt x="678788" y="1346355"/>
                </a:cubicBezTo>
                <a:cubicBezTo>
                  <a:pt x="595576" y="1429567"/>
                  <a:pt x="573136" y="1445462"/>
                  <a:pt x="460005" y="1469771"/>
                </a:cubicBezTo>
                <a:cubicBezTo>
                  <a:pt x="346874" y="1494080"/>
                  <a:pt x="173437" y="1493145"/>
                  <a:pt x="0" y="1492211"/>
                </a:cubicBezTo>
              </a:path>
            </a:pathLst>
          </a:custGeom>
          <a:ln w="50800">
            <a:solidFill>
              <a:srgbClr val="00B050">
                <a:alpha val="80000"/>
              </a:srgbClr>
            </a:solidFill>
            <a:headEnd type="triangle"/>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34" name="フリーフォーム 33"/>
          <p:cNvSpPr>
            <a:spLocks noChangeAspect="1"/>
          </p:cNvSpPr>
          <p:nvPr/>
        </p:nvSpPr>
        <p:spPr>
          <a:xfrm>
            <a:off x="2472846" y="3670319"/>
            <a:ext cx="369745" cy="125800"/>
          </a:xfrm>
          <a:custGeom>
            <a:avLst/>
            <a:gdLst>
              <a:gd name="connsiteX0" fmla="*/ 291711 w 291711"/>
              <a:gd name="connsiteY0" fmla="*/ 0 h 107521"/>
              <a:gd name="connsiteX1" fmla="*/ 117807 w 291711"/>
              <a:gd name="connsiteY1" fmla="*/ 89757 h 107521"/>
              <a:gd name="connsiteX2" fmla="*/ 0 w 291711"/>
              <a:gd name="connsiteY2" fmla="*/ 106586 h 107521"/>
            </a:gdLst>
            <a:ahLst/>
            <a:cxnLst>
              <a:cxn ang="0">
                <a:pos x="connsiteX0" y="connsiteY0"/>
              </a:cxn>
              <a:cxn ang="0">
                <a:pos x="connsiteX1" y="connsiteY1"/>
              </a:cxn>
              <a:cxn ang="0">
                <a:pos x="connsiteX2" y="connsiteY2"/>
              </a:cxn>
            </a:cxnLst>
            <a:rect l="l" t="t" r="r" b="b"/>
            <a:pathLst>
              <a:path w="291711" h="107521">
                <a:moveTo>
                  <a:pt x="291711" y="0"/>
                </a:moveTo>
                <a:cubicBezTo>
                  <a:pt x="229068" y="35996"/>
                  <a:pt x="166426" y="71993"/>
                  <a:pt x="117807" y="89757"/>
                </a:cubicBezTo>
                <a:cubicBezTo>
                  <a:pt x="69188" y="107521"/>
                  <a:pt x="34594" y="107053"/>
                  <a:pt x="0" y="106586"/>
                </a:cubicBezTo>
              </a:path>
            </a:pathLst>
          </a:custGeom>
          <a:ln w="50800">
            <a:solidFill>
              <a:srgbClr val="00B050">
                <a:alpha val="79000"/>
              </a:srgbClr>
            </a:solidFill>
            <a:headEnd type="triangle"/>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35" name="フリーフォーム 34"/>
          <p:cNvSpPr>
            <a:spLocks noChangeAspect="1"/>
          </p:cNvSpPr>
          <p:nvPr/>
        </p:nvSpPr>
        <p:spPr>
          <a:xfrm rot="6300000">
            <a:off x="2853460" y="3193057"/>
            <a:ext cx="344039" cy="137373"/>
          </a:xfrm>
          <a:custGeom>
            <a:avLst/>
            <a:gdLst>
              <a:gd name="connsiteX0" fmla="*/ 291711 w 291711"/>
              <a:gd name="connsiteY0" fmla="*/ 0 h 107521"/>
              <a:gd name="connsiteX1" fmla="*/ 117807 w 291711"/>
              <a:gd name="connsiteY1" fmla="*/ 89757 h 107521"/>
              <a:gd name="connsiteX2" fmla="*/ 0 w 291711"/>
              <a:gd name="connsiteY2" fmla="*/ 106586 h 107521"/>
            </a:gdLst>
            <a:ahLst/>
            <a:cxnLst>
              <a:cxn ang="0">
                <a:pos x="connsiteX0" y="connsiteY0"/>
              </a:cxn>
              <a:cxn ang="0">
                <a:pos x="connsiteX1" y="connsiteY1"/>
              </a:cxn>
              <a:cxn ang="0">
                <a:pos x="connsiteX2" y="connsiteY2"/>
              </a:cxn>
            </a:cxnLst>
            <a:rect l="l" t="t" r="r" b="b"/>
            <a:pathLst>
              <a:path w="291711" h="107521">
                <a:moveTo>
                  <a:pt x="291711" y="0"/>
                </a:moveTo>
                <a:cubicBezTo>
                  <a:pt x="229068" y="35996"/>
                  <a:pt x="166426" y="71993"/>
                  <a:pt x="117807" y="89757"/>
                </a:cubicBezTo>
                <a:cubicBezTo>
                  <a:pt x="69188" y="107521"/>
                  <a:pt x="34594" y="107053"/>
                  <a:pt x="0" y="106586"/>
                </a:cubicBezTo>
              </a:path>
            </a:pathLst>
          </a:custGeom>
          <a:ln w="50800">
            <a:solidFill>
              <a:srgbClr val="00B050">
                <a:alpha val="79000"/>
              </a:srgbClr>
            </a:solidFill>
            <a:headEnd type="triangle"/>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36" name="テキスト ボックス 35"/>
          <p:cNvSpPr txBox="1"/>
          <p:nvPr/>
        </p:nvSpPr>
        <p:spPr>
          <a:xfrm rot="20649085">
            <a:off x="1904446" y="2978744"/>
            <a:ext cx="785789" cy="387286"/>
          </a:xfrm>
          <a:prstGeom prst="rect">
            <a:avLst/>
          </a:prstGeom>
          <a:noFill/>
        </p:spPr>
        <p:txBody>
          <a:bodyPr wrap="square" lIns="36000" rIns="36000" rtlCol="0">
            <a:spAutoFit/>
          </a:bodyPr>
          <a:lstStyle/>
          <a:p>
            <a:pPr>
              <a:lnSpc>
                <a:spcPts val="2300"/>
              </a:lnSpc>
            </a:pPr>
            <a:r>
              <a:rPr lang="ja-JP" altLang="en-US" sz="1300" dirty="0" smtClean="0">
                <a:solidFill>
                  <a:prstClr val="black"/>
                </a:solidFill>
                <a:latin typeface="ＭＳ Ｐゴシック"/>
              </a:rPr>
              <a:t>国土軸</a:t>
            </a:r>
            <a:endParaRPr lang="en-US" altLang="ja-JP" sz="1300" dirty="0" smtClean="0">
              <a:solidFill>
                <a:prstClr val="black"/>
              </a:solidFill>
              <a:latin typeface="ＭＳ Ｐゴシック"/>
            </a:endParaRPr>
          </a:p>
        </p:txBody>
      </p:sp>
      <p:sp>
        <p:nvSpPr>
          <p:cNvPr id="37" name="テキスト ボックス 36"/>
          <p:cNvSpPr txBox="1"/>
          <p:nvPr/>
        </p:nvSpPr>
        <p:spPr>
          <a:xfrm>
            <a:off x="783601" y="5068785"/>
            <a:ext cx="785789" cy="387286"/>
          </a:xfrm>
          <a:prstGeom prst="rect">
            <a:avLst/>
          </a:prstGeom>
          <a:noFill/>
        </p:spPr>
        <p:txBody>
          <a:bodyPr wrap="square" lIns="36000" rIns="36000" rtlCol="0">
            <a:spAutoFit/>
          </a:bodyPr>
          <a:lstStyle/>
          <a:p>
            <a:pPr>
              <a:lnSpc>
                <a:spcPts val="2300"/>
              </a:lnSpc>
            </a:pPr>
            <a:r>
              <a:rPr lang="ja-JP" altLang="en-US" sz="1300" dirty="0" smtClean="0">
                <a:solidFill>
                  <a:prstClr val="black"/>
                </a:solidFill>
                <a:latin typeface="ＭＳ Ｐゴシック"/>
              </a:rPr>
              <a:t>関空</a:t>
            </a:r>
            <a:endParaRPr lang="en-US" altLang="ja-JP" sz="1300" dirty="0" smtClean="0">
              <a:solidFill>
                <a:prstClr val="black"/>
              </a:solidFill>
              <a:latin typeface="ＭＳ Ｐゴシック"/>
            </a:endParaRPr>
          </a:p>
        </p:txBody>
      </p:sp>
      <p:sp>
        <p:nvSpPr>
          <p:cNvPr id="38" name="テキスト ボックス 37"/>
          <p:cNvSpPr txBox="1"/>
          <p:nvPr/>
        </p:nvSpPr>
        <p:spPr>
          <a:xfrm>
            <a:off x="1787026" y="3640071"/>
            <a:ext cx="785789" cy="387286"/>
          </a:xfrm>
          <a:prstGeom prst="rect">
            <a:avLst/>
          </a:prstGeom>
          <a:noFill/>
        </p:spPr>
        <p:txBody>
          <a:bodyPr wrap="square" lIns="36000" rIns="36000" rtlCol="0">
            <a:spAutoFit/>
          </a:bodyPr>
          <a:lstStyle/>
          <a:p>
            <a:pPr>
              <a:lnSpc>
                <a:spcPts val="2300"/>
              </a:lnSpc>
            </a:pPr>
            <a:r>
              <a:rPr lang="ja-JP" altLang="en-US" sz="1300" dirty="0" smtClean="0">
                <a:solidFill>
                  <a:prstClr val="black"/>
                </a:solidFill>
                <a:latin typeface="ＭＳ Ｐゴシック"/>
              </a:rPr>
              <a:t>大阪港</a:t>
            </a:r>
            <a:endParaRPr lang="en-US" altLang="ja-JP" sz="1300" dirty="0" smtClean="0">
              <a:solidFill>
                <a:prstClr val="black"/>
              </a:solidFill>
              <a:latin typeface="ＭＳ Ｐゴシック"/>
            </a:endParaRPr>
          </a:p>
        </p:txBody>
      </p:sp>
      <p:sp>
        <p:nvSpPr>
          <p:cNvPr id="39" name="テキスト ボックス 38"/>
          <p:cNvSpPr txBox="1"/>
          <p:nvPr/>
        </p:nvSpPr>
        <p:spPr>
          <a:xfrm>
            <a:off x="2846255" y="3422667"/>
            <a:ext cx="785789" cy="387286"/>
          </a:xfrm>
          <a:prstGeom prst="rect">
            <a:avLst/>
          </a:prstGeom>
          <a:noFill/>
        </p:spPr>
        <p:txBody>
          <a:bodyPr wrap="square" lIns="36000" rIns="36000" rtlCol="0">
            <a:spAutoFit/>
          </a:bodyPr>
          <a:lstStyle/>
          <a:p>
            <a:pPr>
              <a:lnSpc>
                <a:spcPts val="2300"/>
              </a:lnSpc>
            </a:pPr>
            <a:r>
              <a:rPr lang="ja-JP" altLang="en-US" sz="1300" dirty="0" smtClean="0">
                <a:solidFill>
                  <a:prstClr val="black"/>
                </a:solidFill>
                <a:latin typeface="ＭＳ Ｐゴシック"/>
              </a:rPr>
              <a:t>都心部</a:t>
            </a:r>
            <a:endParaRPr lang="en-US" altLang="ja-JP" sz="1300" dirty="0" smtClean="0">
              <a:solidFill>
                <a:prstClr val="black"/>
              </a:solidFill>
              <a:latin typeface="ＭＳ Ｐゴシック"/>
            </a:endParaRPr>
          </a:p>
        </p:txBody>
      </p:sp>
      <p:sp>
        <p:nvSpPr>
          <p:cNvPr id="40" name="テキスト ボックス 39"/>
          <p:cNvSpPr txBox="1"/>
          <p:nvPr/>
        </p:nvSpPr>
        <p:spPr>
          <a:xfrm>
            <a:off x="2818482" y="5471511"/>
            <a:ext cx="1692000" cy="294953"/>
          </a:xfrm>
          <a:prstGeom prst="rect">
            <a:avLst/>
          </a:prstGeom>
          <a:solidFill>
            <a:schemeClr val="bg1"/>
          </a:solidFill>
        </p:spPr>
        <p:txBody>
          <a:bodyPr wrap="square" lIns="0" tIns="0" rIns="0" bIns="0" rtlCol="0">
            <a:spAutoFit/>
          </a:bodyPr>
          <a:lstStyle/>
          <a:p>
            <a:pPr>
              <a:lnSpc>
                <a:spcPts val="2300"/>
              </a:lnSpc>
            </a:pPr>
            <a:r>
              <a:rPr lang="ja-JP" altLang="en-US" sz="1600" dirty="0" smtClean="0">
                <a:solidFill>
                  <a:prstClr val="black"/>
                </a:solidFill>
                <a:latin typeface="ＭＳ Ｐゴシック"/>
              </a:rPr>
              <a:t>結節機能が不十分</a:t>
            </a:r>
            <a:endParaRPr lang="en-US" altLang="ja-JP" sz="1600" dirty="0" smtClean="0">
              <a:solidFill>
                <a:prstClr val="black"/>
              </a:solidFill>
              <a:latin typeface="ＭＳ Ｐゴシック"/>
            </a:endParaRPr>
          </a:p>
        </p:txBody>
      </p:sp>
      <p:cxnSp>
        <p:nvCxnSpPr>
          <p:cNvPr id="41" name="直線コネクタ 40"/>
          <p:cNvCxnSpPr>
            <a:cxnSpLocks noChangeAspect="1"/>
          </p:cNvCxnSpPr>
          <p:nvPr/>
        </p:nvCxnSpPr>
        <p:spPr>
          <a:xfrm rot="-1920000">
            <a:off x="2701063" y="4851837"/>
            <a:ext cx="270220" cy="74241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2735808" y="3797116"/>
            <a:ext cx="614133" cy="1687305"/>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3" name="フリーフォーム 42"/>
          <p:cNvSpPr/>
          <p:nvPr/>
        </p:nvSpPr>
        <p:spPr>
          <a:xfrm>
            <a:off x="3032194" y="3171544"/>
            <a:ext cx="810492" cy="2284021"/>
          </a:xfrm>
          <a:custGeom>
            <a:avLst/>
            <a:gdLst>
              <a:gd name="connsiteX0" fmla="*/ 0 w 748146"/>
              <a:gd name="connsiteY0" fmla="*/ 87086 h 2284021"/>
              <a:gd name="connsiteX1" fmla="*/ 451263 w 748146"/>
              <a:gd name="connsiteY1" fmla="*/ 110836 h 2284021"/>
              <a:gd name="connsiteX2" fmla="*/ 700645 w 748146"/>
              <a:gd name="connsiteY2" fmla="*/ 752104 h 2284021"/>
              <a:gd name="connsiteX3" fmla="*/ 736271 w 748146"/>
              <a:gd name="connsiteY3" fmla="*/ 2284021 h 2284021"/>
            </a:gdLst>
            <a:ahLst/>
            <a:cxnLst>
              <a:cxn ang="0">
                <a:pos x="connsiteX0" y="connsiteY0"/>
              </a:cxn>
              <a:cxn ang="0">
                <a:pos x="connsiteX1" y="connsiteY1"/>
              </a:cxn>
              <a:cxn ang="0">
                <a:pos x="connsiteX2" y="connsiteY2"/>
              </a:cxn>
              <a:cxn ang="0">
                <a:pos x="connsiteX3" y="connsiteY3"/>
              </a:cxn>
            </a:cxnLst>
            <a:rect l="l" t="t" r="r" b="b"/>
            <a:pathLst>
              <a:path w="748146" h="2284021">
                <a:moveTo>
                  <a:pt x="0" y="87086"/>
                </a:moveTo>
                <a:cubicBezTo>
                  <a:pt x="167244" y="43543"/>
                  <a:pt x="334489" y="0"/>
                  <a:pt x="451263" y="110836"/>
                </a:cubicBezTo>
                <a:cubicBezTo>
                  <a:pt x="568037" y="221672"/>
                  <a:pt x="653144" y="389907"/>
                  <a:pt x="700645" y="752104"/>
                </a:cubicBezTo>
                <a:cubicBezTo>
                  <a:pt x="748146" y="1114301"/>
                  <a:pt x="742208" y="1699161"/>
                  <a:pt x="736271" y="2284021"/>
                </a:cubicBezTo>
              </a:path>
            </a:pathLst>
          </a:cu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grpSp>
        <p:nvGrpSpPr>
          <p:cNvPr id="47" name="グループ化 46"/>
          <p:cNvGrpSpPr/>
          <p:nvPr/>
        </p:nvGrpSpPr>
        <p:grpSpPr>
          <a:xfrm>
            <a:off x="236109" y="5949456"/>
            <a:ext cx="9325403" cy="865044"/>
            <a:chOff x="236109" y="5804316"/>
            <a:chExt cx="9325403" cy="865044"/>
          </a:xfrm>
        </p:grpSpPr>
        <p:sp>
          <p:nvSpPr>
            <p:cNvPr id="48" name="角丸四角形 47"/>
            <p:cNvSpPr/>
            <p:nvPr/>
          </p:nvSpPr>
          <p:spPr>
            <a:xfrm>
              <a:off x="288032" y="6093296"/>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49" name="テキスト ボックス 48"/>
            <p:cNvSpPr txBox="1"/>
            <p:nvPr/>
          </p:nvSpPr>
          <p:spPr>
            <a:xfrm>
              <a:off x="236109" y="5804316"/>
              <a:ext cx="4713150" cy="338554"/>
            </a:xfrm>
            <a:prstGeom prst="rect">
              <a:avLst/>
            </a:prstGeom>
            <a:noFill/>
          </p:spPr>
          <p:txBody>
            <a:bodyPr wrap="none" rtlCol="0">
              <a:spAutoFit/>
            </a:bodyPr>
            <a:lstStyle/>
            <a:p>
              <a:r>
                <a:rPr lang="ja-JP" altLang="en-US" sz="1600" dirty="0" smtClean="0">
                  <a:solidFill>
                    <a:prstClr val="black"/>
                  </a:solidFill>
                </a:rPr>
                <a:t>○</a:t>
              </a:r>
              <a:r>
                <a:rPr lang="en-US" altLang="ja-JP" sz="1600" dirty="0" smtClean="0">
                  <a:solidFill>
                    <a:prstClr val="black"/>
                  </a:solidFill>
                </a:rPr>
                <a:t>『</a:t>
              </a:r>
              <a:r>
                <a:rPr lang="ja-JP" altLang="en-US" sz="1600" dirty="0" smtClean="0">
                  <a:solidFill>
                    <a:prstClr val="black"/>
                  </a:solidFill>
                </a:rPr>
                <a:t>大都市圏の交通インフラ</a:t>
              </a:r>
              <a:r>
                <a:rPr lang="en-US" altLang="ja-JP" sz="1600" dirty="0" smtClean="0">
                  <a:solidFill>
                    <a:prstClr val="black"/>
                  </a:solidFill>
                </a:rPr>
                <a:t>』</a:t>
              </a:r>
              <a:r>
                <a:rPr lang="ja-JP" altLang="en-US" sz="1600" dirty="0" smtClean="0">
                  <a:solidFill>
                    <a:prstClr val="black"/>
                  </a:solidFill>
                </a:rPr>
                <a:t>テーマの担当部局一覧</a:t>
              </a:r>
              <a:endParaRPr lang="en-US" altLang="ja-JP" sz="1600" dirty="0" smtClean="0">
                <a:solidFill>
                  <a:prstClr val="black"/>
                </a:solidFill>
              </a:endParaRPr>
            </a:p>
          </p:txBody>
        </p:sp>
        <p:sp>
          <p:nvSpPr>
            <p:cNvPr id="50" name="テキスト ボックス 49"/>
            <p:cNvSpPr txBox="1"/>
            <p:nvPr/>
          </p:nvSpPr>
          <p:spPr>
            <a:xfrm>
              <a:off x="452133" y="6132800"/>
              <a:ext cx="3204723" cy="523220"/>
            </a:xfrm>
            <a:prstGeom prst="rect">
              <a:avLst/>
            </a:prstGeom>
            <a:noFill/>
          </p:spPr>
          <p:txBody>
            <a:bodyPr wrap="none" rtlCol="0">
              <a:spAutoFit/>
            </a:bodyPr>
            <a:lstStyle/>
            <a:p>
              <a:r>
                <a:rPr lang="ja-JP" altLang="en-US" sz="1400" dirty="0" smtClean="0">
                  <a:solidFill>
                    <a:prstClr val="black"/>
                  </a:solidFill>
                  <a:latin typeface="ＭＳ Ｐ明朝" pitchFamily="18" charset="-128"/>
                  <a:ea typeface="ＭＳ Ｐ明朝" pitchFamily="18" charset="-128"/>
                </a:rPr>
                <a:t>・大阪市：都市計画局、交通局</a:t>
              </a:r>
              <a:endParaRPr lang="en-US" altLang="ja-JP" sz="1400" dirty="0" smtClean="0">
                <a:solidFill>
                  <a:prstClr val="black"/>
                </a:solidFill>
                <a:latin typeface="ＭＳ Ｐ明朝" pitchFamily="18" charset="-128"/>
                <a:ea typeface="ＭＳ Ｐ明朝" pitchFamily="18" charset="-128"/>
              </a:endParaRPr>
            </a:p>
            <a:p>
              <a:r>
                <a:rPr lang="ja-JP" altLang="en-US" sz="1400" dirty="0" smtClean="0">
                  <a:solidFill>
                    <a:prstClr val="black"/>
                  </a:solidFill>
                  <a:latin typeface="ＭＳ Ｐ明朝" pitchFamily="18" charset="-128"/>
                  <a:ea typeface="ＭＳ Ｐ明朝" pitchFamily="18" charset="-128"/>
                </a:rPr>
                <a:t>・大阪府：都市整備部、住宅まちづくり部</a:t>
              </a:r>
              <a:endParaRPr lang="en-US" altLang="ja-JP" sz="1400" dirty="0" smtClean="0">
                <a:solidFill>
                  <a:prstClr val="black"/>
                </a:solidFill>
                <a:latin typeface="ＭＳ Ｐ明朝" pitchFamily="18" charset="-128"/>
                <a:ea typeface="ＭＳ Ｐ明朝" pitchFamily="18" charset="-128"/>
              </a:endParaRPr>
            </a:p>
          </p:txBody>
        </p:sp>
      </p:grpSp>
    </p:spTree>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txBox="1">
            <a:spLocks/>
          </p:cNvSpPr>
          <p:nvPr/>
        </p:nvSpPr>
        <p:spPr>
          <a:xfrm>
            <a:off x="2456723" y="4368801"/>
            <a:ext cx="5382598" cy="1640113"/>
          </a:xfrm>
          <a:prstGeom prst="rect">
            <a:avLst/>
          </a:prstGeom>
          <a:ln w="25400">
            <a:solidFill>
              <a:srgbClr val="0070C0"/>
            </a:solidFill>
          </a:ln>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spcBef>
                <a:spcPts val="600"/>
              </a:spcBef>
            </a:pPr>
            <a:r>
              <a:rPr lang="ja-JP" altLang="en-US" sz="1800" dirty="0" smtClean="0">
                <a:solidFill>
                  <a:prstClr val="black"/>
                </a:solidFill>
              </a:rPr>
              <a:t>「</a:t>
            </a:r>
            <a:r>
              <a:rPr lang="en-US" altLang="ja-JP" sz="1800" dirty="0" smtClean="0">
                <a:solidFill>
                  <a:prstClr val="black"/>
                </a:solidFill>
              </a:rPr>
              <a:t>10</a:t>
            </a:r>
            <a:r>
              <a:rPr lang="ja-JP" altLang="en-US" sz="1800" dirty="0" smtClean="0">
                <a:solidFill>
                  <a:prstClr val="black"/>
                </a:solidFill>
              </a:rPr>
              <a:t>年後の大阪を見</a:t>
            </a:r>
            <a:r>
              <a:rPr lang="ja-JP" altLang="en-US" sz="1800" dirty="0">
                <a:solidFill>
                  <a:prstClr val="black"/>
                </a:solidFill>
              </a:rPr>
              <a:t>すえて」　（</a:t>
            </a:r>
            <a:r>
              <a:rPr lang="en-US" altLang="ja-JP" sz="1800" dirty="0">
                <a:solidFill>
                  <a:prstClr val="black"/>
                </a:solidFill>
              </a:rPr>
              <a:t>2014</a:t>
            </a:r>
            <a:r>
              <a:rPr lang="ja-JP" altLang="en-US" sz="1800" dirty="0">
                <a:solidFill>
                  <a:prstClr val="black"/>
                </a:solidFill>
              </a:rPr>
              <a:t>年</a:t>
            </a:r>
            <a:r>
              <a:rPr lang="en-US" altLang="ja-JP" sz="1800" dirty="0">
                <a:solidFill>
                  <a:prstClr val="black"/>
                </a:solidFill>
              </a:rPr>
              <a:t>12</a:t>
            </a:r>
            <a:r>
              <a:rPr lang="ja-JP" altLang="en-US" sz="1800" dirty="0">
                <a:solidFill>
                  <a:prstClr val="black"/>
                </a:solidFill>
              </a:rPr>
              <a:t>月）</a:t>
            </a:r>
            <a:endParaRPr lang="en-US" altLang="ja-JP" sz="1800" dirty="0">
              <a:solidFill>
                <a:prstClr val="black"/>
              </a:solidFill>
            </a:endParaRPr>
          </a:p>
          <a:p>
            <a:pPr algn="l">
              <a:spcBef>
                <a:spcPts val="600"/>
              </a:spcBef>
            </a:pPr>
            <a:r>
              <a:rPr lang="ja-JP" altLang="en-US" sz="1800" smtClean="0">
                <a:solidFill>
                  <a:srgbClr val="FF0000"/>
                </a:solidFill>
              </a:rPr>
              <a:t>　　　　</a:t>
            </a:r>
            <a:r>
              <a:rPr lang="ja-JP" altLang="en-US" sz="1800" dirty="0" smtClean="0">
                <a:solidFill>
                  <a:srgbClr val="FF0000"/>
                </a:solidFill>
              </a:rPr>
              <a:t>　　</a:t>
            </a:r>
            <a:r>
              <a:rPr lang="ja-JP" altLang="en-US" sz="1800" dirty="0" smtClean="0"/>
              <a:t>＜ダイジェスト版＞</a:t>
            </a:r>
            <a:endParaRPr lang="en-US" altLang="ja-JP" sz="1800" dirty="0" smtClean="0"/>
          </a:p>
          <a:p>
            <a:pPr algn="l">
              <a:spcBef>
                <a:spcPts val="600"/>
              </a:spcBef>
            </a:pPr>
            <a:r>
              <a:rPr lang="ja-JP" altLang="en-US" sz="1800" dirty="0" smtClean="0">
                <a:solidFill>
                  <a:prstClr val="black"/>
                </a:solidFill>
              </a:rPr>
              <a:t>　                                             大阪府：政策企画部</a:t>
            </a:r>
            <a:endParaRPr lang="en-US" altLang="ja-JP" sz="1800" dirty="0" smtClean="0">
              <a:solidFill>
                <a:prstClr val="black"/>
              </a:solidFill>
            </a:endParaRPr>
          </a:p>
          <a:p>
            <a:pPr algn="l">
              <a:spcBef>
                <a:spcPts val="600"/>
              </a:spcBef>
            </a:pPr>
            <a:r>
              <a:rPr lang="ja-JP" altLang="en-US" sz="1800" dirty="0" smtClean="0">
                <a:solidFill>
                  <a:prstClr val="black"/>
                </a:solidFill>
              </a:rPr>
              <a:t>　                                             大阪市：政策企画室</a:t>
            </a:r>
            <a:endParaRPr lang="ja-JP" altLang="en-US" sz="1200" dirty="0">
              <a:solidFill>
                <a:prstClr val="black"/>
              </a:solidFill>
            </a:endParaRPr>
          </a:p>
        </p:txBody>
      </p:sp>
      <p:sp>
        <p:nvSpPr>
          <p:cNvPr id="5" name="スライド番号プレースホルダ 4"/>
          <p:cNvSpPr>
            <a:spLocks noGrp="1"/>
          </p:cNvSpPr>
          <p:nvPr>
            <p:ph type="sldNum" sz="quarter" idx="12"/>
          </p:nvPr>
        </p:nvSpPr>
        <p:spPr/>
        <p:txBody>
          <a:bodyPr/>
          <a:lstStyle/>
          <a:p>
            <a:fld id="{37EF5067-3AB7-4642-9103-42CBD40CC6D9}" type="slidenum">
              <a:rPr kumimoji="1" lang="ja-JP" altLang="en-US" smtClean="0"/>
              <a:pPr/>
              <a:t>74</a:t>
            </a:fld>
            <a:endParaRPr kumimoji="1" lang="ja-JP" altLang="en-US" dirty="0"/>
          </a:p>
        </p:txBody>
      </p:sp>
    </p:spTree>
    <p:extLst>
      <p:ext uri="{BB962C8B-B14F-4D97-AF65-F5344CB8AC3E}">
        <p14:creationId xmlns:p14="http://schemas.microsoft.com/office/powerpoint/2010/main" val="264245800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2"/>
          <p:cNvSpPr txBox="1">
            <a:spLocks noChangeArrowheads="1"/>
          </p:cNvSpPr>
          <p:nvPr/>
        </p:nvSpPr>
        <p:spPr bwMode="auto">
          <a:xfrm>
            <a:off x="0" y="10"/>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en-US" altLang="ja-JP" sz="2000" b="1" dirty="0" smtClean="0">
                <a:solidFill>
                  <a:schemeClr val="bg1"/>
                </a:solidFill>
                <a:latin typeface="ＭＳ Ｐゴシック" pitchFamily="50" charset="-128"/>
                <a:ea typeface="ＭＳ Ｐゴシック" pitchFamily="50" charset="-128"/>
              </a:rPr>
              <a:t>1</a:t>
            </a:r>
            <a:r>
              <a:rPr lang="ja-JP" altLang="en-US" sz="2000" b="1" dirty="0">
                <a:solidFill>
                  <a:schemeClr val="bg1"/>
                </a:solidFill>
                <a:latin typeface="ＭＳ Ｐゴシック" pitchFamily="50" charset="-128"/>
                <a:ea typeface="ＭＳ Ｐゴシック" pitchFamily="50" charset="-128"/>
              </a:rPr>
              <a:t> </a:t>
            </a:r>
            <a:r>
              <a:rPr lang="ja-JP" altLang="en-US" sz="2000" b="1" dirty="0" smtClean="0">
                <a:solidFill>
                  <a:schemeClr val="bg1"/>
                </a:solidFill>
                <a:latin typeface="ＭＳ Ｐゴシック" pitchFamily="50" charset="-128"/>
                <a:ea typeface="ＭＳ Ｐゴシック" pitchFamily="50" charset="-128"/>
              </a:rPr>
              <a:t>．大阪駅周辺</a:t>
            </a:r>
            <a:endParaRPr lang="en-US" altLang="ja-JP" sz="2000" b="1" dirty="0" smtClean="0">
              <a:solidFill>
                <a:schemeClr val="bg1"/>
              </a:solidFill>
              <a:latin typeface="ＭＳ Ｐゴシック" pitchFamily="50" charset="-128"/>
              <a:ea typeface="ＭＳ Ｐゴシック" pitchFamily="50" charset="-128"/>
            </a:endParaRPr>
          </a:p>
        </p:txBody>
      </p:sp>
      <p:sp>
        <p:nvSpPr>
          <p:cNvPr id="8" name="テキスト ボックス 7"/>
          <p:cNvSpPr txBox="1"/>
          <p:nvPr/>
        </p:nvSpPr>
        <p:spPr>
          <a:xfrm>
            <a:off x="128464" y="548682"/>
            <a:ext cx="9649072" cy="5976662"/>
          </a:xfrm>
          <a:prstGeom prst="rect">
            <a:avLst/>
          </a:prstGeom>
          <a:noFill/>
          <a:ln>
            <a:noFill/>
            <a:prstDash val="sysDash"/>
          </a:ln>
        </p:spPr>
        <p:txBody>
          <a:bodyPr wrap="square" rtlCol="0">
            <a:noAutofit/>
          </a:bodyPr>
          <a:lstStyle/>
          <a:p>
            <a:r>
              <a:rPr lang="ja-JP" altLang="en-US" sz="1400" dirty="0" smtClean="0">
                <a:latin typeface="+mn-ea"/>
              </a:rPr>
              <a:t>○課題と取組み</a:t>
            </a:r>
            <a:endParaRPr lang="en-US" altLang="ja-JP" sz="1400" dirty="0" smtClean="0">
              <a:latin typeface="+mn-ea"/>
            </a:endParaRPr>
          </a:p>
          <a:p>
            <a:r>
              <a:rPr lang="ja-JP" altLang="en-US" sz="1200" dirty="0" smtClean="0"/>
              <a:t>　</a:t>
            </a:r>
            <a:endParaRPr lang="en-US" altLang="ja-JP" sz="1200" dirty="0" smtClean="0"/>
          </a:p>
          <a:p>
            <a:endParaRPr lang="en-US" altLang="ja-JP" sz="1200" dirty="0" smtClean="0"/>
          </a:p>
          <a:p>
            <a:r>
              <a:rPr lang="ja-JP" altLang="en-US" sz="1200" dirty="0" smtClean="0"/>
              <a:t>　</a:t>
            </a:r>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endParaRPr lang="en-US" altLang="ja-JP" sz="1200" dirty="0" smtClean="0"/>
          </a:p>
          <a:p>
            <a:r>
              <a:rPr lang="ja-JP" altLang="en-US" sz="1200" dirty="0" smtClean="0"/>
              <a:t>　　</a:t>
            </a:r>
            <a:endParaRPr lang="en-US" altLang="ja-JP" sz="1200" dirty="0" smtClean="0"/>
          </a:p>
        </p:txBody>
      </p:sp>
      <p:graphicFrame>
        <p:nvGraphicFramePr>
          <p:cNvPr id="5" name="表 4"/>
          <p:cNvGraphicFramePr>
            <a:graphicFrameLocks noGrp="1"/>
          </p:cNvGraphicFramePr>
          <p:nvPr/>
        </p:nvGraphicFramePr>
        <p:xfrm>
          <a:off x="272526" y="836715"/>
          <a:ext cx="9361041" cy="5771533"/>
        </p:xfrm>
        <a:graphic>
          <a:graphicData uri="http://schemas.openxmlformats.org/drawingml/2006/table">
            <a:tbl>
              <a:tblPr firstRow="1" bandRow="1">
                <a:tableStyleId>{5C22544A-7EE6-4342-B048-85BDC9FD1C3A}</a:tableStyleId>
              </a:tblPr>
              <a:tblGrid>
                <a:gridCol w="731331"/>
                <a:gridCol w="900410"/>
                <a:gridCol w="3624843"/>
                <a:gridCol w="4104457"/>
              </a:tblGrid>
              <a:tr h="285133">
                <a:tc>
                  <a:txBody>
                    <a:bodyPr/>
                    <a:lstStyle/>
                    <a:p>
                      <a:endParaRPr kumimoji="1" lang="ja-JP" altLang="en-US" sz="1200" b="0"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latin typeface="+mn-ea"/>
                          <a:ea typeface="+mn-ea"/>
                        </a:rPr>
                        <a:t>事項</a:t>
                      </a:r>
                      <a:endParaRPr kumimoji="1" lang="ja-JP" altLang="en-US" sz="1200" b="0"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latin typeface="+mn-ea"/>
                          <a:ea typeface="+mn-ea"/>
                        </a:rPr>
                        <a:t>課題</a:t>
                      </a:r>
                      <a:endParaRPr kumimoji="1" lang="ja-JP" altLang="en-US" sz="1200" b="0"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200" b="0" dirty="0" smtClean="0">
                          <a:solidFill>
                            <a:schemeClr val="tx1"/>
                          </a:solidFill>
                          <a:latin typeface="+mn-ea"/>
                          <a:ea typeface="+mn-ea"/>
                        </a:rPr>
                        <a:t>取組み</a:t>
                      </a:r>
                      <a:endParaRPr kumimoji="1" lang="ja-JP" altLang="en-US" sz="1200" b="0"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283097">
                <a:tc>
                  <a:txBody>
                    <a:bodyPr/>
                    <a:lstStyle/>
                    <a:p>
                      <a:r>
                        <a:rPr kumimoji="1" lang="ja-JP" altLang="en-US" sz="1200" b="0" dirty="0" smtClean="0">
                          <a:solidFill>
                            <a:schemeClr val="tx1"/>
                          </a:solidFill>
                          <a:latin typeface="+mn-ea"/>
                          <a:ea typeface="+mn-ea"/>
                        </a:rPr>
                        <a:t>土地利用</a:t>
                      </a:r>
                      <a:endParaRPr kumimoji="1" lang="ja-JP" altLang="en-US" sz="1200" b="0"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2563" indent="-182563"/>
                      <a:r>
                        <a:rPr kumimoji="1" lang="ja-JP" altLang="en-US" sz="1200" b="0" dirty="0" smtClean="0">
                          <a:solidFill>
                            <a:schemeClr val="tx1"/>
                          </a:solidFill>
                          <a:latin typeface="ＭＳ Ｐ明朝" pitchFamily="18" charset="-128"/>
                          <a:ea typeface="ＭＳ Ｐ明朝" pitchFamily="18" charset="-128"/>
                        </a:rPr>
                        <a:t>○一体的な魅力あるまちづくり</a:t>
                      </a:r>
                      <a:endParaRPr kumimoji="1" lang="en-US" altLang="ja-JP" sz="1200" b="0"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indent="-82550">
                        <a:buFont typeface="Arial" pitchFamily="34" charset="0"/>
                        <a:buNone/>
                      </a:pPr>
                      <a:r>
                        <a:rPr kumimoji="1" lang="ja-JP" altLang="en-US" sz="1200" b="0" dirty="0" smtClean="0">
                          <a:solidFill>
                            <a:schemeClr val="tx1"/>
                          </a:solidFill>
                          <a:latin typeface="ＭＳ Ｐ明朝" pitchFamily="18" charset="-128"/>
                          <a:ea typeface="ＭＳ Ｐ明朝" pitchFamily="18" charset="-128"/>
                        </a:rPr>
                        <a:t>・これまでの開発では、バラバラに開発が行われており、十分な連携が図られていない。</a:t>
                      </a:r>
                      <a:endParaRPr kumimoji="1" lang="en-US" altLang="ja-JP" sz="1200" b="0" dirty="0" smtClean="0">
                        <a:solidFill>
                          <a:schemeClr val="tx1"/>
                        </a:solidFill>
                        <a:latin typeface="ＭＳ Ｐ明朝" pitchFamily="18" charset="-128"/>
                        <a:ea typeface="ＭＳ Ｐ明朝" pitchFamily="18" charset="-128"/>
                      </a:endParaRPr>
                    </a:p>
                    <a:p>
                      <a:pPr marL="82550" indent="-82550">
                        <a:buFont typeface="Arial" pitchFamily="34" charset="0"/>
                        <a:buNone/>
                      </a:pPr>
                      <a:r>
                        <a:rPr kumimoji="1" lang="ja-JP" altLang="en-US" sz="1200" b="0" dirty="0" smtClean="0">
                          <a:solidFill>
                            <a:schemeClr val="tx1"/>
                          </a:solidFill>
                          <a:latin typeface="ＭＳ Ｐ明朝" pitchFamily="18" charset="-128"/>
                          <a:ea typeface="ＭＳ Ｐ明朝" pitchFamily="18" charset="-128"/>
                        </a:rPr>
                        <a:t>・大阪・関西の成長をけん引するうめきた等のまちづくりを契機に、大阪駅を中心とした一体的なまちづくりが望まれる。</a:t>
                      </a:r>
                    </a:p>
                    <a:p>
                      <a:pPr marL="82550" marR="0" indent="-82550" algn="l"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dirty="0" smtClean="0">
                          <a:solidFill>
                            <a:schemeClr val="tx1"/>
                          </a:solidFill>
                          <a:latin typeface="ＭＳ Ｐ明朝" pitchFamily="18" charset="-128"/>
                          <a:ea typeface="ＭＳ Ｐ明朝" pitchFamily="18" charset="-128"/>
                        </a:rPr>
                        <a:t>・歩道などの公共空間を、地域の特性に応じた個性的、魅力的な活用（オープンカフェ等）が十分でないため民間主導のまちの運営が望まれている。</a:t>
                      </a:r>
                    </a:p>
                    <a:p>
                      <a:pPr marL="177800" marR="0" indent="-177800" algn="l" defTabSz="957700" rtl="0" eaLnBrk="1" fontAlgn="auto" latinLnBrk="0" hangingPunct="1">
                        <a:lnSpc>
                          <a:spcPct val="100000"/>
                        </a:lnSpc>
                        <a:spcBef>
                          <a:spcPts val="0"/>
                        </a:spcBef>
                        <a:spcAft>
                          <a:spcPts val="0"/>
                        </a:spcAft>
                        <a:buClrTx/>
                        <a:buSzTx/>
                        <a:buFont typeface="Arial" pitchFamily="34" charset="0"/>
                        <a:buNone/>
                        <a:tabLst/>
                        <a:defRPr/>
                      </a:pPr>
                      <a:endParaRPr kumimoji="1" lang="ja-JP" altLang="en-US" sz="1200" b="0"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buFont typeface="Arial" pitchFamily="34" charset="0"/>
                        <a:buNone/>
                      </a:pPr>
                      <a:r>
                        <a:rPr kumimoji="1" lang="ja-JP" altLang="en-US" sz="1200" b="0" dirty="0" smtClean="0">
                          <a:solidFill>
                            <a:schemeClr val="tx1"/>
                          </a:solidFill>
                          <a:latin typeface="+mn-ea"/>
                          <a:ea typeface="+mn-ea"/>
                        </a:rPr>
                        <a:t>①うめきたのまちづくり</a:t>
                      </a:r>
                      <a:endParaRPr kumimoji="1" lang="en-US" altLang="ja-JP" sz="1200" b="0" dirty="0" smtClean="0">
                        <a:solidFill>
                          <a:schemeClr val="tx1"/>
                        </a:solidFill>
                        <a:latin typeface="+mn-ea"/>
                        <a:ea typeface="+mn-ea"/>
                      </a:endParaRPr>
                    </a:p>
                    <a:p>
                      <a:pPr marL="177800" indent="-177800" algn="l" defTabSz="957700" rtl="0" eaLnBrk="1" latinLnBrk="0" hangingPunct="1">
                        <a:buFont typeface="Arial" pitchFamily="34" charset="0"/>
                        <a:buNone/>
                      </a:pPr>
                      <a:r>
                        <a:rPr kumimoji="1" lang="ja-JP" altLang="en-US" sz="1200" b="0" kern="1200" dirty="0" smtClean="0">
                          <a:solidFill>
                            <a:schemeClr val="tx1"/>
                          </a:solidFill>
                          <a:latin typeface="ＭＳ Ｐ明朝" pitchFamily="18" charset="-128"/>
                          <a:ea typeface="ＭＳ Ｐ明朝" pitchFamily="18" charset="-128"/>
                          <a:cs typeface="+mn-cs"/>
                        </a:rPr>
                        <a:t>　・うめきた</a:t>
                      </a:r>
                      <a:r>
                        <a:rPr kumimoji="1" lang="en-US" altLang="ja-JP" sz="1200" b="0" kern="1200" dirty="0" smtClean="0">
                          <a:solidFill>
                            <a:schemeClr val="tx1"/>
                          </a:solidFill>
                          <a:latin typeface="ＭＳ Ｐ明朝" pitchFamily="18" charset="-128"/>
                          <a:ea typeface="ＭＳ Ｐ明朝" pitchFamily="18" charset="-128"/>
                          <a:cs typeface="+mn-cs"/>
                        </a:rPr>
                        <a:t>2</a:t>
                      </a:r>
                      <a:r>
                        <a:rPr kumimoji="1" lang="ja-JP" altLang="en-US" sz="1200" b="0" kern="1200" dirty="0" smtClean="0">
                          <a:solidFill>
                            <a:schemeClr val="tx1"/>
                          </a:solidFill>
                          <a:latin typeface="ＭＳ Ｐ明朝" pitchFamily="18" charset="-128"/>
                          <a:ea typeface="ＭＳ Ｐ明朝" pitchFamily="18" charset="-128"/>
                          <a:cs typeface="+mn-cs"/>
                        </a:rPr>
                        <a:t>期区域は、「みどりとイノベーションの融合拠点」として、世界から人が集まる一体的で魅力あるまちへ。</a:t>
                      </a:r>
                      <a:endParaRPr kumimoji="1" lang="en-US" altLang="ja-JP" sz="1200" b="0" kern="1200" dirty="0" smtClean="0">
                        <a:solidFill>
                          <a:schemeClr val="tx1"/>
                        </a:solidFill>
                        <a:latin typeface="ＭＳ Ｐ明朝" pitchFamily="18" charset="-128"/>
                        <a:ea typeface="ＭＳ Ｐ明朝" pitchFamily="18" charset="-128"/>
                        <a:cs typeface="+mn-cs"/>
                      </a:endParaRPr>
                    </a:p>
                    <a:p>
                      <a:pPr>
                        <a:buFont typeface="Arial" pitchFamily="34" charset="0"/>
                        <a:buNone/>
                      </a:pPr>
                      <a:r>
                        <a:rPr kumimoji="1" lang="ja-JP" altLang="en-US" sz="1200" b="0" dirty="0" smtClean="0">
                          <a:solidFill>
                            <a:schemeClr val="tx1"/>
                          </a:solidFill>
                          <a:latin typeface="+mn-ea"/>
                          <a:ea typeface="+mn-ea"/>
                        </a:rPr>
                        <a:t>②エリアマネジメント</a:t>
                      </a:r>
                      <a:endParaRPr kumimoji="1" lang="en-US" altLang="ja-JP" sz="1200" b="0" dirty="0" smtClean="0">
                        <a:solidFill>
                          <a:schemeClr val="tx1"/>
                        </a:solidFill>
                        <a:latin typeface="+mn-ea"/>
                        <a:ea typeface="+mn-ea"/>
                      </a:endParaRPr>
                    </a:p>
                    <a:p>
                      <a:pPr marL="177800" indent="-177800" algn="l" defTabSz="957700" rtl="0" eaLnBrk="1" latinLnBrk="0" hangingPunct="1">
                        <a:buFont typeface="Arial" pitchFamily="34" charset="0"/>
                        <a:buNone/>
                      </a:pPr>
                      <a:r>
                        <a:rPr kumimoji="1" lang="ja-JP" altLang="en-US" sz="1200" b="0" kern="1200" dirty="0" smtClean="0">
                          <a:solidFill>
                            <a:schemeClr val="tx1"/>
                          </a:solidFill>
                          <a:latin typeface="ＭＳ Ｐ明朝" pitchFamily="18" charset="-128"/>
                          <a:ea typeface="ＭＳ Ｐ明朝" pitchFamily="18" charset="-128"/>
                          <a:cs typeface="+mn-cs"/>
                        </a:rPr>
                        <a:t>　・グランフロント大阪への「大阪版ＢＩＤ制度」（</a:t>
                      </a:r>
                      <a:r>
                        <a:rPr kumimoji="1" lang="en-US" altLang="ja-JP" sz="1200" b="0" kern="1200" dirty="0" smtClean="0">
                          <a:solidFill>
                            <a:schemeClr val="tx1"/>
                          </a:solidFill>
                          <a:latin typeface="ＭＳ Ｐ明朝" pitchFamily="18" charset="-128"/>
                          <a:ea typeface="ＭＳ Ｐ明朝" pitchFamily="18" charset="-128"/>
                          <a:cs typeface="+mn-cs"/>
                        </a:rPr>
                        <a:t>2014</a:t>
                      </a:r>
                      <a:r>
                        <a:rPr kumimoji="1" lang="ja-JP" altLang="en-US" sz="1200" b="0" kern="1200" dirty="0" smtClean="0">
                          <a:solidFill>
                            <a:schemeClr val="tx1"/>
                          </a:solidFill>
                          <a:latin typeface="ＭＳ Ｐ明朝" pitchFamily="18" charset="-128"/>
                          <a:ea typeface="ＭＳ Ｐ明朝" pitchFamily="18" charset="-128"/>
                          <a:cs typeface="+mn-cs"/>
                        </a:rPr>
                        <a:t>年</a:t>
                      </a:r>
                      <a:r>
                        <a:rPr kumimoji="1" lang="en-US" altLang="ja-JP" sz="1200" b="0" kern="1200" dirty="0" smtClean="0">
                          <a:solidFill>
                            <a:schemeClr val="tx1"/>
                          </a:solidFill>
                          <a:latin typeface="ＭＳ Ｐ明朝" pitchFamily="18" charset="-128"/>
                          <a:ea typeface="ＭＳ Ｐ明朝" pitchFamily="18" charset="-128"/>
                          <a:cs typeface="+mn-cs"/>
                        </a:rPr>
                        <a:t>4</a:t>
                      </a:r>
                      <a:r>
                        <a:rPr kumimoji="1" lang="ja-JP" altLang="en-US" sz="1200" b="0" kern="1200" dirty="0" smtClean="0">
                          <a:solidFill>
                            <a:schemeClr val="tx1"/>
                          </a:solidFill>
                          <a:latin typeface="ＭＳ Ｐ明朝" pitchFamily="18" charset="-128"/>
                          <a:ea typeface="ＭＳ Ｐ明朝" pitchFamily="18" charset="-128"/>
                          <a:cs typeface="+mn-cs"/>
                        </a:rPr>
                        <a:t>月創設済）の適用や、将来の大阪駅周辺における一体的運用により、まちの魅力をより一層創出。</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769858">
                <a:tc rowSpan="3">
                  <a:txBody>
                    <a:bodyPr/>
                    <a:lstStyle/>
                    <a:p>
                      <a:r>
                        <a:rPr kumimoji="1" lang="ja-JP" altLang="en-US" sz="1200" b="0" dirty="0" smtClean="0">
                          <a:solidFill>
                            <a:schemeClr val="tx1"/>
                          </a:solidFill>
                          <a:latin typeface="+mn-ea"/>
                          <a:ea typeface="+mn-ea"/>
                        </a:rPr>
                        <a:t>交通インフラ</a:t>
                      </a:r>
                      <a:endParaRPr kumimoji="1" lang="ja-JP" altLang="en-US" sz="1200" b="0" dirty="0">
                        <a:solidFill>
                          <a:schemeClr val="tx1"/>
                        </a:solidFill>
                        <a:latin typeface="+mn-ea"/>
                        <a:ea typeface="+mn-ea"/>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2563" indent="-182563"/>
                      <a:r>
                        <a:rPr kumimoji="1" lang="ja-JP" altLang="en-US" sz="1200" b="0" dirty="0" smtClean="0">
                          <a:solidFill>
                            <a:schemeClr val="tx1"/>
                          </a:solidFill>
                          <a:latin typeface="ＭＳ Ｐ明朝" pitchFamily="18" charset="-128"/>
                          <a:ea typeface="ＭＳ Ｐ明朝" pitchFamily="18" charset="-128"/>
                        </a:rPr>
                        <a:t>○関西国際空港への鉄道アクセス</a:t>
                      </a:r>
                      <a:endParaRPr kumimoji="1" lang="en-US" altLang="ja-JP" sz="1200" b="0"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indent="-82550" algn="l"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dirty="0" smtClean="0">
                          <a:solidFill>
                            <a:schemeClr val="tx1"/>
                          </a:solidFill>
                          <a:latin typeface="ＭＳ Ｐ明朝" pitchFamily="18" charset="-128"/>
                          <a:ea typeface="ＭＳ Ｐ明朝" pitchFamily="18" charset="-128"/>
                        </a:rPr>
                        <a:t>・現在、関西国際空港へは関空特急「はるか」がＪＲ大阪駅に停車できず、関空快速を利用して約</a:t>
                      </a:r>
                      <a:r>
                        <a:rPr kumimoji="1" lang="en-US" altLang="ja-JP" sz="1200" b="0" dirty="0" smtClean="0">
                          <a:solidFill>
                            <a:schemeClr val="tx1"/>
                          </a:solidFill>
                          <a:latin typeface="ＭＳ Ｐ明朝" pitchFamily="18" charset="-128"/>
                          <a:ea typeface="ＭＳ Ｐ明朝" pitchFamily="18" charset="-128"/>
                        </a:rPr>
                        <a:t>68</a:t>
                      </a:r>
                      <a:r>
                        <a:rPr kumimoji="1" lang="ja-JP" altLang="en-US" sz="1200" b="0" dirty="0" smtClean="0">
                          <a:solidFill>
                            <a:schemeClr val="tx1"/>
                          </a:solidFill>
                          <a:latin typeface="ＭＳ Ｐ明朝" pitchFamily="18" charset="-128"/>
                          <a:ea typeface="ＭＳ Ｐ明朝" pitchFamily="18" charset="-128"/>
                        </a:rPr>
                        <a:t>分要しており、時間短縮が必要。</a:t>
                      </a:r>
                      <a:endParaRPr kumimoji="1" lang="en-US" altLang="ja-JP" sz="1200" b="0" dirty="0" smtClean="0">
                        <a:solidFill>
                          <a:schemeClr val="tx1"/>
                        </a:solidFill>
                        <a:latin typeface="ＭＳ Ｐ明朝" pitchFamily="18" charset="-128"/>
                        <a:ea typeface="ＭＳ Ｐ明朝" pitchFamily="18" charset="-128"/>
                      </a:endParaRPr>
                    </a:p>
                    <a:p>
                      <a:pPr marL="0" marR="0" indent="0" algn="r"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dirty="0" smtClean="0">
                          <a:solidFill>
                            <a:schemeClr val="tx1"/>
                          </a:solidFill>
                          <a:latin typeface="ＭＳ Ｐ明朝" pitchFamily="18" charset="-128"/>
                          <a:ea typeface="ＭＳ Ｐ明朝" pitchFamily="18" charset="-128"/>
                        </a:rPr>
                        <a:t>成田空港⇔東京駅 約</a:t>
                      </a:r>
                      <a:r>
                        <a:rPr kumimoji="1" lang="en-US" altLang="ja-JP" sz="1200" b="0" dirty="0" smtClean="0">
                          <a:solidFill>
                            <a:schemeClr val="tx1"/>
                          </a:solidFill>
                          <a:latin typeface="ＭＳ Ｐ明朝" pitchFamily="18" charset="-128"/>
                          <a:ea typeface="ＭＳ Ｐ明朝" pitchFamily="18" charset="-128"/>
                        </a:rPr>
                        <a:t>47</a:t>
                      </a:r>
                      <a:r>
                        <a:rPr kumimoji="1" lang="ja-JP" altLang="en-US" sz="1200" b="0" dirty="0" smtClean="0">
                          <a:solidFill>
                            <a:schemeClr val="tx1"/>
                          </a:solidFill>
                          <a:latin typeface="ＭＳ Ｐ明朝" pitchFamily="18" charset="-128"/>
                          <a:ea typeface="ＭＳ Ｐ明朝" pitchFamily="18" charset="-128"/>
                        </a:rPr>
                        <a:t>分（成田空港</a:t>
                      </a:r>
                      <a:r>
                        <a:rPr kumimoji="1" lang="en-US" altLang="ja-JP" sz="1200" b="0" dirty="0" smtClean="0">
                          <a:solidFill>
                            <a:schemeClr val="tx1"/>
                          </a:solidFill>
                          <a:latin typeface="ＭＳ Ｐ明朝" pitchFamily="18" charset="-128"/>
                          <a:ea typeface="ＭＳ Ｐ明朝" pitchFamily="18" charset="-128"/>
                        </a:rPr>
                        <a:t>HP</a:t>
                      </a:r>
                      <a:r>
                        <a:rPr kumimoji="1" lang="ja-JP" altLang="en-US" sz="1200" b="0" dirty="0" smtClean="0">
                          <a:solidFill>
                            <a:schemeClr val="tx1"/>
                          </a:solidFill>
                          <a:latin typeface="ＭＳ Ｐ明朝" pitchFamily="18" charset="-128"/>
                          <a:ea typeface="ＭＳ Ｐ明朝" pitchFamily="18" charset="-128"/>
                        </a:rPr>
                        <a:t>より）</a:t>
                      </a:r>
                      <a:endParaRPr kumimoji="1" lang="ja-JP" altLang="en-US" sz="1200" b="0"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dirty="0" smtClean="0">
                          <a:solidFill>
                            <a:schemeClr val="tx1"/>
                          </a:solidFill>
                          <a:latin typeface="+mn-ea"/>
                          <a:ea typeface="+mn-ea"/>
                        </a:rPr>
                        <a:t>③関西国際空港への鉄道所要時間の短縮</a:t>
                      </a:r>
                      <a:endParaRPr kumimoji="1" lang="en-US" altLang="ja-JP" sz="1200" b="0" dirty="0" smtClean="0">
                        <a:solidFill>
                          <a:schemeClr val="tx1"/>
                        </a:solidFill>
                        <a:latin typeface="+mn-ea"/>
                        <a:ea typeface="+mn-ea"/>
                      </a:endParaRPr>
                    </a:p>
                    <a:p>
                      <a:pPr marL="177800" marR="0" indent="-177800" algn="l"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kern="1200" dirty="0" smtClean="0">
                          <a:solidFill>
                            <a:schemeClr val="tx1"/>
                          </a:solidFill>
                          <a:latin typeface="ＭＳ Ｐ明朝" pitchFamily="18" charset="-128"/>
                          <a:ea typeface="ＭＳ Ｐ明朝" pitchFamily="18" charset="-128"/>
                          <a:cs typeface="+mn-cs"/>
                        </a:rPr>
                        <a:t>　・うめきた</a:t>
                      </a:r>
                      <a:r>
                        <a:rPr kumimoji="1" lang="en-US" altLang="ja-JP" sz="1200" b="0" kern="1200" dirty="0" smtClean="0">
                          <a:solidFill>
                            <a:schemeClr val="tx1"/>
                          </a:solidFill>
                          <a:latin typeface="ＭＳ Ｐ明朝" pitchFamily="18" charset="-128"/>
                          <a:ea typeface="ＭＳ Ｐ明朝" pitchFamily="18" charset="-128"/>
                          <a:cs typeface="+mn-cs"/>
                        </a:rPr>
                        <a:t>2</a:t>
                      </a:r>
                      <a:r>
                        <a:rPr kumimoji="1" lang="ja-JP" altLang="en-US" sz="1200" b="0" kern="1200" dirty="0" smtClean="0">
                          <a:solidFill>
                            <a:schemeClr val="tx1"/>
                          </a:solidFill>
                          <a:latin typeface="ＭＳ Ｐ明朝" pitchFamily="18" charset="-128"/>
                          <a:ea typeface="ＭＳ Ｐ明朝" pitchFamily="18" charset="-128"/>
                          <a:cs typeface="+mn-cs"/>
                        </a:rPr>
                        <a:t>期区域におけるＪＲ東海道線支線（貨物線）の地下化・新駅整備及び事業化検討中のなにわ筋線の活用により、関西国際空港への所要時間を短縮。</a:t>
                      </a:r>
                      <a:endParaRPr kumimoji="1" lang="en-US" altLang="ja-JP" sz="1200" b="0"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625256">
                <a:tc vMerge="1">
                  <a:txBody>
                    <a:bodyPr/>
                    <a:lstStyle/>
                    <a:p>
                      <a:endParaRPr kumimoji="1" lang="ja-JP" altLang="en-US"/>
                    </a:p>
                  </a:txBody>
                  <a:tcPr/>
                </a:tc>
                <a:tc>
                  <a:txBody>
                    <a:bodyPr/>
                    <a:lstStyle/>
                    <a:p>
                      <a:pPr marL="182563" indent="-182563"/>
                      <a:r>
                        <a:rPr kumimoji="1" lang="ja-JP" altLang="en-US" sz="1200" b="0" dirty="0" smtClean="0">
                          <a:solidFill>
                            <a:schemeClr val="tx1"/>
                          </a:solidFill>
                          <a:latin typeface="ＭＳ Ｐ明朝" pitchFamily="18" charset="-128"/>
                          <a:ea typeface="ＭＳ Ｐ明朝" pitchFamily="18" charset="-128"/>
                        </a:rPr>
                        <a:t>○歩行者ネットワークの充実</a:t>
                      </a:r>
                      <a:endParaRPr kumimoji="1" lang="ja-JP" altLang="en-US" sz="1200" b="0"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indent="-82550"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kern="1200" dirty="0" smtClean="0">
                          <a:solidFill>
                            <a:schemeClr val="tx1"/>
                          </a:solidFill>
                          <a:latin typeface="ＭＳ Ｐ明朝" pitchFamily="18" charset="-128"/>
                          <a:ea typeface="ＭＳ Ｐ明朝" pitchFamily="18" charset="-128"/>
                          <a:cs typeface="+mn-cs"/>
                        </a:rPr>
                        <a:t>・大阪駅北側はデッキ、南側では地下ネットワークが発達しているが、南北間の移動には迂回が必要で繋がりが悪い。</a:t>
                      </a:r>
                    </a:p>
                    <a:p>
                      <a:pPr marL="82550" marR="0" indent="-82550" algn="l"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kern="1200" dirty="0" smtClean="0">
                          <a:solidFill>
                            <a:schemeClr val="tx1"/>
                          </a:solidFill>
                          <a:latin typeface="ＭＳ Ｐ明朝" pitchFamily="18" charset="-128"/>
                          <a:ea typeface="ＭＳ Ｐ明朝" pitchFamily="18" charset="-128"/>
                          <a:cs typeface="+mn-cs"/>
                        </a:rPr>
                        <a:t>・地下駅、地上駅が混在し、地上、地下、デッキによる多層構造となっており、駅間の乗換えや目的地への移動に、複数回の上下移動が必要となっている。</a:t>
                      </a:r>
                      <a:endParaRPr kumimoji="1" lang="en-US" altLang="ja-JP" sz="1200" b="0" kern="1200" dirty="0" smtClean="0">
                        <a:solidFill>
                          <a:schemeClr val="tx1"/>
                        </a:solidFill>
                        <a:latin typeface="ＭＳ Ｐ明朝" pitchFamily="18" charset="-128"/>
                        <a:ea typeface="ＭＳ Ｐ明朝" pitchFamily="18" charset="-128"/>
                        <a:cs typeface="+mn-cs"/>
                      </a:endParaRPr>
                    </a:p>
                    <a:p>
                      <a:pPr marL="82550" marR="0" indent="-82550" algn="l"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kern="1200" dirty="0" smtClean="0">
                          <a:solidFill>
                            <a:schemeClr val="tx1"/>
                          </a:solidFill>
                          <a:latin typeface="ＭＳ Ｐ明朝" pitchFamily="18" charset="-128"/>
                          <a:ea typeface="ＭＳ Ｐ明朝" pitchFamily="18" charset="-128"/>
                          <a:cs typeface="+mn-cs"/>
                        </a:rPr>
                        <a:t>・先駆的に建設された地下空間のうち、大阪駅前地下道などの老朽化が進んでいる。</a:t>
                      </a:r>
                    </a:p>
                    <a:p>
                      <a:pPr marL="177800" marR="0" indent="-177800" algn="l"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kern="1200" dirty="0" smtClean="0">
                          <a:solidFill>
                            <a:schemeClr val="tx1"/>
                          </a:solidFill>
                          <a:latin typeface="ＭＳ Ｐ明朝" pitchFamily="18" charset="-128"/>
                          <a:ea typeface="ＭＳ Ｐ明朝" pitchFamily="18" charset="-128"/>
                          <a:cs typeface="+mn-cs"/>
                        </a:rPr>
                        <a:t>・地下空間が迷路状になっており、経路がわかりにくい。</a:t>
                      </a:r>
                      <a:endParaRPr kumimoji="1" lang="en-US" altLang="ja-JP" sz="1200" b="0"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n-ea"/>
                          <a:ea typeface="+mn-ea"/>
                        </a:rPr>
                        <a:t>④歩行者ネットワークの充実</a:t>
                      </a:r>
                      <a:endParaRPr kumimoji="1" lang="en-US" altLang="ja-JP" sz="1200" b="0" dirty="0" smtClean="0">
                        <a:solidFill>
                          <a:schemeClr val="tx1"/>
                        </a:solidFill>
                        <a:latin typeface="+mn-ea"/>
                        <a:ea typeface="+mn-ea"/>
                      </a:endParaRPr>
                    </a:p>
                    <a:p>
                      <a:pPr marL="177800" indent="-177800" algn="l" defTabSz="957700" rtl="0" eaLnBrk="1" latinLnBrk="0" hangingPunct="1">
                        <a:buFont typeface="Arial" pitchFamily="34" charset="0"/>
                        <a:buNone/>
                      </a:pPr>
                      <a:r>
                        <a:rPr kumimoji="1" lang="ja-JP" altLang="en-US" sz="1200" kern="1200" dirty="0" smtClean="0">
                          <a:solidFill>
                            <a:schemeClr val="tx1"/>
                          </a:solidFill>
                          <a:latin typeface="ＭＳ Ｐ明朝" pitchFamily="18" charset="-128"/>
                          <a:ea typeface="ＭＳ Ｐ明朝" pitchFamily="18" charset="-128"/>
                          <a:cs typeface="+mn-cs"/>
                        </a:rPr>
                        <a:t>　・大阪駅の北側と南側を結ぶデッキネットワークや駅及び商業施設間移動の円滑化に役立つデッキの整備により、移動を円滑にし、移動時間も短縮。</a:t>
                      </a:r>
                      <a:endParaRPr kumimoji="1" lang="en-US" altLang="ja-JP" sz="1200" kern="1200" dirty="0" smtClean="0">
                        <a:solidFill>
                          <a:schemeClr val="tx1"/>
                        </a:solidFill>
                        <a:latin typeface="ＭＳ Ｐ明朝" pitchFamily="18" charset="-128"/>
                        <a:ea typeface="ＭＳ Ｐ明朝" pitchFamily="18" charset="-128"/>
                        <a:cs typeface="+mn-cs"/>
                      </a:endParaRPr>
                    </a:p>
                    <a:p>
                      <a:pPr marL="177800" indent="-177800">
                        <a:buFont typeface="Arial" pitchFamily="34" charset="0"/>
                        <a:buNone/>
                      </a:pPr>
                      <a:r>
                        <a:rPr kumimoji="1" lang="ja-JP" altLang="en-US" sz="1200" dirty="0" smtClean="0">
                          <a:solidFill>
                            <a:schemeClr val="tx1"/>
                          </a:solidFill>
                          <a:latin typeface="ＭＳ Ｐ明朝" pitchFamily="18" charset="-128"/>
                          <a:ea typeface="ＭＳ Ｐ明朝" pitchFamily="18" charset="-128"/>
                        </a:rPr>
                        <a:t>　・大阪駅前地下道の拡幅及び案内サインなどの整備により、安全に楽しく歩ける快適な地下空間を創出。</a:t>
                      </a:r>
                      <a:endParaRPr kumimoji="1" lang="ja-JP" altLang="en-US" sz="1200" b="0" dirty="0" smtClean="0">
                        <a:solidFill>
                          <a:schemeClr val="tx1"/>
                        </a:solidFill>
                        <a:latin typeface="ＭＳ Ｐ明朝" pitchFamily="18" charset="-128"/>
                        <a:ea typeface="ＭＳ Ｐ明朝" pitchFamily="18" charset="-128"/>
                      </a:endParaRPr>
                    </a:p>
                    <a:p>
                      <a:endParaRPr kumimoji="1" lang="en-US" altLang="ja-JP" sz="1200" b="0" dirty="0" smtClean="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900098">
                <a:tc vMerge="1">
                  <a:txBody>
                    <a:bodyPr/>
                    <a:lstStyle/>
                    <a:p>
                      <a:endParaRPr kumimoji="1" lang="ja-JP" altLang="en-US" sz="1200" b="0" dirty="0">
                        <a:solidFill>
                          <a:schemeClr val="tx1"/>
                        </a:solidFill>
                        <a:latin typeface="ＭＳ ゴシック" pitchFamily="49" charset="-128"/>
                        <a:ea typeface="ＭＳ ゴシック" pitchFamily="49"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182563" indent="-182563"/>
                      <a:r>
                        <a:rPr kumimoji="1" lang="ja-JP" altLang="en-US" sz="1200" b="0" dirty="0" smtClean="0">
                          <a:solidFill>
                            <a:schemeClr val="tx1"/>
                          </a:solidFill>
                          <a:latin typeface="ＭＳ Ｐ明朝" pitchFamily="18" charset="-128"/>
                          <a:ea typeface="ＭＳ Ｐ明朝" pitchFamily="18" charset="-128"/>
                        </a:rPr>
                        <a:t>○駅前広場の充実</a:t>
                      </a:r>
                      <a:endParaRPr kumimoji="1" lang="ja-JP" altLang="en-US" sz="1200" b="0" dirty="0">
                        <a:solidFill>
                          <a:schemeClr val="tx1"/>
                        </a:solidFill>
                        <a:latin typeface="ＭＳ Ｐ明朝" pitchFamily="18" charset="-128"/>
                        <a:ea typeface="ＭＳ Ｐ明朝" pitchFamily="18"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82550" marR="0" indent="-82550" algn="l"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kern="1200" dirty="0" smtClean="0">
                          <a:solidFill>
                            <a:schemeClr val="tx1"/>
                          </a:solidFill>
                          <a:latin typeface="ＭＳ Ｐ明朝" pitchFamily="18" charset="-128"/>
                          <a:ea typeface="ＭＳ Ｐ明朝" pitchFamily="18" charset="-128"/>
                          <a:cs typeface="+mn-cs"/>
                        </a:rPr>
                        <a:t>・大阪駅前の道路上に、多数のバス乗り場が存在しており、危険、不便な乗降かつ円滑な交通の阻害要因となっている。</a:t>
                      </a:r>
                      <a:endParaRPr kumimoji="1" lang="en-US" altLang="ja-JP" sz="1200" b="0" kern="1200" dirty="0" smtClean="0">
                        <a:solidFill>
                          <a:schemeClr val="tx1"/>
                        </a:solidFill>
                        <a:latin typeface="ＭＳ Ｐ明朝" pitchFamily="18" charset="-128"/>
                        <a:ea typeface="ＭＳ Ｐ明朝" pitchFamily="18" charset="-128"/>
                        <a:cs typeface="+mn-cs"/>
                      </a:endParaRPr>
                    </a:p>
                    <a:p>
                      <a:pPr marL="82550" marR="0" indent="-82550" algn="l" defTabSz="957700" rtl="0" eaLnBrk="1" fontAlgn="auto" latinLnBrk="0" hangingPunct="1">
                        <a:lnSpc>
                          <a:spcPct val="100000"/>
                        </a:lnSpc>
                        <a:spcBef>
                          <a:spcPts val="0"/>
                        </a:spcBef>
                        <a:spcAft>
                          <a:spcPts val="0"/>
                        </a:spcAft>
                        <a:buClrTx/>
                        <a:buSzTx/>
                        <a:buFont typeface="Arial" pitchFamily="34" charset="0"/>
                        <a:buNone/>
                        <a:tabLst/>
                        <a:defRPr/>
                      </a:pPr>
                      <a:r>
                        <a:rPr kumimoji="1" lang="ja-JP" altLang="en-US" sz="1200" b="0" kern="1200" dirty="0" smtClean="0">
                          <a:solidFill>
                            <a:schemeClr val="tx1"/>
                          </a:solidFill>
                          <a:latin typeface="ＭＳ Ｐ明朝" pitchFamily="18" charset="-128"/>
                          <a:ea typeface="ＭＳ Ｐ明朝" pitchFamily="18" charset="-128"/>
                          <a:cs typeface="+mn-cs"/>
                        </a:rPr>
                        <a:t>・駅前広場は市バスの乗り場として利用され、空港バスについては、駅周辺の主要ホテルからの発着となっている。</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n-ea"/>
                          <a:ea typeface="+mn-ea"/>
                        </a:rPr>
                        <a:t>⑤大阪駅の南側駅前広場の再編成</a:t>
                      </a:r>
                      <a:endParaRPr kumimoji="1" lang="en-US" altLang="ja-JP" sz="1200" b="0" dirty="0" smtClean="0">
                        <a:solidFill>
                          <a:schemeClr val="tx1"/>
                        </a:solidFill>
                        <a:latin typeface="+mn-ea"/>
                        <a:ea typeface="+mn-ea"/>
                      </a:endParaRPr>
                    </a:p>
                    <a:p>
                      <a:pPr>
                        <a:buFont typeface="Arial" pitchFamily="34" charset="0"/>
                        <a:buNone/>
                      </a:pPr>
                      <a:r>
                        <a:rPr kumimoji="1" lang="ja-JP" altLang="en-US" sz="1200" b="0" i="0" u="none" strike="noStrike" cap="none" normalizeH="0" baseline="0" dirty="0" smtClean="0">
                          <a:ln>
                            <a:noFill/>
                          </a:ln>
                          <a:solidFill>
                            <a:schemeClr val="tx1"/>
                          </a:solidFill>
                          <a:effectLst/>
                          <a:latin typeface="+mn-ea"/>
                          <a:ea typeface="+mn-ea"/>
                          <a:cs typeface="ＭＳ Ｐゴシック" pitchFamily="50" charset="-128"/>
                        </a:rPr>
                        <a:t>　・</a:t>
                      </a:r>
                      <a:r>
                        <a:rPr kumimoji="1" lang="ja-JP" altLang="en-US" sz="1200" kern="1200" dirty="0" smtClean="0">
                          <a:solidFill>
                            <a:schemeClr val="tx1"/>
                          </a:solidFill>
                          <a:latin typeface="ＭＳ Ｐ明朝" pitchFamily="18" charset="-128"/>
                          <a:ea typeface="ＭＳ Ｐ明朝" pitchFamily="18" charset="-128"/>
                          <a:cs typeface="+mn-cs"/>
                        </a:rPr>
                        <a:t>バス乗り場の駅前広場の移設により、バス乗降を安全かつ便</a:t>
                      </a:r>
                      <a:endParaRPr kumimoji="1" lang="en-US" altLang="ja-JP" sz="1200" kern="1200" dirty="0" smtClean="0">
                        <a:solidFill>
                          <a:schemeClr val="tx1"/>
                        </a:solidFill>
                        <a:latin typeface="ＭＳ Ｐ明朝" pitchFamily="18" charset="-128"/>
                        <a:ea typeface="ＭＳ Ｐ明朝" pitchFamily="18" charset="-128"/>
                        <a:cs typeface="+mn-cs"/>
                      </a:endParaRPr>
                    </a:p>
                    <a:p>
                      <a:pPr>
                        <a:buFont typeface="Arial" pitchFamily="34" charset="0"/>
                        <a:buNone/>
                      </a:pPr>
                      <a:r>
                        <a:rPr kumimoji="1" lang="ja-JP" altLang="en-US" sz="1200" kern="1200" dirty="0" smtClean="0">
                          <a:solidFill>
                            <a:schemeClr val="tx1"/>
                          </a:solidFill>
                          <a:latin typeface="ＭＳ Ｐ明朝" pitchFamily="18" charset="-128"/>
                          <a:ea typeface="ＭＳ Ｐ明朝" pitchFamily="18" charset="-128"/>
                          <a:cs typeface="+mn-cs"/>
                        </a:rPr>
                        <a:t>　　利にするとともに、大阪駅前線の交通を円滑化。</a:t>
                      </a:r>
                      <a:endParaRPr kumimoji="1" lang="en-US" altLang="ja-JP" sz="1200" kern="1200" dirty="0" smtClean="0">
                        <a:solidFill>
                          <a:schemeClr val="tx1"/>
                        </a:solidFill>
                        <a:latin typeface="ＭＳ Ｐ明朝" pitchFamily="18" charset="-128"/>
                        <a:ea typeface="ＭＳ Ｐ明朝" pitchFamily="18" charset="-128"/>
                        <a:cs typeface="+mn-cs"/>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7" name="スライド番号プレースホルダ 6"/>
          <p:cNvSpPr>
            <a:spLocks noGrp="1"/>
          </p:cNvSpPr>
          <p:nvPr>
            <p:ph type="sldNum" sz="quarter" idx="12"/>
          </p:nvPr>
        </p:nvSpPr>
        <p:spPr/>
        <p:txBody>
          <a:bodyPr/>
          <a:lstStyle/>
          <a:p>
            <a:fld id="{37EF5067-3AB7-4642-9103-42CBD40CC6D9}" type="slidenum">
              <a:rPr kumimoji="1" lang="ja-JP" altLang="en-US" smtClean="0"/>
              <a:pPr/>
              <a:t>8</a:t>
            </a:fld>
            <a:endParaRPr kumimoji="1" lang="ja-JP" altLang="en-US" dirty="0"/>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288032" y="6093296"/>
            <a:ext cx="9273480" cy="576064"/>
          </a:xfrm>
          <a:prstGeom prst="roundRect">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endParaRPr kumimoji="1" lang="ja-JP" altLang="en-US" sz="1100" dirty="0" smtClean="0">
              <a:solidFill>
                <a:schemeClr val="tx1"/>
              </a:solidFill>
            </a:endParaRPr>
          </a:p>
        </p:txBody>
      </p:sp>
      <p:sp>
        <p:nvSpPr>
          <p:cNvPr id="4" name="Rectangle 2"/>
          <p:cNvSpPr txBox="1">
            <a:spLocks noChangeArrowheads="1"/>
          </p:cNvSpPr>
          <p:nvPr/>
        </p:nvSpPr>
        <p:spPr bwMode="auto">
          <a:xfrm>
            <a:off x="0" y="10"/>
            <a:ext cx="9906000" cy="408111"/>
          </a:xfrm>
          <a:prstGeom prst="rect">
            <a:avLst/>
          </a:prstGeom>
          <a:gradFill rotWithShape="1">
            <a:gsLst>
              <a:gs pos="0">
                <a:srgbClr val="000066"/>
              </a:gs>
              <a:gs pos="50000">
                <a:srgbClr val="0000FF"/>
              </a:gs>
              <a:gs pos="100000">
                <a:srgbClr val="000066"/>
              </a:gs>
            </a:gsLst>
            <a:lin ang="5400000" scaled="1"/>
          </a:gradFill>
          <a:ln w="9525">
            <a:noFill/>
            <a:miter lim="800000"/>
            <a:headEnd/>
            <a:tailEnd/>
          </a:ln>
        </p:spPr>
        <p:txBody>
          <a:bodyPr vert="horz" wrap="square" lIns="91428" tIns="45714" rIns="91428" bIns="45714" numCol="1" anchor="ctr" anchorCtr="0" compatLnSpc="1">
            <a:prstTxWarp prst="textNoShape">
              <a:avLst/>
            </a:prstTxWarp>
          </a:bodyPr>
          <a:lstStyle/>
          <a:p>
            <a:r>
              <a:rPr lang="ja-JP" altLang="en-US" sz="2000" b="1" dirty="0" smtClean="0">
                <a:solidFill>
                  <a:schemeClr val="bg1"/>
                </a:solidFill>
                <a:latin typeface="ＭＳ ゴシック" pitchFamily="49" charset="-128"/>
                <a:ea typeface="ＭＳ ゴシック" pitchFamily="49" charset="-128"/>
              </a:rPr>
              <a:t>１．大阪駅周辺</a:t>
            </a:r>
            <a:endParaRPr lang="en-US" altLang="ja-JP" sz="2000" b="1" dirty="0" smtClean="0">
              <a:solidFill>
                <a:schemeClr val="bg1"/>
              </a:solidFill>
              <a:latin typeface="ＭＳ ゴシック" pitchFamily="49" charset="-128"/>
              <a:ea typeface="ＭＳ ゴシック" pitchFamily="49" charset="-128"/>
            </a:endParaRPr>
          </a:p>
        </p:txBody>
      </p:sp>
      <p:sp>
        <p:nvSpPr>
          <p:cNvPr id="6" name="テキスト ボックス 5"/>
          <p:cNvSpPr txBox="1"/>
          <p:nvPr/>
        </p:nvSpPr>
        <p:spPr>
          <a:xfrm>
            <a:off x="50" y="498158"/>
            <a:ext cx="2956259" cy="338554"/>
          </a:xfrm>
          <a:prstGeom prst="rect">
            <a:avLst/>
          </a:prstGeom>
          <a:noFill/>
        </p:spPr>
        <p:txBody>
          <a:bodyPr wrap="none" rtlCol="0">
            <a:spAutoFit/>
          </a:bodyPr>
          <a:lstStyle/>
          <a:p>
            <a:pPr lvl="0"/>
            <a:r>
              <a:rPr kumimoji="1" lang="ja-JP" altLang="en-US" sz="1600" dirty="0" smtClean="0"/>
              <a:t>○今後の取組み（スケジュール）</a:t>
            </a:r>
            <a:endParaRPr kumimoji="1" lang="en-US" altLang="ja-JP" sz="1600" dirty="0" smtClean="0"/>
          </a:p>
        </p:txBody>
      </p:sp>
      <p:sp>
        <p:nvSpPr>
          <p:cNvPr id="8" name="テキスト ボックス 7"/>
          <p:cNvSpPr txBox="1"/>
          <p:nvPr/>
        </p:nvSpPr>
        <p:spPr>
          <a:xfrm>
            <a:off x="0" y="5786100"/>
            <a:ext cx="3579826" cy="338554"/>
          </a:xfrm>
          <a:prstGeom prst="rect">
            <a:avLst/>
          </a:prstGeom>
          <a:noFill/>
        </p:spPr>
        <p:txBody>
          <a:bodyPr wrap="none" rtlCol="0">
            <a:spAutoFit/>
          </a:bodyPr>
          <a:lstStyle/>
          <a:p>
            <a:pPr lvl="0"/>
            <a:r>
              <a:rPr kumimoji="1" lang="ja-JP" altLang="en-US" sz="1600" dirty="0" smtClean="0"/>
              <a:t>○</a:t>
            </a:r>
            <a:r>
              <a:rPr kumimoji="1" lang="en-US" altLang="ja-JP" sz="1600" dirty="0" smtClean="0"/>
              <a:t>『</a:t>
            </a:r>
            <a:r>
              <a:rPr kumimoji="1" lang="ja-JP" altLang="en-US" sz="1600" dirty="0" smtClean="0"/>
              <a:t>大阪駅周辺</a:t>
            </a:r>
            <a:r>
              <a:rPr kumimoji="1" lang="en-US" altLang="ja-JP" sz="1600" dirty="0" smtClean="0"/>
              <a:t>』</a:t>
            </a:r>
            <a:r>
              <a:rPr kumimoji="1" lang="ja-JP" altLang="en-US" sz="1600" dirty="0" smtClean="0"/>
              <a:t>エリアの担当部局一覧</a:t>
            </a:r>
            <a:endParaRPr kumimoji="1" lang="en-US" altLang="ja-JP" sz="1600" dirty="0" smtClean="0"/>
          </a:p>
        </p:txBody>
      </p:sp>
      <p:sp>
        <p:nvSpPr>
          <p:cNvPr id="9" name="テキスト ボックス 8"/>
          <p:cNvSpPr txBox="1"/>
          <p:nvPr/>
        </p:nvSpPr>
        <p:spPr>
          <a:xfrm>
            <a:off x="335367" y="6107584"/>
            <a:ext cx="3177473" cy="523220"/>
          </a:xfrm>
          <a:prstGeom prst="rect">
            <a:avLst/>
          </a:prstGeom>
          <a:noFill/>
        </p:spPr>
        <p:txBody>
          <a:bodyPr wrap="none" rtlCol="0">
            <a:spAutoFit/>
          </a:bodyPr>
          <a:lstStyle/>
          <a:p>
            <a:pPr lvl="0"/>
            <a:r>
              <a:rPr kumimoji="1" lang="ja-JP" altLang="en-US" sz="1400" dirty="0" smtClean="0">
                <a:latin typeface="ＭＳ Ｐ明朝" pitchFamily="18" charset="-128"/>
                <a:ea typeface="ＭＳ Ｐ明朝" pitchFamily="18" charset="-128"/>
              </a:rPr>
              <a:t>・大阪市：都市計画局、建設局</a:t>
            </a:r>
            <a:endParaRPr kumimoji="1" lang="en-US" altLang="ja-JP" sz="1400" dirty="0" smtClean="0">
              <a:latin typeface="ＭＳ Ｐ明朝" pitchFamily="18" charset="-128"/>
              <a:ea typeface="ＭＳ Ｐ明朝" pitchFamily="18" charset="-128"/>
            </a:endParaRPr>
          </a:p>
          <a:p>
            <a:pPr lvl="0"/>
            <a:r>
              <a:rPr lang="ja-JP" altLang="en-US" sz="1400" dirty="0" smtClean="0">
                <a:latin typeface="ＭＳ Ｐ明朝" pitchFamily="18" charset="-128"/>
                <a:ea typeface="ＭＳ Ｐ明朝" pitchFamily="18" charset="-128"/>
              </a:rPr>
              <a:t>・大阪府：住宅まちづくり部、都市整備部</a:t>
            </a:r>
            <a:endParaRPr kumimoji="1" lang="en-US" altLang="ja-JP" sz="1400" dirty="0" smtClean="0">
              <a:latin typeface="ＭＳ Ｐ明朝" pitchFamily="18" charset="-128"/>
              <a:ea typeface="ＭＳ Ｐ明朝" pitchFamily="18" charset="-128"/>
            </a:endParaRPr>
          </a:p>
        </p:txBody>
      </p:sp>
      <p:pic>
        <p:nvPicPr>
          <p:cNvPr id="8193" name="Picture 1"/>
          <p:cNvPicPr>
            <a:picLocks noChangeAspect="1" noChangeArrowheads="1"/>
          </p:cNvPicPr>
          <p:nvPr/>
        </p:nvPicPr>
        <p:blipFill>
          <a:blip r:embed="rId2" cstate="email"/>
          <a:srcRect/>
          <a:stretch>
            <a:fillRect/>
          </a:stretch>
        </p:blipFill>
        <p:spPr bwMode="auto">
          <a:xfrm>
            <a:off x="413691" y="896759"/>
            <a:ext cx="9147821" cy="4764489"/>
          </a:xfrm>
          <a:prstGeom prst="rect">
            <a:avLst/>
          </a:prstGeom>
          <a:noFill/>
          <a:ln w="9525">
            <a:noFill/>
            <a:miter lim="800000"/>
            <a:headEnd/>
            <a:tailEnd/>
          </a:ln>
          <a:effectLst/>
        </p:spPr>
      </p:pic>
      <p:sp>
        <p:nvSpPr>
          <p:cNvPr id="12" name="スライド番号プレースホルダ 11"/>
          <p:cNvSpPr>
            <a:spLocks noGrp="1"/>
          </p:cNvSpPr>
          <p:nvPr>
            <p:ph type="sldNum" sz="quarter" idx="12"/>
          </p:nvPr>
        </p:nvSpPr>
        <p:spPr/>
        <p:txBody>
          <a:bodyPr/>
          <a:lstStyle/>
          <a:p>
            <a:fld id="{37EF5067-3AB7-4642-9103-42CBD40CC6D9}" type="slidenum">
              <a:rPr kumimoji="1" lang="ja-JP" altLang="en-US" smtClean="0"/>
              <a:pPr/>
              <a:t>9</a:t>
            </a:fld>
            <a:endParaRPr kumimoji="1" lang="ja-JP" altLang="en-US" dirty="0"/>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bg1"/>
        </a:solidFill>
        <a:ln w="12700">
          <a:solidFill>
            <a:schemeClr val="tx1"/>
          </a:solidFill>
        </a:ln>
      </a:spPr>
      <a:bodyPr lIns="0" tIns="0" rIns="0" bIns="0" rtlCol="0" anchor="ctr"/>
      <a:lstStyle>
        <a:defPPr algn="ctr">
          <a:defRPr kumimoji="1" sz="1100" dirty="0" smtClean="0">
            <a:solidFill>
              <a:schemeClr val="tx1"/>
            </a:solidFill>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4765</TotalTime>
  <Words>10257</Words>
  <Application>Microsoft Office PowerPoint</Application>
  <PresentationFormat>A4 210 x 297 mm</PresentationFormat>
  <Paragraphs>2487</Paragraphs>
  <Slides>74</Slides>
  <Notes>28</Notes>
  <HiddenSlides>0</HiddenSlides>
  <MMClips>0</MMClips>
  <ScaleCrop>false</ScaleCrop>
  <HeadingPairs>
    <vt:vector size="4" baseType="variant">
      <vt:variant>
        <vt:lpstr>テーマ</vt:lpstr>
      </vt:variant>
      <vt:variant>
        <vt:i4>1</vt:i4>
      </vt:variant>
      <vt:variant>
        <vt:lpstr>スライド タイトル</vt:lpstr>
      </vt:variant>
      <vt:variant>
        <vt:i4>74</vt:i4>
      </vt:variant>
    </vt:vector>
  </HeadingPairs>
  <TitlesOfParts>
    <vt:vector size="75" baseType="lpstr">
      <vt:lpstr>Office テーマ</vt:lpstr>
      <vt:lpstr>PowerPoint プレゼンテーション</vt:lpstr>
      <vt:lpstr>○とりまとめの趣旨と構成について</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HOSTNAME</cp:lastModifiedBy>
  <cp:revision>1985</cp:revision>
  <cp:lastPrinted>2015-03-12T05:44:57Z</cp:lastPrinted>
  <dcterms:created xsi:type="dcterms:W3CDTF">2014-08-13T03:15:52Z</dcterms:created>
  <dcterms:modified xsi:type="dcterms:W3CDTF">2015-03-12T05:50:51Z</dcterms:modified>
</cp:coreProperties>
</file>